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xl/queryTables/queryTable2.xml" ContentType="application/vnd.openxmlformats-officedocument.spreadsheetml.queryTable+xml"/>
  <Override PartName="/xl/queryTables/queryTable3.xml" ContentType="application/vnd.openxmlformats-officedocument.spreadsheetml.queryTable+xml"/>
  <Override PartName="/xl/queryTables/queryTable4.xml" ContentType="application/vnd.openxmlformats-officedocument.spreadsheetml.queryTable+xml"/>
  <Override PartName="/xl/queryTables/queryTable5.xml" ContentType="application/vnd.openxmlformats-officedocument.spreadsheetml.queryTab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720" yWindow="795" windowWidth="20595" windowHeight="9285" activeTab="4"/>
  </bookViews>
  <sheets>
    <sheet name="BIE_c20150909171933" sheetId="1" r:id="rId1"/>
    <sheet name="BIE_c20150910131257" sheetId="8" r:id="rId2"/>
    <sheet name="Indices Auto" sheetId="2" r:id="rId3"/>
    <sheet name="Cambios Auto" sheetId="9" r:id="rId4"/>
    <sheet name="Semaforo" sheetId="5" r:id="rId5"/>
  </sheets>
  <definedNames>
    <definedName name="BIE_c20150909171933" localSheetId="0">BIE_c20150909171933!$A$1:$GQ$26</definedName>
    <definedName name="BIE_c20150909171933" localSheetId="2">'Indices Auto'!$A$1:$GQ$26</definedName>
    <definedName name="BIE_c20150909171933" localSheetId="4">Semaforo!$A$1:$GG$26</definedName>
    <definedName name="BIE_c20150910131257" localSheetId="1">BIE_c20150910131257!$A$1:$GQ$25</definedName>
    <definedName name="BIE_c20150910131257" localSheetId="3">'Cambios Auto'!$A$1:$GG$25</definedName>
  </definedNames>
  <calcPr calcId="145621"/>
</workbook>
</file>

<file path=xl/calcChain.xml><?xml version="1.0" encoding="utf-8"?>
<calcChain xmlns="http://schemas.openxmlformats.org/spreadsheetml/2006/main">
  <c r="GK5" i="9" l="1"/>
  <c r="GL5" i="9"/>
  <c r="GM5" i="9"/>
  <c r="GN5" i="9"/>
  <c r="GO5" i="9"/>
  <c r="GP5" i="9"/>
  <c r="GQ5" i="9"/>
  <c r="GK6" i="9"/>
  <c r="GL6" i="9"/>
  <c r="GM6" i="9"/>
  <c r="GN6" i="9"/>
  <c r="GO6" i="9"/>
  <c r="GP6" i="9"/>
  <c r="GQ6" i="9"/>
  <c r="GK7" i="9"/>
  <c r="GL7" i="9"/>
  <c r="GM7" i="9"/>
  <c r="GN7" i="9"/>
  <c r="GO7" i="9"/>
  <c r="GP7" i="9"/>
  <c r="GQ7" i="9"/>
  <c r="GK8" i="9"/>
  <c r="GL8" i="9"/>
  <c r="GM8" i="9"/>
  <c r="GN8" i="9"/>
  <c r="GO8" i="9"/>
  <c r="GP8" i="9"/>
  <c r="GQ8" i="9"/>
  <c r="GK9" i="9"/>
  <c r="GL9" i="9"/>
  <c r="GM9" i="9"/>
  <c r="GN9" i="9"/>
  <c r="GO9" i="9"/>
  <c r="GP9" i="9"/>
  <c r="GQ9" i="9"/>
  <c r="GK10" i="9"/>
  <c r="GL10" i="9"/>
  <c r="GM10" i="9"/>
  <c r="GN10" i="9"/>
  <c r="GO10" i="9"/>
  <c r="GP10" i="9"/>
  <c r="GQ10" i="9"/>
  <c r="GK11" i="9"/>
  <c r="GL11" i="9"/>
  <c r="GM11" i="9"/>
  <c r="GN11" i="9"/>
  <c r="GO11" i="9"/>
  <c r="GP11" i="9"/>
  <c r="GQ11" i="9"/>
  <c r="GK12" i="9"/>
  <c r="GL12" i="9"/>
  <c r="GM12" i="9"/>
  <c r="GN12" i="9"/>
  <c r="GO12" i="9"/>
  <c r="GP12" i="9"/>
  <c r="GQ12" i="9"/>
  <c r="GK13" i="9"/>
  <c r="GL13" i="9"/>
  <c r="GM13" i="9"/>
  <c r="GN13" i="9"/>
  <c r="GO13" i="9"/>
  <c r="GP13" i="9"/>
  <c r="GQ13" i="9"/>
  <c r="GK14" i="9"/>
  <c r="GL14" i="9"/>
  <c r="GM14" i="9"/>
  <c r="GN14" i="9"/>
  <c r="GO14" i="9"/>
  <c r="GP14" i="9"/>
  <c r="GQ14" i="9"/>
  <c r="GK15" i="9"/>
  <c r="GL15" i="9"/>
  <c r="GM15" i="9"/>
  <c r="GN15" i="9"/>
  <c r="GO15" i="9"/>
  <c r="GP15" i="9"/>
  <c r="GQ15" i="9"/>
  <c r="GK16" i="9"/>
  <c r="GL16" i="9"/>
  <c r="GM16" i="9"/>
  <c r="GN16" i="9"/>
  <c r="GO16" i="9"/>
  <c r="GP16" i="9"/>
  <c r="GQ16" i="9"/>
  <c r="GK17" i="9"/>
  <c r="GL17" i="9"/>
  <c r="GM17" i="9"/>
  <c r="GN17" i="9"/>
  <c r="GO17" i="9"/>
  <c r="GP17" i="9"/>
  <c r="GQ17" i="9"/>
  <c r="GK18" i="9"/>
  <c r="GL18" i="9"/>
  <c r="GM18" i="9"/>
  <c r="GN18" i="9"/>
  <c r="GO18" i="9"/>
  <c r="GP18" i="9"/>
  <c r="GQ18" i="9"/>
  <c r="GK19" i="9"/>
  <c r="GL19" i="9"/>
  <c r="GM19" i="9"/>
  <c r="GN19" i="9"/>
  <c r="GO19" i="9"/>
  <c r="GP19" i="9"/>
  <c r="GQ19" i="9"/>
  <c r="GM4" i="9"/>
  <c r="GN4" i="9"/>
  <c r="GO4" i="9"/>
  <c r="GP4" i="9"/>
  <c r="GQ4" i="9"/>
  <c r="GH8" i="9"/>
  <c r="GI8" i="9"/>
  <c r="GJ8" i="9"/>
  <c r="GR8" i="9"/>
  <c r="GH9" i="9"/>
  <c r="GI9" i="9"/>
  <c r="GJ9" i="9"/>
  <c r="GR9" i="9"/>
  <c r="GH10" i="9"/>
  <c r="GI10" i="9"/>
  <c r="GJ10" i="9"/>
  <c r="GR10" i="9"/>
  <c r="GH11" i="9"/>
  <c r="GI11" i="9"/>
  <c r="GJ11" i="9"/>
  <c r="GR11" i="9"/>
  <c r="GH12" i="9"/>
  <c r="GI12" i="9"/>
  <c r="GJ12" i="9"/>
  <c r="GR12" i="9"/>
  <c r="GH13" i="9"/>
  <c r="GI13" i="9"/>
  <c r="GJ13" i="9"/>
  <c r="GR13" i="9"/>
  <c r="GH14" i="9"/>
  <c r="GI14" i="9"/>
  <c r="GJ14" i="9"/>
  <c r="GR14" i="9"/>
  <c r="GH15" i="9"/>
  <c r="GI15" i="9"/>
  <c r="GJ15" i="9"/>
  <c r="GR15" i="9"/>
  <c r="GH16" i="9"/>
  <c r="GI16" i="9"/>
  <c r="GJ16" i="9"/>
  <c r="GR16" i="9"/>
  <c r="GH17" i="9"/>
  <c r="GI17" i="9"/>
  <c r="GJ17" i="9"/>
  <c r="GR17" i="9"/>
  <c r="GH18" i="9"/>
  <c r="GI18" i="9"/>
  <c r="GJ18" i="9"/>
  <c r="GR18" i="9"/>
  <c r="GH19" i="9"/>
  <c r="GI19" i="9"/>
  <c r="GJ19" i="9"/>
  <c r="GR19" i="9"/>
  <c r="GJ7" i="9"/>
  <c r="GR7" i="9"/>
  <c r="GS7" i="9"/>
  <c r="GR6" i="9"/>
  <c r="GS6" i="9"/>
  <c r="GT6" i="9"/>
  <c r="GU6" i="9"/>
  <c r="GV6" i="9"/>
  <c r="GW6" i="9"/>
  <c r="GX6" i="9"/>
  <c r="GY6" i="9"/>
  <c r="GR5" i="9"/>
  <c r="GS5" i="9"/>
  <c r="GT5" i="9"/>
  <c r="GU5" i="9"/>
  <c r="GV5" i="9"/>
  <c r="GW5" i="9"/>
  <c r="GX5" i="9"/>
  <c r="GL4" i="9"/>
  <c r="GR4" i="9"/>
  <c r="GS4" i="9"/>
  <c r="GT4" i="9"/>
  <c r="GU4" i="9"/>
  <c r="GV4" i="9"/>
  <c r="GW4" i="9"/>
  <c r="GX4" i="9"/>
  <c r="GY4" i="9"/>
  <c r="GG4" i="9" l="1"/>
  <c r="GH4" i="9"/>
  <c r="GI4" i="9"/>
  <c r="GJ4" i="9"/>
  <c r="GK4" i="9"/>
  <c r="GG5" i="9"/>
  <c r="GH5" i="9"/>
  <c r="GI5" i="9"/>
  <c r="GJ5" i="9"/>
  <c r="GG6" i="9"/>
  <c r="GH6" i="9"/>
  <c r="GI6" i="9"/>
  <c r="GJ6" i="9"/>
  <c r="GG7" i="9"/>
  <c r="GH7" i="9"/>
  <c r="GI7" i="9"/>
  <c r="GT7" i="9"/>
  <c r="GU7" i="9"/>
  <c r="GG8" i="9"/>
  <c r="GS8" i="9"/>
  <c r="GT8" i="9"/>
  <c r="GU8" i="9"/>
  <c r="GG9" i="9"/>
  <c r="GS9" i="9"/>
  <c r="GT9" i="9"/>
  <c r="GU9" i="9"/>
  <c r="GG10" i="9"/>
  <c r="GS10" i="9"/>
  <c r="GT10" i="9"/>
  <c r="GU10" i="9"/>
  <c r="GG11" i="9"/>
  <c r="GS11" i="9"/>
  <c r="GT11" i="9"/>
  <c r="GU11" i="9"/>
  <c r="GG12" i="9"/>
  <c r="GS12" i="9"/>
  <c r="GT12" i="9"/>
  <c r="GU12" i="9"/>
  <c r="GG13" i="9"/>
  <c r="GS13" i="9"/>
  <c r="GT13" i="9"/>
  <c r="GU13" i="9"/>
  <c r="GG14" i="9"/>
  <c r="GS14" i="9"/>
  <c r="GT14" i="9"/>
  <c r="GU14" i="9"/>
  <c r="GG15" i="9"/>
  <c r="GS15" i="9"/>
  <c r="GT15" i="9"/>
  <c r="GU15" i="9"/>
  <c r="GG16" i="9"/>
  <c r="GS16" i="9"/>
  <c r="GT16" i="9"/>
  <c r="GU16" i="9"/>
  <c r="GG17" i="9"/>
  <c r="GS17" i="9"/>
  <c r="GT17" i="9"/>
  <c r="GU17" i="9"/>
  <c r="GG18" i="9"/>
  <c r="GS18" i="9"/>
  <c r="GT18" i="9"/>
  <c r="GU18" i="9"/>
  <c r="GG19" i="9"/>
  <c r="GS19" i="9"/>
  <c r="GT19" i="9"/>
  <c r="GU19" i="9"/>
  <c r="GR4" i="2"/>
  <c r="GS4" i="2"/>
  <c r="GT4" i="2"/>
  <c r="GU4" i="2"/>
  <c r="GK4" i="5" s="1"/>
  <c r="GV4" i="2"/>
  <c r="GL4" i="5" s="1"/>
  <c r="GW4" i="2"/>
  <c r="GM4" i="5" s="1"/>
  <c r="GX4" i="2"/>
  <c r="GN4" i="5" s="1"/>
  <c r="GY4" i="2"/>
  <c r="GO4" i="5" s="1"/>
  <c r="GZ4" i="2"/>
  <c r="GP4" i="5" s="1"/>
  <c r="HA4" i="2"/>
  <c r="GQ4" i="5" s="1"/>
  <c r="HB4" i="2"/>
  <c r="GR4" i="5" s="1"/>
  <c r="HC4" i="2"/>
  <c r="GS4" i="5" s="1"/>
  <c r="HD4" i="2"/>
  <c r="HE4" i="2"/>
  <c r="HF4" i="2"/>
  <c r="HG4" i="2"/>
  <c r="HH4" i="2"/>
  <c r="HI4" i="2"/>
  <c r="HJ4" i="2"/>
  <c r="HK4" i="2"/>
  <c r="HL4" i="2"/>
  <c r="GR5" i="2"/>
  <c r="GS5" i="2"/>
  <c r="GT5" i="2"/>
  <c r="GU5" i="2"/>
  <c r="GV5" i="2"/>
  <c r="GW5" i="2"/>
  <c r="GX5" i="2"/>
  <c r="GY5" i="2"/>
  <c r="GZ5" i="2"/>
  <c r="HA5" i="2"/>
  <c r="HB5" i="2"/>
  <c r="HC5" i="2"/>
  <c r="HD5" i="2"/>
  <c r="HE5" i="2"/>
  <c r="HF5" i="2"/>
  <c r="HG5" i="2"/>
  <c r="HH5" i="2"/>
  <c r="HI5" i="2"/>
  <c r="HJ5" i="2"/>
  <c r="HK5" i="2"/>
  <c r="HL5" i="2"/>
  <c r="GR6" i="2"/>
  <c r="GS6" i="2"/>
  <c r="GT6" i="2"/>
  <c r="GU6" i="2"/>
  <c r="GV6" i="2"/>
  <c r="GW6" i="2"/>
  <c r="GX6" i="2"/>
  <c r="GY6" i="2"/>
  <c r="GZ6" i="2"/>
  <c r="HA6" i="2"/>
  <c r="HB6" i="2"/>
  <c r="HC6" i="2"/>
  <c r="HD6" i="2"/>
  <c r="HE6" i="2"/>
  <c r="HF6" i="2"/>
  <c r="HG6" i="2"/>
  <c r="HH6" i="2"/>
  <c r="HI6" i="2"/>
  <c r="HJ6" i="2"/>
  <c r="HK6" i="2"/>
  <c r="HL6" i="2"/>
  <c r="GR7" i="2"/>
  <c r="GS7" i="2"/>
  <c r="GT7" i="2"/>
  <c r="GU7" i="2"/>
  <c r="GV7" i="2"/>
  <c r="GW7" i="2"/>
  <c r="GX7" i="2"/>
  <c r="GY7" i="2"/>
  <c r="GZ7" i="2"/>
  <c r="HA7" i="2"/>
  <c r="HB7" i="2"/>
  <c r="HC7" i="2"/>
  <c r="HD7" i="2"/>
  <c r="HE7" i="2"/>
  <c r="HF7" i="2"/>
  <c r="HG7" i="2"/>
  <c r="HH7" i="2"/>
  <c r="HI7" i="2"/>
  <c r="HJ7" i="2"/>
  <c r="HK7" i="2"/>
  <c r="HL7" i="2"/>
  <c r="GR8" i="2"/>
  <c r="GS8" i="2"/>
  <c r="GT8" i="2"/>
  <c r="GU8" i="2"/>
  <c r="GV8" i="2"/>
  <c r="GW8" i="2"/>
  <c r="GX8" i="2"/>
  <c r="GY8" i="2"/>
  <c r="GZ8" i="2"/>
  <c r="HA8" i="2"/>
  <c r="HB8" i="2"/>
  <c r="HC8" i="2"/>
  <c r="HD8" i="2"/>
  <c r="HE8" i="2"/>
  <c r="HF8" i="2"/>
  <c r="HG8" i="2"/>
  <c r="HH8" i="2"/>
  <c r="HI8" i="2"/>
  <c r="HJ8" i="2"/>
  <c r="HK8" i="2"/>
  <c r="HL8" i="2"/>
  <c r="GR9" i="2"/>
  <c r="GS9" i="2"/>
  <c r="GT9" i="2"/>
  <c r="GU9" i="2"/>
  <c r="GV9" i="2"/>
  <c r="GW9" i="2"/>
  <c r="GX9" i="2"/>
  <c r="GY9" i="2"/>
  <c r="GZ9" i="2"/>
  <c r="HA9" i="2"/>
  <c r="HB9" i="2"/>
  <c r="HC9" i="2"/>
  <c r="HD9" i="2"/>
  <c r="HE9" i="2"/>
  <c r="HF9" i="2"/>
  <c r="HG9" i="2"/>
  <c r="HH9" i="2"/>
  <c r="HI9" i="2"/>
  <c r="HJ9" i="2"/>
  <c r="HK9" i="2"/>
  <c r="HL9" i="2"/>
  <c r="GR10" i="2"/>
  <c r="GS10" i="2"/>
  <c r="GT10" i="2"/>
  <c r="GU10" i="2"/>
  <c r="GV10" i="2"/>
  <c r="GW10" i="2"/>
  <c r="GX10" i="2"/>
  <c r="GY10" i="2"/>
  <c r="GZ10" i="2"/>
  <c r="HA10" i="2"/>
  <c r="HB10" i="2"/>
  <c r="HC10" i="2"/>
  <c r="HD10" i="2"/>
  <c r="HE10" i="2"/>
  <c r="HF10" i="2"/>
  <c r="HG10" i="2"/>
  <c r="HH10" i="2"/>
  <c r="HI10" i="2"/>
  <c r="HJ10" i="2"/>
  <c r="HK10" i="2"/>
  <c r="HL10" i="2"/>
  <c r="GR11" i="2"/>
  <c r="GS11" i="2"/>
  <c r="GT11" i="2"/>
  <c r="GU11" i="2"/>
  <c r="GV11" i="2"/>
  <c r="GW11" i="2"/>
  <c r="GX11" i="2"/>
  <c r="GY11" i="2"/>
  <c r="GZ11" i="2"/>
  <c r="HA11" i="2"/>
  <c r="HB11" i="2"/>
  <c r="HC11" i="2"/>
  <c r="HD11" i="2"/>
  <c r="HE11" i="2"/>
  <c r="HF11" i="2"/>
  <c r="HG11" i="2"/>
  <c r="HH11" i="2"/>
  <c r="HI11" i="2"/>
  <c r="HJ11" i="2"/>
  <c r="HK11" i="2"/>
  <c r="HL11" i="2"/>
  <c r="GR12" i="2"/>
  <c r="GS12" i="2"/>
  <c r="GT12" i="2"/>
  <c r="GU12" i="2"/>
  <c r="GV12" i="2"/>
  <c r="GW12" i="2"/>
  <c r="GX12" i="2"/>
  <c r="GY12" i="2"/>
  <c r="GZ12" i="2"/>
  <c r="HA12" i="2"/>
  <c r="HB12" i="2"/>
  <c r="HC12" i="2"/>
  <c r="HD12" i="2"/>
  <c r="HE12" i="2"/>
  <c r="HF12" i="2"/>
  <c r="HG12" i="2"/>
  <c r="HH12" i="2"/>
  <c r="HI12" i="2"/>
  <c r="HJ12" i="2"/>
  <c r="HK12" i="2"/>
  <c r="HL12" i="2"/>
  <c r="GR13" i="2"/>
  <c r="GS13" i="2"/>
  <c r="GT13" i="2"/>
  <c r="GU13" i="2"/>
  <c r="GV13" i="2"/>
  <c r="GW13" i="2"/>
  <c r="GX13" i="2"/>
  <c r="GY13" i="2"/>
  <c r="GZ13" i="2"/>
  <c r="HA13" i="2"/>
  <c r="HB13" i="2"/>
  <c r="HC13" i="2"/>
  <c r="HD13" i="2"/>
  <c r="HE13" i="2"/>
  <c r="HF13" i="2"/>
  <c r="HG13" i="2"/>
  <c r="HH13" i="2"/>
  <c r="HI13" i="2"/>
  <c r="HJ13" i="2"/>
  <c r="HK13" i="2"/>
  <c r="HL13" i="2"/>
  <c r="GR14" i="2"/>
  <c r="GS14" i="2"/>
  <c r="GT14" i="2"/>
  <c r="GU14" i="2"/>
  <c r="GV14" i="2"/>
  <c r="GW14" i="2"/>
  <c r="GX14" i="2"/>
  <c r="GY14" i="2"/>
  <c r="GZ14" i="2"/>
  <c r="HA14" i="2"/>
  <c r="HB14" i="2"/>
  <c r="HC14" i="2"/>
  <c r="HD14" i="2"/>
  <c r="HE14" i="2"/>
  <c r="HF14" i="2"/>
  <c r="HG14" i="2"/>
  <c r="HH14" i="2"/>
  <c r="HI14" i="2"/>
  <c r="HJ14" i="2"/>
  <c r="HK14" i="2"/>
  <c r="HL14" i="2"/>
  <c r="GR15" i="2"/>
  <c r="GS15" i="2"/>
  <c r="GT15" i="2"/>
  <c r="GU15" i="2"/>
  <c r="GV15" i="2"/>
  <c r="GW15" i="2"/>
  <c r="GX15" i="2"/>
  <c r="GY15" i="2"/>
  <c r="GZ15" i="2"/>
  <c r="HA15" i="2"/>
  <c r="HB15" i="2"/>
  <c r="HC15" i="2"/>
  <c r="HD15" i="2"/>
  <c r="HE15" i="2"/>
  <c r="HF15" i="2"/>
  <c r="HG15" i="2"/>
  <c r="HH15" i="2"/>
  <c r="HI15" i="2"/>
  <c r="HJ15" i="2"/>
  <c r="HK15" i="2"/>
  <c r="HL15" i="2"/>
  <c r="GR16" i="2"/>
  <c r="GS16" i="2"/>
  <c r="GT16" i="2"/>
  <c r="GU16" i="2"/>
  <c r="GV16" i="2"/>
  <c r="GW16" i="2"/>
  <c r="GX16" i="2"/>
  <c r="GY16" i="2"/>
  <c r="GZ16" i="2"/>
  <c r="HA16" i="2"/>
  <c r="HB16" i="2"/>
  <c r="HC16" i="2"/>
  <c r="HD16" i="2"/>
  <c r="HE16" i="2"/>
  <c r="HF16" i="2"/>
  <c r="HG16" i="2"/>
  <c r="HH16" i="2"/>
  <c r="HI16" i="2"/>
  <c r="HJ16" i="2"/>
  <c r="HK16" i="2"/>
  <c r="HL16" i="2"/>
  <c r="GR17" i="2"/>
  <c r="GS17" i="2"/>
  <c r="GT17" i="2"/>
  <c r="GU17" i="2"/>
  <c r="GV17" i="2"/>
  <c r="GW17" i="2"/>
  <c r="GX17" i="2"/>
  <c r="GY17" i="2"/>
  <c r="GZ17" i="2"/>
  <c r="HA17" i="2"/>
  <c r="HB17" i="2"/>
  <c r="HC17" i="2"/>
  <c r="HD17" i="2"/>
  <c r="HE17" i="2"/>
  <c r="HF17" i="2"/>
  <c r="HG17" i="2"/>
  <c r="HH17" i="2"/>
  <c r="HI17" i="2"/>
  <c r="HJ17" i="2"/>
  <c r="HK17" i="2"/>
  <c r="HL17" i="2"/>
  <c r="GR18" i="2"/>
  <c r="GS18" i="2"/>
  <c r="GT18" i="2"/>
  <c r="GU18" i="2"/>
  <c r="GV18" i="2"/>
  <c r="GW18" i="2"/>
  <c r="GX18" i="2"/>
  <c r="GY18" i="2"/>
  <c r="GZ18" i="2"/>
  <c r="HA18" i="2"/>
  <c r="HB18" i="2"/>
  <c r="HC18" i="2"/>
  <c r="HD18" i="2"/>
  <c r="HE18" i="2"/>
  <c r="HF18" i="2"/>
  <c r="HG18" i="2"/>
  <c r="HH18" i="2"/>
  <c r="HI18" i="2"/>
  <c r="HJ18" i="2"/>
  <c r="HK18" i="2"/>
  <c r="HL18" i="2"/>
  <c r="GR19" i="2"/>
  <c r="GS19" i="2"/>
  <c r="GT19" i="2"/>
  <c r="GU19" i="2"/>
  <c r="GV19" i="2"/>
  <c r="GW19" i="2"/>
  <c r="GX19" i="2"/>
  <c r="GY19" i="2"/>
  <c r="GZ19" i="2"/>
  <c r="HA19" i="2"/>
  <c r="HB19" i="2"/>
  <c r="HC19" i="2"/>
  <c r="HD19" i="2"/>
  <c r="HE19" i="2"/>
  <c r="HF19" i="2"/>
  <c r="HG19" i="2"/>
  <c r="HH19" i="2"/>
  <c r="HI19" i="2"/>
  <c r="HJ19" i="2"/>
  <c r="HK19" i="2"/>
  <c r="HL19" i="2"/>
  <c r="GY5" i="9"/>
  <c r="GZ5" i="9"/>
  <c r="HA5" i="9"/>
  <c r="HB5" i="9"/>
  <c r="HC5" i="9"/>
  <c r="HD5" i="9"/>
  <c r="HE5" i="9"/>
  <c r="HF5" i="9"/>
  <c r="HG5" i="9"/>
  <c r="HH5" i="9"/>
  <c r="HI5" i="9"/>
  <c r="HJ5" i="9"/>
  <c r="HK5" i="9"/>
  <c r="HL5" i="9"/>
  <c r="HM5" i="9"/>
  <c r="HN5" i="9"/>
  <c r="HO5" i="9"/>
  <c r="HP5" i="9"/>
  <c r="HQ5" i="9"/>
  <c r="HR5" i="9"/>
  <c r="HS5" i="9"/>
  <c r="HT5" i="9"/>
  <c r="HU5" i="9"/>
  <c r="HV5" i="9"/>
  <c r="HW5" i="9"/>
  <c r="HX5" i="9"/>
  <c r="HY5" i="9"/>
  <c r="GZ6" i="9"/>
  <c r="HA6" i="9"/>
  <c r="HB6" i="9"/>
  <c r="HC6" i="9"/>
  <c r="HD6" i="9"/>
  <c r="HE6" i="9"/>
  <c r="HF6" i="9"/>
  <c r="HG6" i="9"/>
  <c r="HH6" i="9"/>
  <c r="HI6" i="9"/>
  <c r="HJ6" i="9"/>
  <c r="HK6" i="9"/>
  <c r="HL6" i="9"/>
  <c r="HM6" i="9"/>
  <c r="HN6" i="9"/>
  <c r="HO6" i="9"/>
  <c r="HP6" i="9"/>
  <c r="HQ6" i="9"/>
  <c r="HR6" i="9"/>
  <c r="HS6" i="9"/>
  <c r="HT6" i="9"/>
  <c r="HU6" i="9"/>
  <c r="HV6" i="9"/>
  <c r="HW6" i="9"/>
  <c r="HX6" i="9"/>
  <c r="HY6" i="9"/>
  <c r="GV7" i="9"/>
  <c r="GW7" i="9"/>
  <c r="GX7" i="9"/>
  <c r="GY7" i="9"/>
  <c r="GZ7" i="9"/>
  <c r="HA7" i="9"/>
  <c r="HB7" i="9"/>
  <c r="HC7" i="9"/>
  <c r="HD7" i="9"/>
  <c r="HE7" i="9"/>
  <c r="HF7" i="9"/>
  <c r="HG7" i="9"/>
  <c r="HH7" i="9"/>
  <c r="HI7" i="9"/>
  <c r="HJ7" i="9"/>
  <c r="HK7" i="9"/>
  <c r="HL7" i="9"/>
  <c r="HM7" i="9"/>
  <c r="HN7" i="9"/>
  <c r="HO7" i="9"/>
  <c r="HP7" i="9"/>
  <c r="HQ7" i="9"/>
  <c r="HR7" i="9"/>
  <c r="HS7" i="9"/>
  <c r="HT7" i="9"/>
  <c r="HU7" i="9"/>
  <c r="HV7" i="9"/>
  <c r="HW7" i="9"/>
  <c r="HX7" i="9"/>
  <c r="HY7" i="9"/>
  <c r="GV8" i="9"/>
  <c r="GW8" i="9"/>
  <c r="GX8" i="9"/>
  <c r="GY8" i="9"/>
  <c r="GZ8" i="9"/>
  <c r="HA8" i="9"/>
  <c r="HB8" i="9"/>
  <c r="HC8" i="9"/>
  <c r="HD8" i="9"/>
  <c r="HE8" i="9"/>
  <c r="HF8" i="9"/>
  <c r="HG8" i="9"/>
  <c r="HH8" i="9"/>
  <c r="HI8" i="9"/>
  <c r="HJ8" i="9"/>
  <c r="HK8" i="9"/>
  <c r="HL8" i="9"/>
  <c r="HM8" i="9"/>
  <c r="HN8" i="9"/>
  <c r="HO8" i="9"/>
  <c r="HP8" i="9"/>
  <c r="HQ8" i="9"/>
  <c r="HR8" i="9"/>
  <c r="HS8" i="9"/>
  <c r="HT8" i="9"/>
  <c r="HU8" i="9"/>
  <c r="HV8" i="9"/>
  <c r="HW8" i="9"/>
  <c r="HX8" i="9"/>
  <c r="HY8" i="9"/>
  <c r="GV9" i="9"/>
  <c r="GW9" i="9"/>
  <c r="GX9" i="9"/>
  <c r="GY9" i="9"/>
  <c r="GZ9" i="9"/>
  <c r="HA9" i="9"/>
  <c r="HB9" i="9"/>
  <c r="HC9" i="9"/>
  <c r="HD9" i="9"/>
  <c r="HE9" i="9"/>
  <c r="HF9" i="9"/>
  <c r="HG9" i="9"/>
  <c r="HH9" i="9"/>
  <c r="HI9" i="9"/>
  <c r="HJ9" i="9"/>
  <c r="HK9" i="9"/>
  <c r="HL9" i="9"/>
  <c r="HM9" i="9"/>
  <c r="HN9" i="9"/>
  <c r="HO9" i="9"/>
  <c r="HP9" i="9"/>
  <c r="HQ9" i="9"/>
  <c r="HR9" i="9"/>
  <c r="HS9" i="9"/>
  <c r="HT9" i="9"/>
  <c r="HU9" i="9"/>
  <c r="HV9" i="9"/>
  <c r="HW9" i="9"/>
  <c r="HX9" i="9"/>
  <c r="HY9" i="9"/>
  <c r="GV10" i="9"/>
  <c r="GW10" i="9"/>
  <c r="GX10" i="9"/>
  <c r="GY10" i="9"/>
  <c r="GZ10" i="9"/>
  <c r="HA10" i="9"/>
  <c r="HB10" i="9"/>
  <c r="HC10" i="9"/>
  <c r="HD10" i="9"/>
  <c r="HE10" i="9"/>
  <c r="HF10" i="9"/>
  <c r="HG10" i="9"/>
  <c r="HH10" i="9"/>
  <c r="HI10" i="9"/>
  <c r="HJ10" i="9"/>
  <c r="HK10" i="9"/>
  <c r="HL10" i="9"/>
  <c r="HM10" i="9"/>
  <c r="HN10" i="9"/>
  <c r="HO10" i="9"/>
  <c r="HP10" i="9"/>
  <c r="HQ10" i="9"/>
  <c r="HR10" i="9"/>
  <c r="HS10" i="9"/>
  <c r="HT10" i="9"/>
  <c r="HU10" i="9"/>
  <c r="HV10" i="9"/>
  <c r="HW10" i="9"/>
  <c r="HX10" i="9"/>
  <c r="HY10" i="9"/>
  <c r="GV11" i="9"/>
  <c r="GW11" i="9"/>
  <c r="GX11" i="9"/>
  <c r="GY11" i="9"/>
  <c r="GZ11" i="9"/>
  <c r="HA11" i="9"/>
  <c r="HB11" i="9"/>
  <c r="HC11" i="9"/>
  <c r="HD11" i="9"/>
  <c r="HE11" i="9"/>
  <c r="HF11" i="9"/>
  <c r="HG11" i="9"/>
  <c r="HH11" i="9"/>
  <c r="HI11" i="9"/>
  <c r="HJ11" i="9"/>
  <c r="HK11" i="9"/>
  <c r="HL11" i="9"/>
  <c r="HM11" i="9"/>
  <c r="HN11" i="9"/>
  <c r="HO11" i="9"/>
  <c r="HP11" i="9"/>
  <c r="HQ11" i="9"/>
  <c r="HR11" i="9"/>
  <c r="HS11" i="9"/>
  <c r="HT11" i="9"/>
  <c r="HU11" i="9"/>
  <c r="HV11" i="9"/>
  <c r="HW11" i="9"/>
  <c r="HX11" i="9"/>
  <c r="HY11" i="9"/>
  <c r="GV12" i="9"/>
  <c r="GW12" i="9"/>
  <c r="GX12" i="9"/>
  <c r="GY12" i="9"/>
  <c r="GZ12" i="9"/>
  <c r="HA12" i="9"/>
  <c r="HB12" i="9"/>
  <c r="HC12" i="9"/>
  <c r="HD12" i="9"/>
  <c r="HE12" i="9"/>
  <c r="HF12" i="9"/>
  <c r="HG12" i="9"/>
  <c r="HH12" i="9"/>
  <c r="HI12" i="9"/>
  <c r="HJ12" i="9"/>
  <c r="HK12" i="9"/>
  <c r="HL12" i="9"/>
  <c r="HM12" i="9"/>
  <c r="HN12" i="9"/>
  <c r="HO12" i="9"/>
  <c r="HP12" i="9"/>
  <c r="HQ12" i="9"/>
  <c r="HR12" i="9"/>
  <c r="HS12" i="9"/>
  <c r="HT12" i="9"/>
  <c r="HU12" i="9"/>
  <c r="HV12" i="9"/>
  <c r="HW12" i="9"/>
  <c r="HX12" i="9"/>
  <c r="HY12" i="9"/>
  <c r="GV13" i="9"/>
  <c r="GW13" i="9"/>
  <c r="GX13" i="9"/>
  <c r="GY13" i="9"/>
  <c r="GZ13" i="9"/>
  <c r="HA13" i="9"/>
  <c r="HB13" i="9"/>
  <c r="HC13" i="9"/>
  <c r="HD13" i="9"/>
  <c r="HE13" i="9"/>
  <c r="HF13" i="9"/>
  <c r="HG13" i="9"/>
  <c r="HH13" i="9"/>
  <c r="HI13" i="9"/>
  <c r="HJ13" i="9"/>
  <c r="HK13" i="9"/>
  <c r="HL13" i="9"/>
  <c r="HM13" i="9"/>
  <c r="HN13" i="9"/>
  <c r="HO13" i="9"/>
  <c r="HP13" i="9"/>
  <c r="HQ13" i="9"/>
  <c r="HR13" i="9"/>
  <c r="HS13" i="9"/>
  <c r="HT13" i="9"/>
  <c r="HU13" i="9"/>
  <c r="HV13" i="9"/>
  <c r="HW13" i="9"/>
  <c r="HX13" i="9"/>
  <c r="HY13" i="9"/>
  <c r="GV14" i="9"/>
  <c r="GW14" i="9"/>
  <c r="GX14" i="9"/>
  <c r="GY14" i="9"/>
  <c r="GZ14" i="9"/>
  <c r="HA14" i="9"/>
  <c r="HB14" i="9"/>
  <c r="HC14" i="9"/>
  <c r="HD14" i="9"/>
  <c r="HE14" i="9"/>
  <c r="HF14" i="9"/>
  <c r="HG14" i="9"/>
  <c r="HH14" i="9"/>
  <c r="HI14" i="9"/>
  <c r="HJ14" i="9"/>
  <c r="HK14" i="9"/>
  <c r="HL14" i="9"/>
  <c r="HM14" i="9"/>
  <c r="HN14" i="9"/>
  <c r="HO14" i="9"/>
  <c r="HP14" i="9"/>
  <c r="HQ14" i="9"/>
  <c r="HR14" i="9"/>
  <c r="HS14" i="9"/>
  <c r="HT14" i="9"/>
  <c r="HU14" i="9"/>
  <c r="HV14" i="9"/>
  <c r="HW14" i="9"/>
  <c r="HX14" i="9"/>
  <c r="HY14" i="9"/>
  <c r="GV15" i="9"/>
  <c r="GW15" i="9"/>
  <c r="GX15" i="9"/>
  <c r="GY15" i="9"/>
  <c r="GZ15" i="9"/>
  <c r="HA15" i="9"/>
  <c r="HB15" i="9"/>
  <c r="HC15" i="9"/>
  <c r="HD15" i="9"/>
  <c r="HE15" i="9"/>
  <c r="HF15" i="9"/>
  <c r="HG15" i="9"/>
  <c r="HH15" i="9"/>
  <c r="HI15" i="9"/>
  <c r="HJ15" i="9"/>
  <c r="HK15" i="9"/>
  <c r="HL15" i="9"/>
  <c r="HM15" i="9"/>
  <c r="HN15" i="9"/>
  <c r="HO15" i="9"/>
  <c r="HP15" i="9"/>
  <c r="HQ15" i="9"/>
  <c r="HR15" i="9"/>
  <c r="HS15" i="9"/>
  <c r="HT15" i="9"/>
  <c r="HU15" i="9"/>
  <c r="HV15" i="9"/>
  <c r="HW15" i="9"/>
  <c r="HX15" i="9"/>
  <c r="HY15" i="9"/>
  <c r="GV16" i="9"/>
  <c r="GW16" i="9"/>
  <c r="GX16" i="9"/>
  <c r="GY16" i="9"/>
  <c r="GZ16" i="9"/>
  <c r="HA16" i="9"/>
  <c r="HB16" i="9"/>
  <c r="HC16" i="9"/>
  <c r="HD16" i="9"/>
  <c r="HE16" i="9"/>
  <c r="HF16" i="9"/>
  <c r="HG16" i="9"/>
  <c r="HH16" i="9"/>
  <c r="HI16" i="9"/>
  <c r="HJ16" i="9"/>
  <c r="HK16" i="9"/>
  <c r="HL16" i="9"/>
  <c r="HM16" i="9"/>
  <c r="HN16" i="9"/>
  <c r="HO16" i="9"/>
  <c r="HP16" i="9"/>
  <c r="HQ16" i="9"/>
  <c r="HR16" i="9"/>
  <c r="HS16" i="9"/>
  <c r="HT16" i="9"/>
  <c r="HU16" i="9"/>
  <c r="HV16" i="9"/>
  <c r="HW16" i="9"/>
  <c r="HX16" i="9"/>
  <c r="HY16" i="9"/>
  <c r="GV17" i="9"/>
  <c r="GW17" i="9"/>
  <c r="GX17" i="9"/>
  <c r="GY17" i="9"/>
  <c r="GZ17" i="9"/>
  <c r="HA17" i="9"/>
  <c r="HB17" i="9"/>
  <c r="HC17" i="9"/>
  <c r="HD17" i="9"/>
  <c r="HE17" i="9"/>
  <c r="HF17" i="9"/>
  <c r="HG17" i="9"/>
  <c r="HH17" i="9"/>
  <c r="HI17" i="9"/>
  <c r="HJ17" i="9"/>
  <c r="HK17" i="9"/>
  <c r="HL17" i="9"/>
  <c r="HM17" i="9"/>
  <c r="HN17" i="9"/>
  <c r="HO17" i="9"/>
  <c r="HP17" i="9"/>
  <c r="HQ17" i="9"/>
  <c r="HR17" i="9"/>
  <c r="HS17" i="9"/>
  <c r="HT17" i="9"/>
  <c r="HU17" i="9"/>
  <c r="HV17" i="9"/>
  <c r="HW17" i="9"/>
  <c r="HX17" i="9"/>
  <c r="HY17" i="9"/>
  <c r="GV18" i="9"/>
  <c r="GW18" i="9"/>
  <c r="GX18" i="9"/>
  <c r="GY18" i="9"/>
  <c r="GZ18" i="9"/>
  <c r="HA18" i="9"/>
  <c r="HB18" i="9"/>
  <c r="HC18" i="9"/>
  <c r="HD18" i="9"/>
  <c r="HE18" i="9"/>
  <c r="HF18" i="9"/>
  <c r="HG18" i="9"/>
  <c r="HH18" i="9"/>
  <c r="HI18" i="9"/>
  <c r="HJ18" i="9"/>
  <c r="HK18" i="9"/>
  <c r="HL18" i="9"/>
  <c r="HM18" i="9"/>
  <c r="HN18" i="9"/>
  <c r="HO18" i="9"/>
  <c r="HP18" i="9"/>
  <c r="HQ18" i="9"/>
  <c r="HR18" i="9"/>
  <c r="HS18" i="9"/>
  <c r="HT18" i="9"/>
  <c r="HU18" i="9"/>
  <c r="HV18" i="9"/>
  <c r="HW18" i="9"/>
  <c r="HX18" i="9"/>
  <c r="HY18" i="9"/>
  <c r="GV19" i="9"/>
  <c r="GW19" i="9"/>
  <c r="GX19" i="9"/>
  <c r="GY19" i="9"/>
  <c r="GZ19" i="9"/>
  <c r="HA19" i="9"/>
  <c r="HB19" i="9"/>
  <c r="HC19" i="9"/>
  <c r="HD19" i="9"/>
  <c r="HE19" i="9"/>
  <c r="HF19" i="9"/>
  <c r="HG19" i="9"/>
  <c r="HH19" i="9"/>
  <c r="HI19" i="9"/>
  <c r="HJ19" i="9"/>
  <c r="HK19" i="9"/>
  <c r="HL19" i="9"/>
  <c r="HM19" i="9"/>
  <c r="HN19" i="9"/>
  <c r="HO19" i="9"/>
  <c r="HP19" i="9"/>
  <c r="HQ19" i="9"/>
  <c r="HR19" i="9"/>
  <c r="HS19" i="9"/>
  <c r="HT19" i="9"/>
  <c r="HU19" i="9"/>
  <c r="HV19" i="9"/>
  <c r="HW19" i="9"/>
  <c r="HX19" i="9"/>
  <c r="HY19" i="9"/>
  <c r="GZ4" i="9"/>
  <c r="HA4" i="9"/>
  <c r="HB4" i="9"/>
  <c r="HC4" i="9"/>
  <c r="HD4" i="9"/>
  <c r="HE4" i="9"/>
  <c r="HF4" i="9"/>
  <c r="HG4" i="9"/>
  <c r="HH4" i="9"/>
  <c r="HI4" i="9"/>
  <c r="HJ4" i="9"/>
  <c r="HK4" i="9"/>
  <c r="HL4" i="9"/>
  <c r="HM4" i="9"/>
  <c r="HN4" i="9"/>
  <c r="HO4" i="9"/>
  <c r="HP4" i="9"/>
  <c r="HQ4" i="9"/>
  <c r="HR4" i="9"/>
  <c r="HS4" i="9"/>
  <c r="HT4" i="9"/>
  <c r="GC4" i="9" l="1"/>
  <c r="GD4" i="9"/>
  <c r="GE4" i="9"/>
  <c r="GF4" i="9"/>
  <c r="HU4" i="9"/>
  <c r="HV4" i="9"/>
  <c r="HW4" i="9"/>
  <c r="HX4" i="9"/>
  <c r="HY4" i="9"/>
  <c r="HZ4" i="9"/>
  <c r="IA4" i="9"/>
  <c r="IB4" i="9"/>
  <c r="IC4" i="9"/>
  <c r="ID4" i="9"/>
  <c r="IE4" i="9"/>
  <c r="IF4" i="9"/>
  <c r="IG4" i="9"/>
  <c r="IH4" i="9"/>
  <c r="II4" i="9"/>
  <c r="IJ4" i="9"/>
  <c r="IK4" i="9"/>
  <c r="IL4" i="9"/>
  <c r="IM4" i="9"/>
  <c r="IN4" i="9"/>
  <c r="IO4" i="9"/>
  <c r="IP4" i="9"/>
  <c r="IQ4" i="9"/>
  <c r="IR4" i="9"/>
  <c r="IS4" i="9"/>
  <c r="GC5" i="9"/>
  <c r="GD5" i="9"/>
  <c r="GE5" i="9"/>
  <c r="GF5" i="9"/>
  <c r="HZ5" i="9"/>
  <c r="IA5" i="9"/>
  <c r="IB5" i="9"/>
  <c r="IC5" i="9"/>
  <c r="ID5" i="9"/>
  <c r="IE5" i="9"/>
  <c r="IF5" i="9"/>
  <c r="IG5" i="9"/>
  <c r="IH5" i="9"/>
  <c r="II5" i="9"/>
  <c r="IJ5" i="9"/>
  <c r="IK5" i="9"/>
  <c r="IL5" i="9"/>
  <c r="IM5" i="9"/>
  <c r="IN5" i="9"/>
  <c r="IO5" i="9"/>
  <c r="IP5" i="9"/>
  <c r="IQ5" i="9"/>
  <c r="IR5" i="9"/>
  <c r="IS5" i="9"/>
  <c r="GC6" i="9"/>
  <c r="GD6" i="9"/>
  <c r="GE6" i="9"/>
  <c r="GF6" i="9"/>
  <c r="HZ6" i="9"/>
  <c r="IA6" i="9"/>
  <c r="IB6" i="9"/>
  <c r="IC6" i="9"/>
  <c r="ID6" i="9"/>
  <c r="IE6" i="9"/>
  <c r="IF6" i="9"/>
  <c r="IG6" i="9"/>
  <c r="IH6" i="9"/>
  <c r="II6" i="9"/>
  <c r="IJ6" i="9"/>
  <c r="IK6" i="9"/>
  <c r="IL6" i="9"/>
  <c r="IM6" i="9"/>
  <c r="IN6" i="9"/>
  <c r="IO6" i="9"/>
  <c r="IP6" i="9"/>
  <c r="IQ6" i="9"/>
  <c r="IR6" i="9"/>
  <c r="IS6" i="9"/>
  <c r="GC7" i="9"/>
  <c r="GD7" i="9"/>
  <c r="GE7" i="9"/>
  <c r="GF7" i="9"/>
  <c r="HZ7" i="9"/>
  <c r="IA7" i="9"/>
  <c r="IB7" i="9"/>
  <c r="IC7" i="9"/>
  <c r="ID7" i="9"/>
  <c r="IE7" i="9"/>
  <c r="IF7" i="9"/>
  <c r="IG7" i="9"/>
  <c r="IH7" i="9"/>
  <c r="II7" i="9"/>
  <c r="IJ7" i="9"/>
  <c r="IK7" i="9"/>
  <c r="IL7" i="9"/>
  <c r="IM7" i="9"/>
  <c r="IN7" i="9"/>
  <c r="IO7" i="9"/>
  <c r="IP7" i="9"/>
  <c r="IQ7" i="9"/>
  <c r="IR7" i="9"/>
  <c r="IS7" i="9"/>
  <c r="GC8" i="9"/>
  <c r="GD8" i="9"/>
  <c r="GE8" i="9"/>
  <c r="GF8" i="9"/>
  <c r="HZ8" i="9"/>
  <c r="IA8" i="9"/>
  <c r="IB8" i="9"/>
  <c r="IC8" i="9"/>
  <c r="ID8" i="9"/>
  <c r="IE8" i="9"/>
  <c r="IF8" i="9"/>
  <c r="IG8" i="9"/>
  <c r="IH8" i="9"/>
  <c r="II8" i="9"/>
  <c r="IJ8" i="9"/>
  <c r="IK8" i="9"/>
  <c r="IL8" i="9"/>
  <c r="IM8" i="9"/>
  <c r="IN8" i="9"/>
  <c r="IO8" i="9"/>
  <c r="IP8" i="9"/>
  <c r="IQ8" i="9"/>
  <c r="IR8" i="9"/>
  <c r="IS8" i="9"/>
  <c r="GC9" i="9"/>
  <c r="GD9" i="9"/>
  <c r="GE9" i="9"/>
  <c r="GF9" i="9"/>
  <c r="HZ9" i="9"/>
  <c r="IA9" i="9"/>
  <c r="IB9" i="9"/>
  <c r="IC9" i="9"/>
  <c r="ID9" i="9"/>
  <c r="IE9" i="9"/>
  <c r="IF9" i="9"/>
  <c r="IG9" i="9"/>
  <c r="IH9" i="9"/>
  <c r="II9" i="9"/>
  <c r="IJ9" i="9"/>
  <c r="IK9" i="9"/>
  <c r="IL9" i="9"/>
  <c r="IM9" i="9"/>
  <c r="IN9" i="9"/>
  <c r="IO9" i="9"/>
  <c r="IP9" i="9"/>
  <c r="IQ9" i="9"/>
  <c r="IR9" i="9"/>
  <c r="IS9" i="9"/>
  <c r="GC10" i="9"/>
  <c r="GD10" i="9"/>
  <c r="GE10" i="9"/>
  <c r="GF10" i="9"/>
  <c r="HZ10" i="9"/>
  <c r="IA10" i="9"/>
  <c r="IB10" i="9"/>
  <c r="IC10" i="9"/>
  <c r="ID10" i="9"/>
  <c r="IE10" i="9"/>
  <c r="IF10" i="9"/>
  <c r="IG10" i="9"/>
  <c r="IH10" i="9"/>
  <c r="II10" i="9"/>
  <c r="IJ10" i="9"/>
  <c r="IK10" i="9"/>
  <c r="IL10" i="9"/>
  <c r="IM10" i="9"/>
  <c r="IN10" i="9"/>
  <c r="IO10" i="9"/>
  <c r="IP10" i="9"/>
  <c r="IQ10" i="9"/>
  <c r="IR10" i="9"/>
  <c r="IS10" i="9"/>
  <c r="GC11" i="9"/>
  <c r="GD11" i="9"/>
  <c r="GE11" i="9"/>
  <c r="GF11" i="9"/>
  <c r="HZ11" i="9"/>
  <c r="IA11" i="9"/>
  <c r="IB11" i="9"/>
  <c r="IC11" i="9"/>
  <c r="ID11" i="9"/>
  <c r="IE11" i="9"/>
  <c r="IF11" i="9"/>
  <c r="IG11" i="9"/>
  <c r="IH11" i="9"/>
  <c r="II11" i="9"/>
  <c r="IJ11" i="9"/>
  <c r="IK11" i="9"/>
  <c r="IL11" i="9"/>
  <c r="IM11" i="9"/>
  <c r="IN11" i="9"/>
  <c r="IO11" i="9"/>
  <c r="IP11" i="9"/>
  <c r="IQ11" i="9"/>
  <c r="IR11" i="9"/>
  <c r="IS11" i="9"/>
  <c r="GC12" i="9"/>
  <c r="GD12" i="9"/>
  <c r="GE12" i="9"/>
  <c r="GF12" i="9"/>
  <c r="HZ12" i="9"/>
  <c r="IA12" i="9"/>
  <c r="IB12" i="9"/>
  <c r="IC12" i="9"/>
  <c r="ID12" i="9"/>
  <c r="IE12" i="9"/>
  <c r="IF12" i="9"/>
  <c r="IG12" i="9"/>
  <c r="IH12" i="9"/>
  <c r="II12" i="9"/>
  <c r="IJ12" i="9"/>
  <c r="IK12" i="9"/>
  <c r="IL12" i="9"/>
  <c r="IM12" i="9"/>
  <c r="IN12" i="9"/>
  <c r="IO12" i="9"/>
  <c r="IP12" i="9"/>
  <c r="IQ12" i="9"/>
  <c r="IR12" i="9"/>
  <c r="IS12" i="9"/>
  <c r="GC13" i="9"/>
  <c r="GD13" i="9"/>
  <c r="GE13" i="9"/>
  <c r="GF13" i="9"/>
  <c r="HZ13" i="9"/>
  <c r="IA13" i="9"/>
  <c r="IB13" i="9"/>
  <c r="IC13" i="9"/>
  <c r="ID13" i="9"/>
  <c r="IE13" i="9"/>
  <c r="IF13" i="9"/>
  <c r="IG13" i="9"/>
  <c r="IH13" i="9"/>
  <c r="II13" i="9"/>
  <c r="IJ13" i="9"/>
  <c r="IK13" i="9"/>
  <c r="IL13" i="9"/>
  <c r="IM13" i="9"/>
  <c r="IN13" i="9"/>
  <c r="IO13" i="9"/>
  <c r="IP13" i="9"/>
  <c r="IQ13" i="9"/>
  <c r="IR13" i="9"/>
  <c r="IS13" i="9"/>
  <c r="GC14" i="9"/>
  <c r="GD14" i="9"/>
  <c r="GE14" i="9"/>
  <c r="GF14" i="9"/>
  <c r="HZ14" i="9"/>
  <c r="IA14" i="9"/>
  <c r="IB14" i="9"/>
  <c r="IC14" i="9"/>
  <c r="ID14" i="9"/>
  <c r="IE14" i="9"/>
  <c r="IF14" i="9"/>
  <c r="IG14" i="9"/>
  <c r="IH14" i="9"/>
  <c r="II14" i="9"/>
  <c r="IJ14" i="9"/>
  <c r="IK14" i="9"/>
  <c r="IL14" i="9"/>
  <c r="IM14" i="9"/>
  <c r="IN14" i="9"/>
  <c r="IO14" i="9"/>
  <c r="IP14" i="9"/>
  <c r="IQ14" i="9"/>
  <c r="IR14" i="9"/>
  <c r="IS14" i="9"/>
  <c r="GC15" i="9"/>
  <c r="GD15" i="9"/>
  <c r="GE15" i="9"/>
  <c r="GF15" i="9"/>
  <c r="HZ15" i="9"/>
  <c r="IA15" i="9"/>
  <c r="IB15" i="9"/>
  <c r="IC15" i="9"/>
  <c r="ID15" i="9"/>
  <c r="IE15" i="9"/>
  <c r="IF15" i="9"/>
  <c r="IG15" i="9"/>
  <c r="IH15" i="9"/>
  <c r="II15" i="9"/>
  <c r="IJ15" i="9"/>
  <c r="IK15" i="9"/>
  <c r="IL15" i="9"/>
  <c r="IM15" i="9"/>
  <c r="IN15" i="9"/>
  <c r="IO15" i="9"/>
  <c r="IP15" i="9"/>
  <c r="IQ15" i="9"/>
  <c r="IR15" i="9"/>
  <c r="IS15" i="9"/>
  <c r="GC16" i="9"/>
  <c r="GD16" i="9"/>
  <c r="GE16" i="9"/>
  <c r="GF16" i="9"/>
  <c r="HZ16" i="9"/>
  <c r="IA16" i="9"/>
  <c r="IB16" i="9"/>
  <c r="IC16" i="9"/>
  <c r="ID16" i="9"/>
  <c r="IE16" i="9"/>
  <c r="IF16" i="9"/>
  <c r="IG16" i="9"/>
  <c r="IH16" i="9"/>
  <c r="II16" i="9"/>
  <c r="IJ16" i="9"/>
  <c r="IK16" i="9"/>
  <c r="IL16" i="9"/>
  <c r="IM16" i="9"/>
  <c r="IN16" i="9"/>
  <c r="IO16" i="9"/>
  <c r="IP16" i="9"/>
  <c r="IQ16" i="9"/>
  <c r="IR16" i="9"/>
  <c r="IS16" i="9"/>
  <c r="GC17" i="9"/>
  <c r="GD17" i="9"/>
  <c r="GE17" i="9"/>
  <c r="GF17" i="9"/>
  <c r="HZ17" i="9"/>
  <c r="IA17" i="9"/>
  <c r="IB17" i="9"/>
  <c r="IC17" i="9"/>
  <c r="ID17" i="9"/>
  <c r="IE17" i="9"/>
  <c r="IF17" i="9"/>
  <c r="IG17" i="9"/>
  <c r="IH17" i="9"/>
  <c r="II17" i="9"/>
  <c r="IJ17" i="9"/>
  <c r="IK17" i="9"/>
  <c r="IL17" i="9"/>
  <c r="IM17" i="9"/>
  <c r="IN17" i="9"/>
  <c r="IO17" i="9"/>
  <c r="IP17" i="9"/>
  <c r="IQ17" i="9"/>
  <c r="IR17" i="9"/>
  <c r="IS17" i="9"/>
  <c r="GC18" i="9"/>
  <c r="GD18" i="9"/>
  <c r="GE18" i="9"/>
  <c r="GF18" i="9"/>
  <c r="HZ18" i="9"/>
  <c r="IA18" i="9"/>
  <c r="IB18" i="9"/>
  <c r="IC18" i="9"/>
  <c r="ID18" i="9"/>
  <c r="IE18" i="9"/>
  <c r="IF18" i="9"/>
  <c r="IG18" i="9"/>
  <c r="IH18" i="9"/>
  <c r="II18" i="9"/>
  <c r="IJ18" i="9"/>
  <c r="IK18" i="9"/>
  <c r="IL18" i="9"/>
  <c r="IM18" i="9"/>
  <c r="IN18" i="9"/>
  <c r="IO18" i="9"/>
  <c r="IP18" i="9"/>
  <c r="IQ18" i="9"/>
  <c r="IR18" i="9"/>
  <c r="IS18" i="9"/>
  <c r="GC19" i="9"/>
  <c r="GD19" i="9"/>
  <c r="GE19" i="9"/>
  <c r="GF19" i="9"/>
  <c r="HZ19" i="9"/>
  <c r="IA19" i="9"/>
  <c r="IB19" i="9"/>
  <c r="IC19" i="9"/>
  <c r="ID19" i="9"/>
  <c r="IE19" i="9"/>
  <c r="IF19" i="9"/>
  <c r="IG19" i="9"/>
  <c r="IH19" i="9"/>
  <c r="II19" i="9"/>
  <c r="IJ19" i="9"/>
  <c r="IK19" i="9"/>
  <c r="IL19" i="9"/>
  <c r="IM19" i="9"/>
  <c r="IN19" i="9"/>
  <c r="IO19" i="9"/>
  <c r="IP19" i="9"/>
  <c r="IQ19" i="9"/>
  <c r="IR19" i="9"/>
  <c r="IS19" i="9"/>
  <c r="HM19" i="2"/>
  <c r="HN19" i="2"/>
  <c r="HO19" i="2"/>
  <c r="HP19" i="2"/>
  <c r="HQ19" i="2"/>
  <c r="HR19" i="2"/>
  <c r="HS19" i="2"/>
  <c r="HT19" i="2"/>
  <c r="HU19" i="2"/>
  <c r="HV19" i="2"/>
  <c r="HW19" i="2"/>
  <c r="HX19" i="2"/>
  <c r="HY19" i="2"/>
  <c r="HZ19" i="2"/>
  <c r="IA19" i="2"/>
  <c r="IB19" i="2"/>
  <c r="IC19" i="2"/>
  <c r="ID19" i="2"/>
  <c r="IE19" i="2"/>
  <c r="IF19" i="2"/>
  <c r="IG19" i="2"/>
  <c r="IH19" i="2"/>
  <c r="II19" i="2"/>
  <c r="IJ19" i="2"/>
  <c r="IK19" i="2"/>
  <c r="IL19" i="2"/>
  <c r="IM19" i="2"/>
  <c r="IN19" i="2"/>
  <c r="IO19" i="2"/>
  <c r="IP19" i="2"/>
  <c r="IQ19" i="2"/>
  <c r="IR19" i="2"/>
  <c r="IS19" i="2"/>
  <c r="IT19" i="2"/>
  <c r="IU19" i="2"/>
  <c r="IV19" i="2"/>
  <c r="IW19" i="2"/>
  <c r="IX19" i="2"/>
  <c r="IY19" i="2"/>
  <c r="IZ19" i="2"/>
  <c r="JA19" i="2"/>
  <c r="JB19" i="2"/>
  <c r="JC19" i="2"/>
  <c r="HM18" i="2"/>
  <c r="HN18" i="2"/>
  <c r="HO18" i="2"/>
  <c r="HP18" i="2"/>
  <c r="HQ18" i="2"/>
  <c r="HR18" i="2"/>
  <c r="HS18" i="2"/>
  <c r="HT18" i="2"/>
  <c r="HU18" i="2"/>
  <c r="HV18" i="2"/>
  <c r="HW18" i="2"/>
  <c r="HX18" i="2"/>
  <c r="HY18" i="2"/>
  <c r="HZ18" i="2"/>
  <c r="IA18" i="2"/>
  <c r="IB18" i="2"/>
  <c r="IC18" i="2"/>
  <c r="ID18" i="2"/>
  <c r="IE18" i="2"/>
  <c r="IF18" i="2"/>
  <c r="IG18" i="2"/>
  <c r="IH18" i="2"/>
  <c r="II18" i="2"/>
  <c r="IJ18" i="2"/>
  <c r="IK18" i="2"/>
  <c r="IL18" i="2"/>
  <c r="IM18" i="2"/>
  <c r="IN18" i="2"/>
  <c r="IO18" i="2"/>
  <c r="IP18" i="2"/>
  <c r="IQ18" i="2"/>
  <c r="IR18" i="2"/>
  <c r="IS18" i="2"/>
  <c r="IT18" i="2"/>
  <c r="IU18" i="2"/>
  <c r="IV18" i="2"/>
  <c r="IW18" i="2"/>
  <c r="IX18" i="2"/>
  <c r="IY18" i="2"/>
  <c r="IZ18" i="2"/>
  <c r="JA18" i="2"/>
  <c r="JB18" i="2"/>
  <c r="JC18" i="2"/>
  <c r="GG17" i="5"/>
  <c r="HM17" i="2"/>
  <c r="HN17" i="2"/>
  <c r="HO17" i="2"/>
  <c r="HP17" i="2"/>
  <c r="HQ17" i="2"/>
  <c r="HR17" i="2"/>
  <c r="HS17" i="2"/>
  <c r="HT17" i="2"/>
  <c r="HU17" i="2"/>
  <c r="HV17" i="2"/>
  <c r="HW17" i="2"/>
  <c r="HX17" i="2"/>
  <c r="HY17" i="2"/>
  <c r="HZ17" i="2"/>
  <c r="IA17" i="2"/>
  <c r="IB17" i="2"/>
  <c r="IC17" i="2"/>
  <c r="ID17" i="2"/>
  <c r="IE17" i="2"/>
  <c r="IF17" i="2"/>
  <c r="IG17" i="2"/>
  <c r="IH17" i="2"/>
  <c r="II17" i="2"/>
  <c r="IJ17" i="2"/>
  <c r="IK17" i="2"/>
  <c r="IL17" i="2"/>
  <c r="IM17" i="2"/>
  <c r="IN17" i="2"/>
  <c r="IO17" i="2"/>
  <c r="IP17" i="2"/>
  <c r="IQ17" i="2"/>
  <c r="IR17" i="2"/>
  <c r="IS17" i="2"/>
  <c r="IT17" i="2"/>
  <c r="IU17" i="2"/>
  <c r="IV17" i="2"/>
  <c r="IW17" i="2"/>
  <c r="IX17" i="2"/>
  <c r="IY17" i="2"/>
  <c r="IZ17" i="2"/>
  <c r="JA17" i="2"/>
  <c r="JB17" i="2"/>
  <c r="JC17" i="2"/>
  <c r="HM16" i="2"/>
  <c r="HN16" i="2"/>
  <c r="HO16" i="2"/>
  <c r="HP16" i="2"/>
  <c r="HQ16" i="2"/>
  <c r="HR16" i="2"/>
  <c r="HS16" i="2"/>
  <c r="HT16" i="2"/>
  <c r="HU16" i="2"/>
  <c r="HV16" i="2"/>
  <c r="HW16" i="2"/>
  <c r="HX16" i="2"/>
  <c r="HY16" i="2"/>
  <c r="HZ16" i="2"/>
  <c r="IA16" i="2"/>
  <c r="IB16" i="2"/>
  <c r="IC16" i="2"/>
  <c r="ID16" i="2"/>
  <c r="IE16" i="2"/>
  <c r="IF16" i="2"/>
  <c r="IG16" i="2"/>
  <c r="IH16" i="2"/>
  <c r="II16" i="2"/>
  <c r="IJ16" i="2"/>
  <c r="IK16" i="2"/>
  <c r="IL16" i="2"/>
  <c r="IM16" i="2"/>
  <c r="IN16" i="2"/>
  <c r="IO16" i="2"/>
  <c r="IP16" i="2"/>
  <c r="IQ16" i="2"/>
  <c r="IR16" i="2"/>
  <c r="IS16" i="2"/>
  <c r="IT16" i="2"/>
  <c r="IU16" i="2"/>
  <c r="IV16" i="2"/>
  <c r="IW16" i="2"/>
  <c r="IX16" i="2"/>
  <c r="IY16" i="2"/>
  <c r="IZ16" i="2"/>
  <c r="JA16" i="2"/>
  <c r="JB16" i="2"/>
  <c r="JC16" i="2"/>
  <c r="HM15" i="2"/>
  <c r="HN15" i="2"/>
  <c r="HO15" i="2"/>
  <c r="HP15" i="2"/>
  <c r="HQ15" i="2"/>
  <c r="HR15" i="2"/>
  <c r="HS15" i="2"/>
  <c r="HT15" i="2"/>
  <c r="HU15" i="2"/>
  <c r="HV15" i="2"/>
  <c r="HW15" i="2"/>
  <c r="HX15" i="2"/>
  <c r="HY15" i="2"/>
  <c r="HZ15" i="2"/>
  <c r="IA15" i="2"/>
  <c r="IB15" i="2"/>
  <c r="IC15" i="2"/>
  <c r="ID15" i="2"/>
  <c r="IE15" i="2"/>
  <c r="IF15" i="2"/>
  <c r="IG15" i="2"/>
  <c r="IH15" i="2"/>
  <c r="II15" i="2"/>
  <c r="IJ15" i="2"/>
  <c r="IK15" i="2"/>
  <c r="IL15" i="2"/>
  <c r="IM15" i="2"/>
  <c r="IN15" i="2"/>
  <c r="IO15" i="2"/>
  <c r="IP15" i="2"/>
  <c r="IQ15" i="2"/>
  <c r="IR15" i="2"/>
  <c r="IS15" i="2"/>
  <c r="IT15" i="2"/>
  <c r="IU15" i="2"/>
  <c r="IV15" i="2"/>
  <c r="IW15" i="2"/>
  <c r="IX15" i="2"/>
  <c r="IY15" i="2"/>
  <c r="IZ15" i="2"/>
  <c r="JA15" i="2"/>
  <c r="JB15" i="2"/>
  <c r="JC15" i="2"/>
  <c r="HM14" i="2"/>
  <c r="HN14" i="2"/>
  <c r="HO14" i="2"/>
  <c r="HP14" i="2"/>
  <c r="HQ14" i="2"/>
  <c r="HR14" i="2"/>
  <c r="HS14" i="2"/>
  <c r="HT14" i="2"/>
  <c r="HU14" i="2"/>
  <c r="HV14" i="2"/>
  <c r="HW14" i="2"/>
  <c r="HX14" i="2"/>
  <c r="HY14" i="2"/>
  <c r="HZ14" i="2"/>
  <c r="IA14" i="2"/>
  <c r="IB14" i="2"/>
  <c r="IC14" i="2"/>
  <c r="ID14" i="2"/>
  <c r="IE14" i="2"/>
  <c r="IF14" i="2"/>
  <c r="IG14" i="2"/>
  <c r="IH14" i="2"/>
  <c r="II14" i="2"/>
  <c r="IJ14" i="2"/>
  <c r="IK14" i="2"/>
  <c r="IL14" i="2"/>
  <c r="IM14" i="2"/>
  <c r="IN14" i="2"/>
  <c r="IO14" i="2"/>
  <c r="IP14" i="2"/>
  <c r="IQ14" i="2"/>
  <c r="IR14" i="2"/>
  <c r="IS14" i="2"/>
  <c r="IT14" i="2"/>
  <c r="IU14" i="2"/>
  <c r="IV14" i="2"/>
  <c r="IW14" i="2"/>
  <c r="IX14" i="2"/>
  <c r="IY14" i="2"/>
  <c r="IZ14" i="2"/>
  <c r="JA14" i="2"/>
  <c r="JB14" i="2"/>
  <c r="JC14" i="2"/>
  <c r="HM13" i="2"/>
  <c r="HN13" i="2"/>
  <c r="HO13" i="2"/>
  <c r="HP13" i="2"/>
  <c r="HQ13" i="2"/>
  <c r="HR13" i="2"/>
  <c r="HS13" i="2"/>
  <c r="HT13" i="2"/>
  <c r="HU13" i="2"/>
  <c r="HV13" i="2"/>
  <c r="HW13" i="2"/>
  <c r="HX13" i="2"/>
  <c r="HY13" i="2"/>
  <c r="HZ13" i="2"/>
  <c r="IA13" i="2"/>
  <c r="IB13" i="2"/>
  <c r="IC13" i="2"/>
  <c r="ID13" i="2"/>
  <c r="IE13" i="2"/>
  <c r="IF13" i="2"/>
  <c r="IG13" i="2"/>
  <c r="IH13" i="2"/>
  <c r="II13" i="2"/>
  <c r="IJ13" i="2"/>
  <c r="IK13" i="2"/>
  <c r="IL13" i="2"/>
  <c r="IM13" i="2"/>
  <c r="IN13" i="2"/>
  <c r="IO13" i="2"/>
  <c r="IP13" i="2"/>
  <c r="IQ13" i="2"/>
  <c r="IR13" i="2"/>
  <c r="IS13" i="2"/>
  <c r="IT13" i="2"/>
  <c r="IU13" i="2"/>
  <c r="IV13" i="2"/>
  <c r="IW13" i="2"/>
  <c r="IX13" i="2"/>
  <c r="IY13" i="2"/>
  <c r="IZ13" i="2"/>
  <c r="JA13" i="2"/>
  <c r="JB13" i="2"/>
  <c r="JC13" i="2"/>
  <c r="HM12" i="2"/>
  <c r="HN12" i="2"/>
  <c r="HO12" i="2"/>
  <c r="HP12" i="2"/>
  <c r="HQ12" i="2"/>
  <c r="HR12" i="2"/>
  <c r="HS12" i="2"/>
  <c r="HT12" i="2"/>
  <c r="HU12" i="2"/>
  <c r="HV12" i="2"/>
  <c r="HW12" i="2"/>
  <c r="HX12" i="2"/>
  <c r="HY12" i="2"/>
  <c r="HZ12" i="2"/>
  <c r="IA12" i="2"/>
  <c r="IB12" i="2"/>
  <c r="IC12" i="2"/>
  <c r="ID12" i="2"/>
  <c r="IE12" i="2"/>
  <c r="IF12" i="2"/>
  <c r="IG12" i="2"/>
  <c r="IH12" i="2"/>
  <c r="II12" i="2"/>
  <c r="IJ12" i="2"/>
  <c r="IK12" i="2"/>
  <c r="IL12" i="2"/>
  <c r="IM12" i="2"/>
  <c r="IN12" i="2"/>
  <c r="IO12" i="2"/>
  <c r="IP12" i="2"/>
  <c r="IQ12" i="2"/>
  <c r="IR12" i="2"/>
  <c r="IS12" i="2"/>
  <c r="IT12" i="2"/>
  <c r="IU12" i="2"/>
  <c r="IV12" i="2"/>
  <c r="IW12" i="2"/>
  <c r="IX12" i="2"/>
  <c r="IY12" i="2"/>
  <c r="IZ12" i="2"/>
  <c r="JA12" i="2"/>
  <c r="JB12" i="2"/>
  <c r="JC12" i="2"/>
  <c r="HM11" i="2"/>
  <c r="HN11" i="2"/>
  <c r="HO11" i="2"/>
  <c r="HP11" i="2"/>
  <c r="HQ11" i="2"/>
  <c r="HR11" i="2"/>
  <c r="HS11" i="2"/>
  <c r="HT11" i="2"/>
  <c r="HU11" i="2"/>
  <c r="HV11" i="2"/>
  <c r="HW11" i="2"/>
  <c r="HX11" i="2"/>
  <c r="HY11" i="2"/>
  <c r="HZ11" i="2"/>
  <c r="IA11" i="2"/>
  <c r="IB11" i="2"/>
  <c r="IC11" i="2"/>
  <c r="ID11" i="2"/>
  <c r="IE11" i="2"/>
  <c r="IF11" i="2"/>
  <c r="IG11" i="2"/>
  <c r="IH11" i="2"/>
  <c r="II11" i="2"/>
  <c r="IJ11" i="2"/>
  <c r="IK11" i="2"/>
  <c r="IL11" i="2"/>
  <c r="IM11" i="2"/>
  <c r="IN11" i="2"/>
  <c r="IO11" i="2"/>
  <c r="IP11" i="2"/>
  <c r="IQ11" i="2"/>
  <c r="IR11" i="2"/>
  <c r="IS11" i="2"/>
  <c r="IT11" i="2"/>
  <c r="IU11" i="2"/>
  <c r="IV11" i="2"/>
  <c r="IW11" i="2"/>
  <c r="IX11" i="2"/>
  <c r="IY11" i="2"/>
  <c r="IZ11" i="2"/>
  <c r="JA11" i="2"/>
  <c r="JB11" i="2"/>
  <c r="JC11" i="2"/>
  <c r="GG10" i="5"/>
  <c r="HM10" i="2"/>
  <c r="HN10" i="2"/>
  <c r="HO10" i="2"/>
  <c r="HP10" i="2"/>
  <c r="HQ10" i="2"/>
  <c r="HR10" i="2"/>
  <c r="HS10" i="2"/>
  <c r="HT10" i="2"/>
  <c r="HU10" i="2"/>
  <c r="HV10" i="2"/>
  <c r="HW10" i="2"/>
  <c r="HX10" i="2"/>
  <c r="HY10" i="2"/>
  <c r="HZ10" i="2"/>
  <c r="IA10" i="2"/>
  <c r="IB10" i="2"/>
  <c r="IC10" i="2"/>
  <c r="ID10" i="2"/>
  <c r="IE10" i="2"/>
  <c r="IF10" i="2"/>
  <c r="IG10" i="2"/>
  <c r="IH10" i="2"/>
  <c r="II10" i="2"/>
  <c r="IJ10" i="2"/>
  <c r="IK10" i="2"/>
  <c r="IL10" i="2"/>
  <c r="IM10" i="2"/>
  <c r="IN10" i="2"/>
  <c r="IO10" i="2"/>
  <c r="IP10" i="2"/>
  <c r="IQ10" i="2"/>
  <c r="IR10" i="2"/>
  <c r="IS10" i="2"/>
  <c r="IT10" i="2"/>
  <c r="IU10" i="2"/>
  <c r="IV10" i="2"/>
  <c r="IW10" i="2"/>
  <c r="IX10" i="2"/>
  <c r="IY10" i="2"/>
  <c r="IZ10" i="2"/>
  <c r="JA10" i="2"/>
  <c r="JB10" i="2"/>
  <c r="JC10" i="2"/>
  <c r="GH4" i="5"/>
  <c r="HM4" i="2"/>
  <c r="HN4" i="2"/>
  <c r="HO4" i="2"/>
  <c r="HP4" i="2"/>
  <c r="HQ4" i="2"/>
  <c r="HR4" i="2"/>
  <c r="HS4" i="2"/>
  <c r="HT4" i="2"/>
  <c r="HU4" i="2"/>
  <c r="HV4" i="2"/>
  <c r="HW4" i="2"/>
  <c r="HX4" i="2"/>
  <c r="HY4" i="2"/>
  <c r="HZ4" i="2"/>
  <c r="IA4" i="2"/>
  <c r="IB4" i="2"/>
  <c r="IC4" i="2"/>
  <c r="ID4" i="2"/>
  <c r="IE4" i="2"/>
  <c r="IF4" i="2"/>
  <c r="IG4" i="2"/>
  <c r="IH4" i="2"/>
  <c r="II4" i="2"/>
  <c r="IJ4" i="2"/>
  <c r="IK4" i="2"/>
  <c r="IL4" i="2"/>
  <c r="IM4" i="2"/>
  <c r="IN4" i="2"/>
  <c r="IO4" i="2"/>
  <c r="IP4" i="2"/>
  <c r="IQ4" i="2"/>
  <c r="IR4" i="2"/>
  <c r="IS4" i="2"/>
  <c r="IT4" i="2"/>
  <c r="IU4" i="2"/>
  <c r="IV4" i="2"/>
  <c r="IW4" i="2"/>
  <c r="IX4" i="2"/>
  <c r="IY4" i="2"/>
  <c r="IZ4" i="2"/>
  <c r="JA4" i="2"/>
  <c r="JB4" i="2"/>
  <c r="JC4" i="2"/>
  <c r="HM5" i="2"/>
  <c r="HN5" i="2"/>
  <c r="HO5" i="2"/>
  <c r="HP5" i="2"/>
  <c r="HQ5" i="2"/>
  <c r="HR5" i="2"/>
  <c r="HS5" i="2"/>
  <c r="HT5" i="2"/>
  <c r="HU5" i="2"/>
  <c r="HV5" i="2"/>
  <c r="HW5" i="2"/>
  <c r="HX5" i="2"/>
  <c r="HY5" i="2"/>
  <c r="HZ5" i="2"/>
  <c r="IA5" i="2"/>
  <c r="IB5" i="2"/>
  <c r="IC5" i="2"/>
  <c r="ID5" i="2"/>
  <c r="IE5" i="2"/>
  <c r="IF5" i="2"/>
  <c r="IG5" i="2"/>
  <c r="IH5" i="2"/>
  <c r="II5" i="2"/>
  <c r="IJ5" i="2"/>
  <c r="IK5" i="2"/>
  <c r="IL5" i="2"/>
  <c r="IM5" i="2"/>
  <c r="IN5" i="2"/>
  <c r="IO5" i="2"/>
  <c r="IP5" i="2"/>
  <c r="IQ5" i="2"/>
  <c r="IR5" i="2"/>
  <c r="IS5" i="2"/>
  <c r="IT5" i="2"/>
  <c r="IU5" i="2"/>
  <c r="IV5" i="2"/>
  <c r="IW5" i="2"/>
  <c r="IX5" i="2"/>
  <c r="IY5" i="2"/>
  <c r="IZ5" i="2"/>
  <c r="JA5" i="2"/>
  <c r="JB5" i="2"/>
  <c r="JC5" i="2"/>
  <c r="GG6" i="5"/>
  <c r="HM6" i="2"/>
  <c r="HN6" i="2"/>
  <c r="HO6" i="2"/>
  <c r="HP6" i="2"/>
  <c r="HQ6" i="2"/>
  <c r="HR6" i="2"/>
  <c r="HS6" i="2"/>
  <c r="HT6" i="2"/>
  <c r="HU6" i="2"/>
  <c r="HV6" i="2"/>
  <c r="HW6" i="2"/>
  <c r="HX6" i="2"/>
  <c r="HY6" i="2"/>
  <c r="HZ6" i="2"/>
  <c r="IA6" i="2"/>
  <c r="IB6" i="2"/>
  <c r="IC6" i="2"/>
  <c r="ID6" i="2"/>
  <c r="IE6" i="2"/>
  <c r="IF6" i="2"/>
  <c r="IG6" i="2"/>
  <c r="IH6" i="2"/>
  <c r="II6" i="2"/>
  <c r="IJ6" i="2"/>
  <c r="IK6" i="2"/>
  <c r="IL6" i="2"/>
  <c r="IM6" i="2"/>
  <c r="IN6" i="2"/>
  <c r="IO6" i="2"/>
  <c r="IP6" i="2"/>
  <c r="IQ6" i="2"/>
  <c r="IR6" i="2"/>
  <c r="IS6" i="2"/>
  <c r="IT6" i="2"/>
  <c r="IU6" i="2"/>
  <c r="IV6" i="2"/>
  <c r="IW6" i="2"/>
  <c r="IX6" i="2"/>
  <c r="IY6" i="2"/>
  <c r="IZ6" i="2"/>
  <c r="JA6" i="2"/>
  <c r="JB6" i="2"/>
  <c r="JC6" i="2"/>
  <c r="HM7" i="2"/>
  <c r="HN7" i="2"/>
  <c r="HO7" i="2"/>
  <c r="HP7" i="2"/>
  <c r="HQ7" i="2"/>
  <c r="HR7" i="2"/>
  <c r="HS7" i="2"/>
  <c r="HT7" i="2"/>
  <c r="HU7" i="2"/>
  <c r="HV7" i="2"/>
  <c r="HW7" i="2"/>
  <c r="HX7" i="2"/>
  <c r="HY7" i="2"/>
  <c r="HZ7" i="2"/>
  <c r="IA7" i="2"/>
  <c r="IB7" i="2"/>
  <c r="IC7" i="2"/>
  <c r="ID7" i="2"/>
  <c r="IE7" i="2"/>
  <c r="IF7" i="2"/>
  <c r="IG7" i="2"/>
  <c r="IH7" i="2"/>
  <c r="II7" i="2"/>
  <c r="IJ7" i="2"/>
  <c r="IK7" i="2"/>
  <c r="IL7" i="2"/>
  <c r="IM7" i="2"/>
  <c r="IN7" i="2"/>
  <c r="IO7" i="2"/>
  <c r="IP7" i="2"/>
  <c r="IQ7" i="2"/>
  <c r="IR7" i="2"/>
  <c r="IS7" i="2"/>
  <c r="IT7" i="2"/>
  <c r="IU7" i="2"/>
  <c r="IV7" i="2"/>
  <c r="IW7" i="2"/>
  <c r="IX7" i="2"/>
  <c r="IY7" i="2"/>
  <c r="IZ7" i="2"/>
  <c r="JA7" i="2"/>
  <c r="JB7" i="2"/>
  <c r="JC7" i="2"/>
  <c r="HM9" i="2"/>
  <c r="HN9" i="2"/>
  <c r="HO9" i="2"/>
  <c r="HP9" i="2"/>
  <c r="HQ9" i="2"/>
  <c r="HR9" i="2"/>
  <c r="HS9" i="2"/>
  <c r="HT9" i="2"/>
  <c r="HU9" i="2"/>
  <c r="HV9" i="2"/>
  <c r="HW9" i="2"/>
  <c r="HX9" i="2"/>
  <c r="HY9" i="2"/>
  <c r="HZ9" i="2"/>
  <c r="IA9" i="2"/>
  <c r="IB9" i="2"/>
  <c r="IC9" i="2"/>
  <c r="ID9" i="2"/>
  <c r="IE9" i="2"/>
  <c r="IF9" i="2"/>
  <c r="IG9" i="2"/>
  <c r="IH9" i="2"/>
  <c r="II9" i="2"/>
  <c r="IJ9" i="2"/>
  <c r="IK9" i="2"/>
  <c r="IL9" i="2"/>
  <c r="IM9" i="2"/>
  <c r="IN9" i="2"/>
  <c r="IO9" i="2"/>
  <c r="IP9" i="2"/>
  <c r="IQ9" i="2"/>
  <c r="IR9" i="2"/>
  <c r="IS9" i="2"/>
  <c r="IT9" i="2"/>
  <c r="IU9" i="2"/>
  <c r="IV9" i="2"/>
  <c r="IW9" i="2"/>
  <c r="IX9" i="2"/>
  <c r="IY9" i="2"/>
  <c r="IZ9" i="2"/>
  <c r="JA9" i="2"/>
  <c r="JB9" i="2"/>
  <c r="JC9" i="2"/>
  <c r="GI4" i="5"/>
  <c r="GF11" i="5" l="1"/>
  <c r="GF19" i="5"/>
  <c r="GC14" i="5"/>
  <c r="GD5" i="5"/>
  <c r="GE16" i="5"/>
  <c r="GE12" i="5"/>
  <c r="GF7" i="5"/>
  <c r="GC6" i="5"/>
  <c r="GF15" i="5"/>
  <c r="GC10" i="5"/>
  <c r="GC18" i="5"/>
  <c r="GD17" i="5"/>
  <c r="GD13" i="5"/>
  <c r="GE8" i="5"/>
  <c r="GG18" i="5"/>
  <c r="GE4" i="5"/>
  <c r="GG19" i="5"/>
  <c r="GC19" i="5"/>
  <c r="GD18" i="5"/>
  <c r="GE17" i="5"/>
  <c r="GF16" i="5"/>
  <c r="GG15" i="5"/>
  <c r="GC15" i="5"/>
  <c r="GD14" i="5"/>
  <c r="GE13" i="5"/>
  <c r="GF12" i="5"/>
  <c r="GG11" i="5"/>
  <c r="GC11" i="5"/>
  <c r="GD10" i="5"/>
  <c r="GE9" i="5"/>
  <c r="GF8" i="5"/>
  <c r="GG7" i="5"/>
  <c r="GC7" i="5"/>
  <c r="GD6" i="5"/>
  <c r="GE5" i="5"/>
  <c r="GJ4" i="5"/>
  <c r="GF4" i="5"/>
  <c r="GD9" i="5"/>
  <c r="GE19" i="5"/>
  <c r="GF18" i="5"/>
  <c r="GC17" i="5"/>
  <c r="GD16" i="5"/>
  <c r="GE15" i="5"/>
  <c r="GF14" i="5"/>
  <c r="GG13" i="5"/>
  <c r="GC13" i="5"/>
  <c r="GD12" i="5"/>
  <c r="GE11" i="5"/>
  <c r="GF10" i="5"/>
  <c r="GG9" i="5"/>
  <c r="GC9" i="5"/>
  <c r="GD8" i="5"/>
  <c r="GE7" i="5"/>
  <c r="GF6" i="5"/>
  <c r="GG5" i="5"/>
  <c r="GC5" i="5"/>
  <c r="GD4" i="5"/>
  <c r="GG14" i="5"/>
  <c r="GD19" i="5"/>
  <c r="GE18" i="5"/>
  <c r="GF17" i="5"/>
  <c r="GG16" i="5"/>
  <c r="GC16" i="5"/>
  <c r="GD15" i="5"/>
  <c r="GE14" i="5"/>
  <c r="GF13" i="5"/>
  <c r="GG12" i="5"/>
  <c r="GC12" i="5"/>
  <c r="GD11" i="5"/>
  <c r="GE10" i="5"/>
  <c r="GF9" i="5"/>
  <c r="GG8" i="5"/>
  <c r="GC8" i="5"/>
  <c r="GD7" i="5"/>
  <c r="GE6" i="5"/>
  <c r="GF5" i="5"/>
  <c r="GG4" i="5"/>
  <c r="GC4" i="5"/>
  <c r="E4" i="9"/>
  <c r="E4" i="5" s="1"/>
  <c r="F4" i="9"/>
  <c r="F4" i="5" s="1"/>
  <c r="G4" i="9"/>
  <c r="G4" i="5" s="1"/>
  <c r="H4" i="9"/>
  <c r="H4" i="5" s="1"/>
  <c r="I4" i="9"/>
  <c r="I4" i="5" s="1"/>
  <c r="J4" i="9"/>
  <c r="J4" i="5" s="1"/>
  <c r="K4" i="9"/>
  <c r="K4" i="5" s="1"/>
  <c r="L4" i="9"/>
  <c r="L4" i="5" s="1"/>
  <c r="M4" i="9"/>
  <c r="M4" i="5" s="1"/>
  <c r="N4" i="9"/>
  <c r="N4" i="5" s="1"/>
  <c r="O4" i="9"/>
  <c r="O4" i="5" s="1"/>
  <c r="P4" i="9"/>
  <c r="P4" i="5" s="1"/>
  <c r="Q4" i="9"/>
  <c r="Q4" i="5" s="1"/>
  <c r="R4" i="9"/>
  <c r="R4" i="5" s="1"/>
  <c r="S4" i="9"/>
  <c r="S4" i="5" s="1"/>
  <c r="T4" i="9"/>
  <c r="T4" i="5" s="1"/>
  <c r="U4" i="9"/>
  <c r="U4" i="5" s="1"/>
  <c r="V4" i="9"/>
  <c r="V4" i="5" s="1"/>
  <c r="W4" i="9"/>
  <c r="W4" i="5" s="1"/>
  <c r="X4" i="9"/>
  <c r="X4" i="5" s="1"/>
  <c r="Y4" i="9"/>
  <c r="Y4" i="5" s="1"/>
  <c r="Z4" i="9"/>
  <c r="Z4" i="5" s="1"/>
  <c r="AA4" i="9"/>
  <c r="AA4" i="5" s="1"/>
  <c r="AB4" i="9"/>
  <c r="AB4" i="5" s="1"/>
  <c r="AC4" i="9"/>
  <c r="AC4" i="5" s="1"/>
  <c r="AD4" i="9"/>
  <c r="AD4" i="5" s="1"/>
  <c r="AE4" i="9"/>
  <c r="AE4" i="5" s="1"/>
  <c r="AF4" i="9"/>
  <c r="AF4" i="5" s="1"/>
  <c r="AG4" i="9"/>
  <c r="AG4" i="5" s="1"/>
  <c r="AH4" i="9"/>
  <c r="AH4" i="5" s="1"/>
  <c r="AI4" i="9"/>
  <c r="AI4" i="5" s="1"/>
  <c r="AJ4" i="9"/>
  <c r="AJ4" i="5" s="1"/>
  <c r="AK4" i="9"/>
  <c r="AK4" i="5" s="1"/>
  <c r="AL4" i="9"/>
  <c r="AL4" i="5" s="1"/>
  <c r="AM4" i="9"/>
  <c r="AM4" i="5" s="1"/>
  <c r="AN4" i="9"/>
  <c r="AN4" i="5" s="1"/>
  <c r="AO4" i="9"/>
  <c r="AO4" i="5" s="1"/>
  <c r="AP4" i="9"/>
  <c r="AP4" i="5" s="1"/>
  <c r="AQ4" i="9"/>
  <c r="AQ4" i="5" s="1"/>
  <c r="AR4" i="9"/>
  <c r="AR4" i="5" s="1"/>
  <c r="AS4" i="9"/>
  <c r="AS4" i="5" s="1"/>
  <c r="AT4" i="9"/>
  <c r="AT4" i="5" s="1"/>
  <c r="AU4" i="9"/>
  <c r="AU4" i="5" s="1"/>
  <c r="AV4" i="9"/>
  <c r="AV4" i="5" s="1"/>
  <c r="AW4" i="9"/>
  <c r="AW4" i="5" s="1"/>
  <c r="AX4" i="9"/>
  <c r="AX4" i="5" s="1"/>
  <c r="AY4" i="9"/>
  <c r="AY4" i="5" s="1"/>
  <c r="AZ4" i="9"/>
  <c r="AZ4" i="5" s="1"/>
  <c r="BA4" i="9"/>
  <c r="BA4" i="5" s="1"/>
  <c r="BB4" i="9"/>
  <c r="BB4" i="5" s="1"/>
  <c r="BC4" i="9"/>
  <c r="BC4" i="5" s="1"/>
  <c r="BD4" i="9"/>
  <c r="BD4" i="5" s="1"/>
  <c r="BE4" i="9"/>
  <c r="BE4" i="5" s="1"/>
  <c r="BF4" i="9"/>
  <c r="BF4" i="5" s="1"/>
  <c r="BG4" i="9"/>
  <c r="BG4" i="5" s="1"/>
  <c r="BH4" i="9"/>
  <c r="BH4" i="5" s="1"/>
  <c r="BI4" i="9"/>
  <c r="BI4" i="5" s="1"/>
  <c r="BJ4" i="9"/>
  <c r="BJ4" i="5" s="1"/>
  <c r="BK4" i="9"/>
  <c r="BK4" i="5" s="1"/>
  <c r="BL4" i="9"/>
  <c r="BL4" i="5" s="1"/>
  <c r="BM4" i="9"/>
  <c r="BM4" i="5" s="1"/>
  <c r="BN4" i="9"/>
  <c r="BN4" i="5" s="1"/>
  <c r="BO4" i="9"/>
  <c r="BO4" i="5" s="1"/>
  <c r="BP4" i="9"/>
  <c r="BP4" i="5" s="1"/>
  <c r="BQ4" i="9"/>
  <c r="BQ4" i="5" s="1"/>
  <c r="BR4" i="9"/>
  <c r="BR4" i="5" s="1"/>
  <c r="BS4" i="9"/>
  <c r="BS4" i="5" s="1"/>
  <c r="BT4" i="9"/>
  <c r="BT4" i="5" s="1"/>
  <c r="BU4" i="9"/>
  <c r="BU4" i="5" s="1"/>
  <c r="BV4" i="9"/>
  <c r="BV4" i="5" s="1"/>
  <c r="BW4" i="9"/>
  <c r="BW4" i="5" s="1"/>
  <c r="BX4" i="9"/>
  <c r="BX4" i="5" s="1"/>
  <c r="BY4" i="9"/>
  <c r="BY4" i="5" s="1"/>
  <c r="BZ4" i="9"/>
  <c r="BZ4" i="5" s="1"/>
  <c r="CA4" i="9"/>
  <c r="CA4" i="5" s="1"/>
  <c r="CB4" i="9"/>
  <c r="CB4" i="5" s="1"/>
  <c r="CC4" i="9"/>
  <c r="CC4" i="5" s="1"/>
  <c r="CD4" i="9"/>
  <c r="CD4" i="5" s="1"/>
  <c r="CE4" i="9"/>
  <c r="CE4" i="5" s="1"/>
  <c r="CF4" i="9"/>
  <c r="CF4" i="5" s="1"/>
  <c r="CG4" i="9"/>
  <c r="CG4" i="5" s="1"/>
  <c r="CH4" i="9"/>
  <c r="CH4" i="5" s="1"/>
  <c r="CI4" i="9"/>
  <c r="CI4" i="5" s="1"/>
  <c r="CJ4" i="9"/>
  <c r="CJ4" i="5" s="1"/>
  <c r="CK4" i="9"/>
  <c r="CK4" i="5" s="1"/>
  <c r="CL4" i="9"/>
  <c r="CL4" i="5" s="1"/>
  <c r="CM4" i="9"/>
  <c r="CM4" i="5" s="1"/>
  <c r="CN4" i="9"/>
  <c r="CN4" i="5" s="1"/>
  <c r="CO4" i="9"/>
  <c r="CO4" i="5" s="1"/>
  <c r="CP4" i="9"/>
  <c r="CP4" i="5" s="1"/>
  <c r="CQ4" i="9"/>
  <c r="CQ4" i="5" s="1"/>
  <c r="CR4" i="9"/>
  <c r="CR4" i="5" s="1"/>
  <c r="CS4" i="9"/>
  <c r="CS4" i="5" s="1"/>
  <c r="CT4" i="9"/>
  <c r="CT4" i="5" s="1"/>
  <c r="CU4" i="9"/>
  <c r="CU4" i="5" s="1"/>
  <c r="CV4" i="9"/>
  <c r="CV4" i="5" s="1"/>
  <c r="CW4" i="9"/>
  <c r="CW4" i="5" s="1"/>
  <c r="CX4" i="9"/>
  <c r="CX4" i="5" s="1"/>
  <c r="CY4" i="9"/>
  <c r="CY4" i="5" s="1"/>
  <c r="CZ4" i="9"/>
  <c r="CZ4" i="5" s="1"/>
  <c r="DA4" i="9"/>
  <c r="DA4" i="5" s="1"/>
  <c r="DB4" i="9"/>
  <c r="DB4" i="5" s="1"/>
  <c r="DC4" i="9"/>
  <c r="DC4" i="5" s="1"/>
  <c r="DD4" i="9"/>
  <c r="DD4" i="5" s="1"/>
  <c r="DE4" i="9"/>
  <c r="DE4" i="5" s="1"/>
  <c r="DF4" i="9"/>
  <c r="DF4" i="5" s="1"/>
  <c r="DG4" i="9"/>
  <c r="DG4" i="5" s="1"/>
  <c r="DH4" i="9"/>
  <c r="DH4" i="5" s="1"/>
  <c r="DI4" i="9"/>
  <c r="DI4" i="5" s="1"/>
  <c r="DJ4" i="9"/>
  <c r="DJ4" i="5" s="1"/>
  <c r="DK4" i="9"/>
  <c r="DK4" i="5" s="1"/>
  <c r="DL4" i="9"/>
  <c r="DL4" i="5" s="1"/>
  <c r="DM4" i="9"/>
  <c r="DM4" i="5" s="1"/>
  <c r="DN4" i="9"/>
  <c r="DN4" i="5" s="1"/>
  <c r="DO4" i="9"/>
  <c r="DO4" i="5" s="1"/>
  <c r="DP4" i="9"/>
  <c r="DP4" i="5" s="1"/>
  <c r="DQ4" i="9"/>
  <c r="DQ4" i="5" s="1"/>
  <c r="DR4" i="9"/>
  <c r="DR4" i="5" s="1"/>
  <c r="DS4" i="9"/>
  <c r="DS4" i="5" s="1"/>
  <c r="DT4" i="9"/>
  <c r="DT4" i="5" s="1"/>
  <c r="DU4" i="9"/>
  <c r="DU4" i="5" s="1"/>
  <c r="DV4" i="9"/>
  <c r="DV4" i="5" s="1"/>
  <c r="DW4" i="9"/>
  <c r="DW4" i="5" s="1"/>
  <c r="DX4" i="9"/>
  <c r="DX4" i="5" s="1"/>
  <c r="DY4" i="9"/>
  <c r="DY4" i="5" s="1"/>
  <c r="DZ4" i="9"/>
  <c r="DZ4" i="5" s="1"/>
  <c r="EA4" i="9"/>
  <c r="EA4" i="5" s="1"/>
  <c r="EB4" i="9"/>
  <c r="EB4" i="5" s="1"/>
  <c r="EC4" i="9"/>
  <c r="EC4" i="5" s="1"/>
  <c r="ED4" i="9"/>
  <c r="ED4" i="5" s="1"/>
  <c r="EE4" i="9"/>
  <c r="EE4" i="5" s="1"/>
  <c r="EF4" i="9"/>
  <c r="EF4" i="5" s="1"/>
  <c r="EG4" i="9"/>
  <c r="EG4" i="5" s="1"/>
  <c r="EH4" i="9"/>
  <c r="EH4" i="5" s="1"/>
  <c r="EI4" i="9"/>
  <c r="EI4" i="5" s="1"/>
  <c r="EJ4" i="9"/>
  <c r="EJ4" i="5" s="1"/>
  <c r="EK4" i="9"/>
  <c r="EK4" i="5" s="1"/>
  <c r="EL4" i="9"/>
  <c r="EL4" i="5" s="1"/>
  <c r="EM4" i="9"/>
  <c r="EM4" i="5" s="1"/>
  <c r="EN4" i="9"/>
  <c r="EN4" i="5" s="1"/>
  <c r="EO4" i="9"/>
  <c r="EO4" i="5" s="1"/>
  <c r="EP4" i="9"/>
  <c r="EP4" i="5" s="1"/>
  <c r="EQ4" i="9"/>
  <c r="EQ4" i="5" s="1"/>
  <c r="ER4" i="9"/>
  <c r="ER4" i="5" s="1"/>
  <c r="ES4" i="9"/>
  <c r="ES4" i="5" s="1"/>
  <c r="ET4" i="9"/>
  <c r="ET4" i="5" s="1"/>
  <c r="EU4" i="9"/>
  <c r="EU4" i="5" s="1"/>
  <c r="EV4" i="9"/>
  <c r="EV4" i="5" s="1"/>
  <c r="EW4" i="9"/>
  <c r="EW4" i="5" s="1"/>
  <c r="EX4" i="9"/>
  <c r="EX4" i="5" s="1"/>
  <c r="EY4" i="9"/>
  <c r="EY4" i="5" s="1"/>
  <c r="EZ4" i="9"/>
  <c r="EZ4" i="5" s="1"/>
  <c r="FA4" i="9"/>
  <c r="FA4" i="5" s="1"/>
  <c r="FB4" i="9"/>
  <c r="FB4" i="5" s="1"/>
  <c r="FC4" i="9"/>
  <c r="FC4" i="5" s="1"/>
  <c r="FD4" i="9"/>
  <c r="FD4" i="5" s="1"/>
  <c r="FE4" i="9"/>
  <c r="FE4" i="5" s="1"/>
  <c r="FF4" i="9"/>
  <c r="FF4" i="5" s="1"/>
  <c r="FG4" i="9"/>
  <c r="FG4" i="5" s="1"/>
  <c r="FH4" i="9"/>
  <c r="FH4" i="5" s="1"/>
  <c r="FI4" i="9"/>
  <c r="FI4" i="5" s="1"/>
  <c r="FJ4" i="9"/>
  <c r="FJ4" i="5" s="1"/>
  <c r="FK4" i="9"/>
  <c r="FK4" i="5" s="1"/>
  <c r="FL4" i="9"/>
  <c r="FL4" i="5" s="1"/>
  <c r="FM4" i="9"/>
  <c r="FM4" i="5" s="1"/>
  <c r="FN4" i="9"/>
  <c r="FN4" i="5" s="1"/>
  <c r="FO4" i="9"/>
  <c r="FO4" i="5" s="1"/>
  <c r="FP4" i="9"/>
  <c r="FP4" i="5" s="1"/>
  <c r="FQ4" i="9"/>
  <c r="FQ4" i="5" s="1"/>
  <c r="FR4" i="9"/>
  <c r="FR4" i="5" s="1"/>
  <c r="FS4" i="9"/>
  <c r="FS4" i="5" s="1"/>
  <c r="FT4" i="9"/>
  <c r="FT4" i="5" s="1"/>
  <c r="FU4" i="9"/>
  <c r="FU4" i="5" s="1"/>
  <c r="FV4" i="9"/>
  <c r="FV4" i="5" s="1"/>
  <c r="FW4" i="9"/>
  <c r="FW4" i="5" s="1"/>
  <c r="FX4" i="9"/>
  <c r="FX4" i="5" s="1"/>
  <c r="FY4" i="9"/>
  <c r="FY4" i="5" s="1"/>
  <c r="FZ4" i="9"/>
  <c r="FZ4" i="5" s="1"/>
  <c r="GA4" i="9"/>
  <c r="GA4" i="5" s="1"/>
  <c r="GB4" i="9"/>
  <c r="GB4" i="5" s="1"/>
  <c r="E5" i="9"/>
  <c r="E5" i="5" s="1"/>
  <c r="F5" i="9"/>
  <c r="F5" i="5" s="1"/>
  <c r="G5" i="9"/>
  <c r="G5" i="5" s="1"/>
  <c r="H5" i="9"/>
  <c r="H5" i="5" s="1"/>
  <c r="I5" i="9"/>
  <c r="I5" i="5" s="1"/>
  <c r="J5" i="9"/>
  <c r="J5" i="5" s="1"/>
  <c r="K5" i="9"/>
  <c r="K5" i="5" s="1"/>
  <c r="L5" i="9"/>
  <c r="L5" i="5" s="1"/>
  <c r="M5" i="9"/>
  <c r="M5" i="5" s="1"/>
  <c r="N5" i="9"/>
  <c r="N5" i="5" s="1"/>
  <c r="O5" i="9"/>
  <c r="O5" i="5" s="1"/>
  <c r="P5" i="9"/>
  <c r="P5" i="5" s="1"/>
  <c r="Q5" i="9"/>
  <c r="Q5" i="5" s="1"/>
  <c r="R5" i="9"/>
  <c r="R5" i="5" s="1"/>
  <c r="S5" i="9"/>
  <c r="S5" i="5" s="1"/>
  <c r="T5" i="9"/>
  <c r="T5" i="5" s="1"/>
  <c r="U5" i="9"/>
  <c r="U5" i="5" s="1"/>
  <c r="V5" i="9"/>
  <c r="V5" i="5" s="1"/>
  <c r="W5" i="9"/>
  <c r="W5" i="5" s="1"/>
  <c r="X5" i="9"/>
  <c r="X5" i="5" s="1"/>
  <c r="Y5" i="9"/>
  <c r="Y5" i="5" s="1"/>
  <c r="Z5" i="9"/>
  <c r="Z5" i="5" s="1"/>
  <c r="AA5" i="9"/>
  <c r="AA5" i="5" s="1"/>
  <c r="AB5" i="9"/>
  <c r="AB5" i="5" s="1"/>
  <c r="AC5" i="9"/>
  <c r="AC5" i="5" s="1"/>
  <c r="AD5" i="9"/>
  <c r="AD5" i="5" s="1"/>
  <c r="AE5" i="9"/>
  <c r="AE5" i="5" s="1"/>
  <c r="AF5" i="9"/>
  <c r="AF5" i="5" s="1"/>
  <c r="AG5" i="9"/>
  <c r="AG5" i="5" s="1"/>
  <c r="AH5" i="9"/>
  <c r="AH5" i="5" s="1"/>
  <c r="AI5" i="9"/>
  <c r="AI5" i="5" s="1"/>
  <c r="AJ5" i="9"/>
  <c r="AJ5" i="5" s="1"/>
  <c r="AK5" i="9"/>
  <c r="AK5" i="5" s="1"/>
  <c r="AL5" i="9"/>
  <c r="AL5" i="5" s="1"/>
  <c r="AM5" i="9"/>
  <c r="AM5" i="5" s="1"/>
  <c r="AN5" i="9"/>
  <c r="AN5" i="5" s="1"/>
  <c r="AO5" i="9"/>
  <c r="AO5" i="5" s="1"/>
  <c r="AP5" i="9"/>
  <c r="AP5" i="5" s="1"/>
  <c r="AQ5" i="9"/>
  <c r="AQ5" i="5" s="1"/>
  <c r="AR5" i="9"/>
  <c r="AR5" i="5" s="1"/>
  <c r="AS5" i="9"/>
  <c r="AS5" i="5" s="1"/>
  <c r="AT5" i="9"/>
  <c r="AT5" i="5" s="1"/>
  <c r="AU5" i="9"/>
  <c r="AU5" i="5" s="1"/>
  <c r="AV5" i="9"/>
  <c r="AV5" i="5" s="1"/>
  <c r="AW5" i="9"/>
  <c r="AW5" i="5" s="1"/>
  <c r="AX5" i="9"/>
  <c r="AX5" i="5" s="1"/>
  <c r="AY5" i="9"/>
  <c r="AY5" i="5" s="1"/>
  <c r="AZ5" i="9"/>
  <c r="AZ5" i="5" s="1"/>
  <c r="BA5" i="9"/>
  <c r="BA5" i="5" s="1"/>
  <c r="BB5" i="9"/>
  <c r="BB5" i="5" s="1"/>
  <c r="BC5" i="9"/>
  <c r="BC5" i="5" s="1"/>
  <c r="BD5" i="9"/>
  <c r="BD5" i="5" s="1"/>
  <c r="BE5" i="9"/>
  <c r="BE5" i="5" s="1"/>
  <c r="BF5" i="9"/>
  <c r="BF5" i="5" s="1"/>
  <c r="BG5" i="9"/>
  <c r="BG5" i="5" s="1"/>
  <c r="BH5" i="9"/>
  <c r="BH5" i="5" s="1"/>
  <c r="BI5" i="9"/>
  <c r="BI5" i="5" s="1"/>
  <c r="BJ5" i="9"/>
  <c r="BJ5" i="5" s="1"/>
  <c r="BK5" i="9"/>
  <c r="BK5" i="5" s="1"/>
  <c r="BL5" i="9"/>
  <c r="BL5" i="5" s="1"/>
  <c r="BM5" i="9"/>
  <c r="BM5" i="5" s="1"/>
  <c r="BN5" i="9"/>
  <c r="BN5" i="5" s="1"/>
  <c r="BO5" i="9"/>
  <c r="BO5" i="5" s="1"/>
  <c r="BP5" i="9"/>
  <c r="BP5" i="5" s="1"/>
  <c r="BQ5" i="9"/>
  <c r="BQ5" i="5" s="1"/>
  <c r="BR5" i="9"/>
  <c r="BR5" i="5" s="1"/>
  <c r="BS5" i="9"/>
  <c r="BS5" i="5" s="1"/>
  <c r="BT5" i="9"/>
  <c r="BT5" i="5" s="1"/>
  <c r="BU5" i="9"/>
  <c r="BU5" i="5" s="1"/>
  <c r="BV5" i="9"/>
  <c r="BV5" i="5" s="1"/>
  <c r="BW5" i="9"/>
  <c r="BW5" i="5" s="1"/>
  <c r="BX5" i="9"/>
  <c r="BX5" i="5" s="1"/>
  <c r="BY5" i="9"/>
  <c r="BY5" i="5" s="1"/>
  <c r="BZ5" i="9"/>
  <c r="BZ5" i="5" s="1"/>
  <c r="CA5" i="9"/>
  <c r="CA5" i="5" s="1"/>
  <c r="CB5" i="9"/>
  <c r="CB5" i="5" s="1"/>
  <c r="CC5" i="9"/>
  <c r="CC5" i="5" s="1"/>
  <c r="CD5" i="9"/>
  <c r="CD5" i="5" s="1"/>
  <c r="CE5" i="9"/>
  <c r="CE5" i="5" s="1"/>
  <c r="CF5" i="9"/>
  <c r="CF5" i="5" s="1"/>
  <c r="CG5" i="9"/>
  <c r="CG5" i="5" s="1"/>
  <c r="CH5" i="9"/>
  <c r="CH5" i="5" s="1"/>
  <c r="CI5" i="9"/>
  <c r="CI5" i="5" s="1"/>
  <c r="CJ5" i="9"/>
  <c r="CJ5" i="5" s="1"/>
  <c r="CK5" i="9"/>
  <c r="CK5" i="5" s="1"/>
  <c r="CL5" i="9"/>
  <c r="CL5" i="5" s="1"/>
  <c r="CM5" i="9"/>
  <c r="CM5" i="5" s="1"/>
  <c r="CN5" i="9"/>
  <c r="CN5" i="5" s="1"/>
  <c r="CO5" i="9"/>
  <c r="CO5" i="5" s="1"/>
  <c r="CP5" i="9"/>
  <c r="CP5" i="5" s="1"/>
  <c r="CQ5" i="9"/>
  <c r="CQ5" i="5" s="1"/>
  <c r="CR5" i="9"/>
  <c r="CR5" i="5" s="1"/>
  <c r="CS5" i="9"/>
  <c r="CS5" i="5" s="1"/>
  <c r="CT5" i="9"/>
  <c r="CT5" i="5" s="1"/>
  <c r="CU5" i="9"/>
  <c r="CU5" i="5" s="1"/>
  <c r="CV5" i="9"/>
  <c r="CV5" i="5" s="1"/>
  <c r="CW5" i="9"/>
  <c r="CW5" i="5" s="1"/>
  <c r="CX5" i="9"/>
  <c r="CX5" i="5" s="1"/>
  <c r="CY5" i="9"/>
  <c r="CY5" i="5" s="1"/>
  <c r="CZ5" i="9"/>
  <c r="CZ5" i="5" s="1"/>
  <c r="DA5" i="9"/>
  <c r="DA5" i="5" s="1"/>
  <c r="DB5" i="9"/>
  <c r="DB5" i="5" s="1"/>
  <c r="DC5" i="9"/>
  <c r="DC5" i="5" s="1"/>
  <c r="DD5" i="9"/>
  <c r="DD5" i="5" s="1"/>
  <c r="DE5" i="9"/>
  <c r="DE5" i="5" s="1"/>
  <c r="DF5" i="9"/>
  <c r="DF5" i="5" s="1"/>
  <c r="DG5" i="9"/>
  <c r="DG5" i="5" s="1"/>
  <c r="DH5" i="9"/>
  <c r="DH5" i="5" s="1"/>
  <c r="DI5" i="9"/>
  <c r="DI5" i="5" s="1"/>
  <c r="DJ5" i="9"/>
  <c r="DJ5" i="5" s="1"/>
  <c r="DK5" i="9"/>
  <c r="DK5" i="5" s="1"/>
  <c r="DL5" i="9"/>
  <c r="DL5" i="5" s="1"/>
  <c r="DM5" i="9"/>
  <c r="DM5" i="5" s="1"/>
  <c r="DN5" i="9"/>
  <c r="DN5" i="5" s="1"/>
  <c r="DO5" i="9"/>
  <c r="DO5" i="5" s="1"/>
  <c r="DP5" i="9"/>
  <c r="DP5" i="5" s="1"/>
  <c r="DQ5" i="9"/>
  <c r="DQ5" i="5" s="1"/>
  <c r="DR5" i="9"/>
  <c r="DR5" i="5" s="1"/>
  <c r="DS5" i="9"/>
  <c r="DS5" i="5" s="1"/>
  <c r="DT5" i="9"/>
  <c r="DT5" i="5" s="1"/>
  <c r="DU5" i="9"/>
  <c r="DU5" i="5" s="1"/>
  <c r="DV5" i="9"/>
  <c r="DV5" i="5" s="1"/>
  <c r="DW5" i="9"/>
  <c r="DW5" i="5" s="1"/>
  <c r="DX5" i="9"/>
  <c r="DX5" i="5" s="1"/>
  <c r="DY5" i="9"/>
  <c r="DY5" i="5" s="1"/>
  <c r="DZ5" i="9"/>
  <c r="DZ5" i="5" s="1"/>
  <c r="EA5" i="9"/>
  <c r="EA5" i="5" s="1"/>
  <c r="EB5" i="9"/>
  <c r="EB5" i="5" s="1"/>
  <c r="EC5" i="9"/>
  <c r="EC5" i="5" s="1"/>
  <c r="ED5" i="9"/>
  <c r="ED5" i="5" s="1"/>
  <c r="EE5" i="9"/>
  <c r="EE5" i="5" s="1"/>
  <c r="EF5" i="9"/>
  <c r="EF5" i="5" s="1"/>
  <c r="EG5" i="9"/>
  <c r="EG5" i="5" s="1"/>
  <c r="EH5" i="9"/>
  <c r="EH5" i="5" s="1"/>
  <c r="EI5" i="9"/>
  <c r="EI5" i="5" s="1"/>
  <c r="EJ5" i="9"/>
  <c r="EJ5" i="5" s="1"/>
  <c r="EK5" i="9"/>
  <c r="EK5" i="5" s="1"/>
  <c r="EL5" i="9"/>
  <c r="EL5" i="5" s="1"/>
  <c r="EM5" i="9"/>
  <c r="EM5" i="5" s="1"/>
  <c r="EN5" i="9"/>
  <c r="EN5" i="5" s="1"/>
  <c r="EO5" i="9"/>
  <c r="EO5" i="5" s="1"/>
  <c r="EP5" i="9"/>
  <c r="EP5" i="5" s="1"/>
  <c r="EQ5" i="9"/>
  <c r="EQ5" i="5" s="1"/>
  <c r="ER5" i="9"/>
  <c r="ER5" i="5" s="1"/>
  <c r="ES5" i="9"/>
  <c r="ES5" i="5" s="1"/>
  <c r="ET5" i="9"/>
  <c r="ET5" i="5" s="1"/>
  <c r="EU5" i="9"/>
  <c r="EU5" i="5" s="1"/>
  <c r="EV5" i="9"/>
  <c r="EV5" i="5" s="1"/>
  <c r="EW5" i="9"/>
  <c r="EW5" i="5" s="1"/>
  <c r="EX5" i="9"/>
  <c r="EX5" i="5" s="1"/>
  <c r="EY5" i="9"/>
  <c r="EY5" i="5" s="1"/>
  <c r="EZ5" i="9"/>
  <c r="EZ5" i="5" s="1"/>
  <c r="FA5" i="9"/>
  <c r="FA5" i="5" s="1"/>
  <c r="FB5" i="9"/>
  <c r="FB5" i="5" s="1"/>
  <c r="FC5" i="9"/>
  <c r="FC5" i="5" s="1"/>
  <c r="FD5" i="9"/>
  <c r="FD5" i="5" s="1"/>
  <c r="FE5" i="9"/>
  <c r="FE5" i="5" s="1"/>
  <c r="FF5" i="9"/>
  <c r="FF5" i="5" s="1"/>
  <c r="FG5" i="9"/>
  <c r="FG5" i="5" s="1"/>
  <c r="FH5" i="9"/>
  <c r="FH5" i="5" s="1"/>
  <c r="FI5" i="9"/>
  <c r="FI5" i="5" s="1"/>
  <c r="FJ5" i="9"/>
  <c r="FJ5" i="5" s="1"/>
  <c r="FK5" i="9"/>
  <c r="FK5" i="5" s="1"/>
  <c r="FL5" i="9"/>
  <c r="FL5" i="5" s="1"/>
  <c r="FM5" i="9"/>
  <c r="FM5" i="5" s="1"/>
  <c r="FN5" i="9"/>
  <c r="FN5" i="5" s="1"/>
  <c r="FO5" i="9"/>
  <c r="FO5" i="5" s="1"/>
  <c r="FP5" i="9"/>
  <c r="FP5" i="5" s="1"/>
  <c r="FQ5" i="9"/>
  <c r="FQ5" i="5" s="1"/>
  <c r="FR5" i="9"/>
  <c r="FR5" i="5" s="1"/>
  <c r="FS5" i="9"/>
  <c r="FS5" i="5" s="1"/>
  <c r="FT5" i="9"/>
  <c r="FT5" i="5" s="1"/>
  <c r="FU5" i="9"/>
  <c r="FU5" i="5" s="1"/>
  <c r="FV5" i="9"/>
  <c r="FV5" i="5" s="1"/>
  <c r="FW5" i="9"/>
  <c r="FW5" i="5" s="1"/>
  <c r="FX5" i="9"/>
  <c r="FX5" i="5" s="1"/>
  <c r="FY5" i="9"/>
  <c r="FY5" i="5" s="1"/>
  <c r="FZ5" i="9"/>
  <c r="FZ5" i="5" s="1"/>
  <c r="GA5" i="9"/>
  <c r="GA5" i="5" s="1"/>
  <c r="GB5" i="9"/>
  <c r="GB5" i="5" s="1"/>
  <c r="E6" i="9"/>
  <c r="E6" i="5" s="1"/>
  <c r="F6" i="9"/>
  <c r="F6" i="5" s="1"/>
  <c r="G6" i="9"/>
  <c r="G6" i="5" s="1"/>
  <c r="H6" i="9"/>
  <c r="H6" i="5" s="1"/>
  <c r="I6" i="9"/>
  <c r="I6" i="5" s="1"/>
  <c r="J6" i="9"/>
  <c r="J6" i="5" s="1"/>
  <c r="K6" i="9"/>
  <c r="K6" i="5" s="1"/>
  <c r="L6" i="9"/>
  <c r="L6" i="5" s="1"/>
  <c r="M6" i="9"/>
  <c r="M6" i="5" s="1"/>
  <c r="N6" i="9"/>
  <c r="N6" i="5" s="1"/>
  <c r="O6" i="9"/>
  <c r="O6" i="5" s="1"/>
  <c r="P6" i="9"/>
  <c r="P6" i="5" s="1"/>
  <c r="Q6" i="9"/>
  <c r="Q6" i="5" s="1"/>
  <c r="R6" i="9"/>
  <c r="R6" i="5" s="1"/>
  <c r="S6" i="9"/>
  <c r="S6" i="5" s="1"/>
  <c r="T6" i="9"/>
  <c r="T6" i="5" s="1"/>
  <c r="U6" i="9"/>
  <c r="U6" i="5" s="1"/>
  <c r="V6" i="9"/>
  <c r="V6" i="5" s="1"/>
  <c r="W6" i="9"/>
  <c r="W6" i="5" s="1"/>
  <c r="X6" i="9"/>
  <c r="X6" i="5" s="1"/>
  <c r="Y6" i="9"/>
  <c r="Y6" i="5" s="1"/>
  <c r="Z6" i="9"/>
  <c r="Z6" i="5" s="1"/>
  <c r="AA6" i="9"/>
  <c r="AA6" i="5" s="1"/>
  <c r="AB6" i="9"/>
  <c r="AB6" i="5" s="1"/>
  <c r="AC6" i="9"/>
  <c r="AC6" i="5" s="1"/>
  <c r="AD6" i="9"/>
  <c r="AD6" i="5" s="1"/>
  <c r="AE6" i="9"/>
  <c r="AE6" i="5" s="1"/>
  <c r="AF6" i="9"/>
  <c r="AF6" i="5" s="1"/>
  <c r="AG6" i="9"/>
  <c r="AG6" i="5" s="1"/>
  <c r="AH6" i="9"/>
  <c r="AH6" i="5" s="1"/>
  <c r="AI6" i="9"/>
  <c r="AI6" i="5" s="1"/>
  <c r="AJ6" i="9"/>
  <c r="AJ6" i="5" s="1"/>
  <c r="AK6" i="9"/>
  <c r="AK6" i="5" s="1"/>
  <c r="AL6" i="9"/>
  <c r="AL6" i="5" s="1"/>
  <c r="AM6" i="9"/>
  <c r="AM6" i="5" s="1"/>
  <c r="AN6" i="9"/>
  <c r="AN6" i="5" s="1"/>
  <c r="AO6" i="9"/>
  <c r="AO6" i="5" s="1"/>
  <c r="AP6" i="9"/>
  <c r="AP6" i="5" s="1"/>
  <c r="AQ6" i="9"/>
  <c r="AQ6" i="5" s="1"/>
  <c r="AR6" i="9"/>
  <c r="AR6" i="5" s="1"/>
  <c r="AS6" i="9"/>
  <c r="AS6" i="5" s="1"/>
  <c r="AT6" i="9"/>
  <c r="AT6" i="5" s="1"/>
  <c r="AU6" i="9"/>
  <c r="AU6" i="5" s="1"/>
  <c r="AV6" i="9"/>
  <c r="AV6" i="5" s="1"/>
  <c r="AW6" i="9"/>
  <c r="AW6" i="5" s="1"/>
  <c r="AX6" i="9"/>
  <c r="AX6" i="5" s="1"/>
  <c r="AY6" i="9"/>
  <c r="AY6" i="5" s="1"/>
  <c r="AZ6" i="9"/>
  <c r="AZ6" i="5" s="1"/>
  <c r="BA6" i="9"/>
  <c r="BA6" i="5" s="1"/>
  <c r="BB6" i="9"/>
  <c r="BB6" i="5" s="1"/>
  <c r="BC6" i="9"/>
  <c r="BC6" i="5" s="1"/>
  <c r="BD6" i="9"/>
  <c r="BD6" i="5" s="1"/>
  <c r="BE6" i="9"/>
  <c r="BE6" i="5" s="1"/>
  <c r="BF6" i="9"/>
  <c r="BF6" i="5" s="1"/>
  <c r="BG6" i="9"/>
  <c r="BG6" i="5" s="1"/>
  <c r="BH6" i="9"/>
  <c r="BH6" i="5" s="1"/>
  <c r="BI6" i="9"/>
  <c r="BI6" i="5" s="1"/>
  <c r="BJ6" i="9"/>
  <c r="BJ6" i="5" s="1"/>
  <c r="BK6" i="9"/>
  <c r="BK6" i="5" s="1"/>
  <c r="BL6" i="9"/>
  <c r="BL6" i="5" s="1"/>
  <c r="BM6" i="9"/>
  <c r="BM6" i="5" s="1"/>
  <c r="BN6" i="9"/>
  <c r="BN6" i="5" s="1"/>
  <c r="BO6" i="9"/>
  <c r="BO6" i="5" s="1"/>
  <c r="BP6" i="9"/>
  <c r="BP6" i="5" s="1"/>
  <c r="BQ6" i="9"/>
  <c r="BQ6" i="5" s="1"/>
  <c r="BR6" i="9"/>
  <c r="BR6" i="5" s="1"/>
  <c r="BS6" i="9"/>
  <c r="BS6" i="5" s="1"/>
  <c r="BT6" i="9"/>
  <c r="BT6" i="5" s="1"/>
  <c r="BU6" i="9"/>
  <c r="BU6" i="5" s="1"/>
  <c r="BV6" i="9"/>
  <c r="BV6" i="5" s="1"/>
  <c r="BW6" i="9"/>
  <c r="BW6" i="5" s="1"/>
  <c r="BX6" i="9"/>
  <c r="BX6" i="5" s="1"/>
  <c r="BY6" i="9"/>
  <c r="BY6" i="5" s="1"/>
  <c r="BZ6" i="9"/>
  <c r="BZ6" i="5" s="1"/>
  <c r="CA6" i="9"/>
  <c r="CA6" i="5" s="1"/>
  <c r="CB6" i="9"/>
  <c r="CB6" i="5" s="1"/>
  <c r="CC6" i="9"/>
  <c r="CC6" i="5" s="1"/>
  <c r="CD6" i="9"/>
  <c r="CD6" i="5" s="1"/>
  <c r="CE6" i="9"/>
  <c r="CE6" i="5" s="1"/>
  <c r="CF6" i="9"/>
  <c r="CF6" i="5" s="1"/>
  <c r="CG6" i="9"/>
  <c r="CG6" i="5" s="1"/>
  <c r="CH6" i="9"/>
  <c r="CH6" i="5" s="1"/>
  <c r="CI6" i="9"/>
  <c r="CI6" i="5" s="1"/>
  <c r="CJ6" i="9"/>
  <c r="CJ6" i="5" s="1"/>
  <c r="CK6" i="9"/>
  <c r="CK6" i="5" s="1"/>
  <c r="CL6" i="9"/>
  <c r="CL6" i="5" s="1"/>
  <c r="CM6" i="9"/>
  <c r="CM6" i="5" s="1"/>
  <c r="CN6" i="9"/>
  <c r="CN6" i="5" s="1"/>
  <c r="CO6" i="9"/>
  <c r="CO6" i="5" s="1"/>
  <c r="CP6" i="9"/>
  <c r="CP6" i="5" s="1"/>
  <c r="CQ6" i="9"/>
  <c r="CQ6" i="5" s="1"/>
  <c r="CR6" i="9"/>
  <c r="CR6" i="5" s="1"/>
  <c r="CS6" i="9"/>
  <c r="CS6" i="5" s="1"/>
  <c r="CT6" i="9"/>
  <c r="CT6" i="5" s="1"/>
  <c r="CU6" i="9"/>
  <c r="CU6" i="5" s="1"/>
  <c r="CV6" i="9"/>
  <c r="CV6" i="5" s="1"/>
  <c r="CW6" i="9"/>
  <c r="CW6" i="5" s="1"/>
  <c r="CX6" i="9"/>
  <c r="CX6" i="5" s="1"/>
  <c r="CY6" i="9"/>
  <c r="CY6" i="5" s="1"/>
  <c r="CZ6" i="9"/>
  <c r="CZ6" i="5" s="1"/>
  <c r="DA6" i="9"/>
  <c r="DA6" i="5" s="1"/>
  <c r="DB6" i="9"/>
  <c r="DB6" i="5" s="1"/>
  <c r="DC6" i="9"/>
  <c r="DC6" i="5" s="1"/>
  <c r="DD6" i="9"/>
  <c r="DD6" i="5" s="1"/>
  <c r="DE6" i="9"/>
  <c r="DE6" i="5" s="1"/>
  <c r="DF6" i="9"/>
  <c r="DF6" i="5" s="1"/>
  <c r="DG6" i="9"/>
  <c r="DG6" i="5" s="1"/>
  <c r="DH6" i="9"/>
  <c r="DH6" i="5" s="1"/>
  <c r="DI6" i="9"/>
  <c r="DI6" i="5" s="1"/>
  <c r="DJ6" i="9"/>
  <c r="DJ6" i="5" s="1"/>
  <c r="DK6" i="9"/>
  <c r="DK6" i="5" s="1"/>
  <c r="DL6" i="9"/>
  <c r="DL6" i="5" s="1"/>
  <c r="DM6" i="9"/>
  <c r="DM6" i="5" s="1"/>
  <c r="DN6" i="9"/>
  <c r="DN6" i="5" s="1"/>
  <c r="DO6" i="9"/>
  <c r="DO6" i="5" s="1"/>
  <c r="DP6" i="9"/>
  <c r="DP6" i="5" s="1"/>
  <c r="DQ6" i="9"/>
  <c r="DQ6" i="5" s="1"/>
  <c r="DR6" i="9"/>
  <c r="DR6" i="5" s="1"/>
  <c r="DS6" i="9"/>
  <c r="DS6" i="5" s="1"/>
  <c r="DT6" i="9"/>
  <c r="DT6" i="5" s="1"/>
  <c r="DU6" i="9"/>
  <c r="DU6" i="5" s="1"/>
  <c r="DV6" i="9"/>
  <c r="DV6" i="5" s="1"/>
  <c r="DW6" i="9"/>
  <c r="DW6" i="5" s="1"/>
  <c r="DX6" i="9"/>
  <c r="DX6" i="5" s="1"/>
  <c r="DY6" i="9"/>
  <c r="DY6" i="5" s="1"/>
  <c r="DZ6" i="9"/>
  <c r="DZ6" i="5" s="1"/>
  <c r="EA6" i="9"/>
  <c r="EA6" i="5" s="1"/>
  <c r="EB6" i="9"/>
  <c r="EB6" i="5" s="1"/>
  <c r="EC6" i="9"/>
  <c r="EC6" i="5" s="1"/>
  <c r="ED6" i="9"/>
  <c r="ED6" i="5" s="1"/>
  <c r="EE6" i="9"/>
  <c r="EE6" i="5" s="1"/>
  <c r="EF6" i="9"/>
  <c r="EF6" i="5" s="1"/>
  <c r="EG6" i="9"/>
  <c r="EG6" i="5" s="1"/>
  <c r="EH6" i="9"/>
  <c r="EH6" i="5" s="1"/>
  <c r="EI6" i="9"/>
  <c r="EI6" i="5" s="1"/>
  <c r="EJ6" i="9"/>
  <c r="EJ6" i="5" s="1"/>
  <c r="EK6" i="9"/>
  <c r="EK6" i="5" s="1"/>
  <c r="EL6" i="9"/>
  <c r="EL6" i="5" s="1"/>
  <c r="EM6" i="9"/>
  <c r="EM6" i="5" s="1"/>
  <c r="EN6" i="9"/>
  <c r="EN6" i="5" s="1"/>
  <c r="EO6" i="9"/>
  <c r="EO6" i="5" s="1"/>
  <c r="EP6" i="9"/>
  <c r="EP6" i="5" s="1"/>
  <c r="EQ6" i="9"/>
  <c r="EQ6" i="5" s="1"/>
  <c r="ER6" i="9"/>
  <c r="ER6" i="5" s="1"/>
  <c r="ES6" i="9"/>
  <c r="ES6" i="5" s="1"/>
  <c r="ET6" i="9"/>
  <c r="ET6" i="5" s="1"/>
  <c r="EU6" i="9"/>
  <c r="EU6" i="5" s="1"/>
  <c r="EV6" i="9"/>
  <c r="EV6" i="5" s="1"/>
  <c r="EW6" i="9"/>
  <c r="EW6" i="5" s="1"/>
  <c r="EX6" i="9"/>
  <c r="EX6" i="5" s="1"/>
  <c r="EY6" i="9"/>
  <c r="EY6" i="5" s="1"/>
  <c r="EZ6" i="9"/>
  <c r="EZ6" i="5" s="1"/>
  <c r="FA6" i="9"/>
  <c r="FA6" i="5" s="1"/>
  <c r="FB6" i="9"/>
  <c r="FB6" i="5" s="1"/>
  <c r="FC6" i="9"/>
  <c r="FC6" i="5" s="1"/>
  <c r="FD6" i="9"/>
  <c r="FD6" i="5" s="1"/>
  <c r="FE6" i="9"/>
  <c r="FE6" i="5" s="1"/>
  <c r="FF6" i="9"/>
  <c r="FF6" i="5" s="1"/>
  <c r="FG6" i="9"/>
  <c r="FG6" i="5" s="1"/>
  <c r="FH6" i="9"/>
  <c r="FH6" i="5" s="1"/>
  <c r="FI6" i="9"/>
  <c r="FI6" i="5" s="1"/>
  <c r="FJ6" i="9"/>
  <c r="FJ6" i="5" s="1"/>
  <c r="FK6" i="9"/>
  <c r="FK6" i="5" s="1"/>
  <c r="FL6" i="9"/>
  <c r="FL6" i="5" s="1"/>
  <c r="FM6" i="9"/>
  <c r="FM6" i="5" s="1"/>
  <c r="FN6" i="9"/>
  <c r="FN6" i="5" s="1"/>
  <c r="FO6" i="9"/>
  <c r="FO6" i="5" s="1"/>
  <c r="FP6" i="9"/>
  <c r="FP6" i="5" s="1"/>
  <c r="FQ6" i="9"/>
  <c r="FQ6" i="5" s="1"/>
  <c r="FR6" i="9"/>
  <c r="FR6" i="5" s="1"/>
  <c r="FS6" i="9"/>
  <c r="FS6" i="5" s="1"/>
  <c r="FT6" i="9"/>
  <c r="FT6" i="5" s="1"/>
  <c r="FU6" i="9"/>
  <c r="FU6" i="5" s="1"/>
  <c r="FV6" i="9"/>
  <c r="FV6" i="5" s="1"/>
  <c r="FW6" i="9"/>
  <c r="FW6" i="5" s="1"/>
  <c r="FX6" i="9"/>
  <c r="FX6" i="5" s="1"/>
  <c r="FY6" i="9"/>
  <c r="FY6" i="5" s="1"/>
  <c r="FZ6" i="9"/>
  <c r="FZ6" i="5" s="1"/>
  <c r="GA6" i="9"/>
  <c r="GA6" i="5" s="1"/>
  <c r="GB6" i="9"/>
  <c r="GB6" i="5" s="1"/>
  <c r="E7" i="9"/>
  <c r="E7" i="5" s="1"/>
  <c r="F7" i="9"/>
  <c r="F7" i="5" s="1"/>
  <c r="G7" i="9"/>
  <c r="G7" i="5" s="1"/>
  <c r="H7" i="9"/>
  <c r="H7" i="5" s="1"/>
  <c r="I7" i="9"/>
  <c r="I7" i="5" s="1"/>
  <c r="J7" i="9"/>
  <c r="J7" i="5" s="1"/>
  <c r="K7" i="9"/>
  <c r="K7" i="5" s="1"/>
  <c r="L7" i="9"/>
  <c r="L7" i="5" s="1"/>
  <c r="M7" i="9"/>
  <c r="M7" i="5" s="1"/>
  <c r="N7" i="9"/>
  <c r="N7" i="5" s="1"/>
  <c r="O7" i="9"/>
  <c r="O7" i="5" s="1"/>
  <c r="P7" i="9"/>
  <c r="P7" i="5" s="1"/>
  <c r="Q7" i="9"/>
  <c r="Q7" i="5" s="1"/>
  <c r="R7" i="9"/>
  <c r="R7" i="5" s="1"/>
  <c r="S7" i="9"/>
  <c r="S7" i="5" s="1"/>
  <c r="T7" i="9"/>
  <c r="T7" i="5" s="1"/>
  <c r="U7" i="9"/>
  <c r="U7" i="5" s="1"/>
  <c r="V7" i="9"/>
  <c r="V7" i="5" s="1"/>
  <c r="W7" i="9"/>
  <c r="W7" i="5" s="1"/>
  <c r="X7" i="9"/>
  <c r="X7" i="5" s="1"/>
  <c r="Y7" i="9"/>
  <c r="Y7" i="5" s="1"/>
  <c r="Z7" i="9"/>
  <c r="Z7" i="5" s="1"/>
  <c r="AA7" i="9"/>
  <c r="AA7" i="5" s="1"/>
  <c r="AB7" i="9"/>
  <c r="AB7" i="5" s="1"/>
  <c r="AC7" i="9"/>
  <c r="AC7" i="5" s="1"/>
  <c r="AD7" i="9"/>
  <c r="AD7" i="5" s="1"/>
  <c r="AE7" i="9"/>
  <c r="AE7" i="5" s="1"/>
  <c r="AF7" i="9"/>
  <c r="AF7" i="5" s="1"/>
  <c r="AG7" i="9"/>
  <c r="AG7" i="5" s="1"/>
  <c r="AH7" i="9"/>
  <c r="AH7" i="5" s="1"/>
  <c r="AI7" i="9"/>
  <c r="AI7" i="5" s="1"/>
  <c r="AJ7" i="9"/>
  <c r="AJ7" i="5" s="1"/>
  <c r="AK7" i="9"/>
  <c r="AK7" i="5" s="1"/>
  <c r="AL7" i="9"/>
  <c r="AL7" i="5" s="1"/>
  <c r="AM7" i="9"/>
  <c r="AM7" i="5" s="1"/>
  <c r="AN7" i="9"/>
  <c r="AN7" i="5" s="1"/>
  <c r="AO7" i="9"/>
  <c r="AO7" i="5" s="1"/>
  <c r="AP7" i="9"/>
  <c r="AP7" i="5" s="1"/>
  <c r="AQ7" i="9"/>
  <c r="AQ7" i="5" s="1"/>
  <c r="AR7" i="9"/>
  <c r="AR7" i="5" s="1"/>
  <c r="AS7" i="9"/>
  <c r="AS7" i="5" s="1"/>
  <c r="AT7" i="9"/>
  <c r="AT7" i="5" s="1"/>
  <c r="AU7" i="9"/>
  <c r="AU7" i="5" s="1"/>
  <c r="AV7" i="9"/>
  <c r="AV7" i="5" s="1"/>
  <c r="AW7" i="9"/>
  <c r="AW7" i="5" s="1"/>
  <c r="AX7" i="9"/>
  <c r="AX7" i="5" s="1"/>
  <c r="AY7" i="9"/>
  <c r="AY7" i="5" s="1"/>
  <c r="AZ7" i="9"/>
  <c r="AZ7" i="5" s="1"/>
  <c r="BA7" i="9"/>
  <c r="BA7" i="5" s="1"/>
  <c r="BB7" i="9"/>
  <c r="BB7" i="5" s="1"/>
  <c r="BC7" i="9"/>
  <c r="BC7" i="5" s="1"/>
  <c r="BD7" i="9"/>
  <c r="BD7" i="5" s="1"/>
  <c r="BE7" i="9"/>
  <c r="BE7" i="5" s="1"/>
  <c r="BF7" i="9"/>
  <c r="BF7" i="5" s="1"/>
  <c r="BG7" i="9"/>
  <c r="BG7" i="5" s="1"/>
  <c r="BH7" i="9"/>
  <c r="BH7" i="5" s="1"/>
  <c r="BI7" i="9"/>
  <c r="BI7" i="5" s="1"/>
  <c r="BJ7" i="9"/>
  <c r="BJ7" i="5" s="1"/>
  <c r="BK7" i="9"/>
  <c r="BK7" i="5" s="1"/>
  <c r="BL7" i="9"/>
  <c r="BL7" i="5" s="1"/>
  <c r="BM7" i="9"/>
  <c r="BM7" i="5" s="1"/>
  <c r="BN7" i="9"/>
  <c r="BN7" i="5" s="1"/>
  <c r="BO7" i="9"/>
  <c r="BO7" i="5" s="1"/>
  <c r="BP7" i="9"/>
  <c r="BP7" i="5" s="1"/>
  <c r="BQ7" i="9"/>
  <c r="BQ7" i="5" s="1"/>
  <c r="BR7" i="9"/>
  <c r="BR7" i="5" s="1"/>
  <c r="BS7" i="9"/>
  <c r="BS7" i="5" s="1"/>
  <c r="BT7" i="9"/>
  <c r="BT7" i="5" s="1"/>
  <c r="BU7" i="9"/>
  <c r="BU7" i="5" s="1"/>
  <c r="BV7" i="9"/>
  <c r="BV7" i="5" s="1"/>
  <c r="BW7" i="9"/>
  <c r="BW7" i="5" s="1"/>
  <c r="BX7" i="9"/>
  <c r="BX7" i="5" s="1"/>
  <c r="BY7" i="9"/>
  <c r="BY7" i="5" s="1"/>
  <c r="BZ7" i="9"/>
  <c r="BZ7" i="5" s="1"/>
  <c r="CA7" i="9"/>
  <c r="CA7" i="5" s="1"/>
  <c r="CB7" i="9"/>
  <c r="CB7" i="5" s="1"/>
  <c r="CC7" i="9"/>
  <c r="CC7" i="5" s="1"/>
  <c r="CD7" i="9"/>
  <c r="CD7" i="5" s="1"/>
  <c r="CE7" i="9"/>
  <c r="CE7" i="5" s="1"/>
  <c r="CF7" i="9"/>
  <c r="CF7" i="5" s="1"/>
  <c r="CG7" i="9"/>
  <c r="CG7" i="5" s="1"/>
  <c r="CH7" i="9"/>
  <c r="CH7" i="5" s="1"/>
  <c r="CI7" i="9"/>
  <c r="CI7" i="5" s="1"/>
  <c r="CJ7" i="9"/>
  <c r="CJ7" i="5" s="1"/>
  <c r="CK7" i="9"/>
  <c r="CK7" i="5" s="1"/>
  <c r="CL7" i="9"/>
  <c r="CL7" i="5" s="1"/>
  <c r="CM7" i="9"/>
  <c r="CM7" i="5" s="1"/>
  <c r="CN7" i="9"/>
  <c r="CN7" i="5" s="1"/>
  <c r="CO7" i="9"/>
  <c r="CO7" i="5" s="1"/>
  <c r="CP7" i="9"/>
  <c r="CP7" i="5" s="1"/>
  <c r="CQ7" i="9"/>
  <c r="CQ7" i="5" s="1"/>
  <c r="CR7" i="9"/>
  <c r="CR7" i="5" s="1"/>
  <c r="CS7" i="9"/>
  <c r="CS7" i="5" s="1"/>
  <c r="CT7" i="9"/>
  <c r="CT7" i="5" s="1"/>
  <c r="CU7" i="9"/>
  <c r="CU7" i="5" s="1"/>
  <c r="CV7" i="9"/>
  <c r="CV7" i="5" s="1"/>
  <c r="CW7" i="9"/>
  <c r="CW7" i="5" s="1"/>
  <c r="CX7" i="9"/>
  <c r="CX7" i="5" s="1"/>
  <c r="CY7" i="9"/>
  <c r="CY7" i="5" s="1"/>
  <c r="CZ7" i="9"/>
  <c r="CZ7" i="5" s="1"/>
  <c r="DA7" i="9"/>
  <c r="DA7" i="5" s="1"/>
  <c r="DB7" i="9"/>
  <c r="DB7" i="5" s="1"/>
  <c r="DC7" i="9"/>
  <c r="DC7" i="5" s="1"/>
  <c r="DD7" i="9"/>
  <c r="DD7" i="5" s="1"/>
  <c r="DE7" i="9"/>
  <c r="DE7" i="5" s="1"/>
  <c r="DF7" i="9"/>
  <c r="DF7" i="5" s="1"/>
  <c r="DG7" i="9"/>
  <c r="DG7" i="5" s="1"/>
  <c r="DH7" i="9"/>
  <c r="DH7" i="5" s="1"/>
  <c r="DI7" i="9"/>
  <c r="DI7" i="5" s="1"/>
  <c r="DJ7" i="9"/>
  <c r="DJ7" i="5" s="1"/>
  <c r="DK7" i="9"/>
  <c r="DK7" i="5" s="1"/>
  <c r="DL7" i="9"/>
  <c r="DL7" i="5" s="1"/>
  <c r="DM7" i="9"/>
  <c r="DM7" i="5" s="1"/>
  <c r="DN7" i="9"/>
  <c r="DN7" i="5" s="1"/>
  <c r="DO7" i="9"/>
  <c r="DO7" i="5" s="1"/>
  <c r="DP7" i="9"/>
  <c r="DP7" i="5" s="1"/>
  <c r="DQ7" i="9"/>
  <c r="DQ7" i="5" s="1"/>
  <c r="DR7" i="9"/>
  <c r="DR7" i="5" s="1"/>
  <c r="DS7" i="9"/>
  <c r="DS7" i="5" s="1"/>
  <c r="DT7" i="9"/>
  <c r="DT7" i="5" s="1"/>
  <c r="DU7" i="9"/>
  <c r="DU7" i="5" s="1"/>
  <c r="DV7" i="9"/>
  <c r="DV7" i="5" s="1"/>
  <c r="DW7" i="9"/>
  <c r="DW7" i="5" s="1"/>
  <c r="DX7" i="9"/>
  <c r="DX7" i="5" s="1"/>
  <c r="DY7" i="9"/>
  <c r="DY7" i="5" s="1"/>
  <c r="DZ7" i="9"/>
  <c r="DZ7" i="5" s="1"/>
  <c r="EA7" i="9"/>
  <c r="EA7" i="5" s="1"/>
  <c r="EB7" i="9"/>
  <c r="EB7" i="5" s="1"/>
  <c r="EC7" i="9"/>
  <c r="EC7" i="5" s="1"/>
  <c r="ED7" i="9"/>
  <c r="ED7" i="5" s="1"/>
  <c r="EE7" i="9"/>
  <c r="EE7" i="5" s="1"/>
  <c r="EF7" i="9"/>
  <c r="EF7" i="5" s="1"/>
  <c r="EG7" i="9"/>
  <c r="EG7" i="5" s="1"/>
  <c r="EH7" i="9"/>
  <c r="EH7" i="5" s="1"/>
  <c r="EI7" i="9"/>
  <c r="EI7" i="5" s="1"/>
  <c r="EJ7" i="9"/>
  <c r="EJ7" i="5" s="1"/>
  <c r="EK7" i="9"/>
  <c r="EK7" i="5" s="1"/>
  <c r="EL7" i="9"/>
  <c r="EL7" i="5" s="1"/>
  <c r="EM7" i="9"/>
  <c r="EM7" i="5" s="1"/>
  <c r="EN7" i="9"/>
  <c r="EN7" i="5" s="1"/>
  <c r="EO7" i="9"/>
  <c r="EO7" i="5" s="1"/>
  <c r="EP7" i="9"/>
  <c r="EP7" i="5" s="1"/>
  <c r="EQ7" i="9"/>
  <c r="EQ7" i="5" s="1"/>
  <c r="ER7" i="9"/>
  <c r="ER7" i="5" s="1"/>
  <c r="ES7" i="9"/>
  <c r="ES7" i="5" s="1"/>
  <c r="ET7" i="9"/>
  <c r="ET7" i="5" s="1"/>
  <c r="EU7" i="9"/>
  <c r="EU7" i="5" s="1"/>
  <c r="EV7" i="9"/>
  <c r="EV7" i="5" s="1"/>
  <c r="EW7" i="9"/>
  <c r="EW7" i="5" s="1"/>
  <c r="EX7" i="9"/>
  <c r="EX7" i="5" s="1"/>
  <c r="EY7" i="9"/>
  <c r="EY7" i="5" s="1"/>
  <c r="EZ7" i="9"/>
  <c r="EZ7" i="5" s="1"/>
  <c r="FA7" i="9"/>
  <c r="FA7" i="5" s="1"/>
  <c r="FB7" i="9"/>
  <c r="FB7" i="5" s="1"/>
  <c r="FC7" i="9"/>
  <c r="FC7" i="5" s="1"/>
  <c r="FD7" i="9"/>
  <c r="FD7" i="5" s="1"/>
  <c r="FE7" i="9"/>
  <c r="FE7" i="5" s="1"/>
  <c r="FF7" i="9"/>
  <c r="FF7" i="5" s="1"/>
  <c r="FG7" i="9"/>
  <c r="FG7" i="5" s="1"/>
  <c r="FH7" i="9"/>
  <c r="FH7" i="5" s="1"/>
  <c r="FI7" i="9"/>
  <c r="FI7" i="5" s="1"/>
  <c r="FJ7" i="9"/>
  <c r="FJ7" i="5" s="1"/>
  <c r="FK7" i="9"/>
  <c r="FK7" i="5" s="1"/>
  <c r="FL7" i="9"/>
  <c r="FL7" i="5" s="1"/>
  <c r="FM7" i="9"/>
  <c r="FM7" i="5" s="1"/>
  <c r="FN7" i="9"/>
  <c r="FN7" i="5" s="1"/>
  <c r="FO7" i="9"/>
  <c r="FO7" i="5" s="1"/>
  <c r="FP7" i="9"/>
  <c r="FP7" i="5" s="1"/>
  <c r="FQ7" i="9"/>
  <c r="FQ7" i="5" s="1"/>
  <c r="FR7" i="9"/>
  <c r="FR7" i="5" s="1"/>
  <c r="FS7" i="9"/>
  <c r="FS7" i="5" s="1"/>
  <c r="FT7" i="9"/>
  <c r="FT7" i="5" s="1"/>
  <c r="FU7" i="9"/>
  <c r="FU7" i="5" s="1"/>
  <c r="FV7" i="9"/>
  <c r="FV7" i="5" s="1"/>
  <c r="FW7" i="9"/>
  <c r="FW7" i="5" s="1"/>
  <c r="FX7" i="9"/>
  <c r="FX7" i="5" s="1"/>
  <c r="FY7" i="9"/>
  <c r="FY7" i="5" s="1"/>
  <c r="FZ7" i="9"/>
  <c r="FZ7" i="5" s="1"/>
  <c r="GA7" i="9"/>
  <c r="GA7" i="5" s="1"/>
  <c r="GB7" i="9"/>
  <c r="GB7" i="5" s="1"/>
  <c r="E8" i="9"/>
  <c r="E8" i="5" s="1"/>
  <c r="F8" i="9"/>
  <c r="F8" i="5" s="1"/>
  <c r="G8" i="9"/>
  <c r="G8" i="5" s="1"/>
  <c r="H8" i="9"/>
  <c r="H8" i="5" s="1"/>
  <c r="I8" i="9"/>
  <c r="I8" i="5" s="1"/>
  <c r="J8" i="9"/>
  <c r="J8" i="5" s="1"/>
  <c r="K8" i="9"/>
  <c r="K8" i="5" s="1"/>
  <c r="L8" i="9"/>
  <c r="L8" i="5" s="1"/>
  <c r="M8" i="9"/>
  <c r="M8" i="5" s="1"/>
  <c r="N8" i="9"/>
  <c r="N8" i="5" s="1"/>
  <c r="O8" i="9"/>
  <c r="O8" i="5" s="1"/>
  <c r="P8" i="9"/>
  <c r="P8" i="5" s="1"/>
  <c r="Q8" i="9"/>
  <c r="Q8" i="5" s="1"/>
  <c r="R8" i="9"/>
  <c r="R8" i="5" s="1"/>
  <c r="S8" i="9"/>
  <c r="S8" i="5" s="1"/>
  <c r="T8" i="9"/>
  <c r="T8" i="5" s="1"/>
  <c r="U8" i="9"/>
  <c r="U8" i="5" s="1"/>
  <c r="V8" i="9"/>
  <c r="V8" i="5" s="1"/>
  <c r="W8" i="9"/>
  <c r="W8" i="5" s="1"/>
  <c r="X8" i="9"/>
  <c r="X8" i="5" s="1"/>
  <c r="Y8" i="9"/>
  <c r="Y8" i="5" s="1"/>
  <c r="Z8" i="9"/>
  <c r="Z8" i="5" s="1"/>
  <c r="AA8" i="9"/>
  <c r="AA8" i="5" s="1"/>
  <c r="AB8" i="9"/>
  <c r="AB8" i="5" s="1"/>
  <c r="AC8" i="9"/>
  <c r="AC8" i="5" s="1"/>
  <c r="AD8" i="9"/>
  <c r="AD8" i="5" s="1"/>
  <c r="AE8" i="9"/>
  <c r="AE8" i="5" s="1"/>
  <c r="AF8" i="9"/>
  <c r="AF8" i="5" s="1"/>
  <c r="AG8" i="9"/>
  <c r="AG8" i="5" s="1"/>
  <c r="AH8" i="9"/>
  <c r="AH8" i="5" s="1"/>
  <c r="AI8" i="9"/>
  <c r="AI8" i="5" s="1"/>
  <c r="AJ8" i="9"/>
  <c r="AJ8" i="5" s="1"/>
  <c r="AK8" i="9"/>
  <c r="AK8" i="5" s="1"/>
  <c r="AL8" i="9"/>
  <c r="AL8" i="5" s="1"/>
  <c r="AM8" i="9"/>
  <c r="AM8" i="5" s="1"/>
  <c r="AN8" i="9"/>
  <c r="AN8" i="5" s="1"/>
  <c r="AO8" i="9"/>
  <c r="AO8" i="5" s="1"/>
  <c r="AP8" i="9"/>
  <c r="AP8" i="5" s="1"/>
  <c r="AQ8" i="9"/>
  <c r="AQ8" i="5" s="1"/>
  <c r="AR8" i="9"/>
  <c r="AR8" i="5" s="1"/>
  <c r="AS8" i="9"/>
  <c r="AS8" i="5" s="1"/>
  <c r="AT8" i="9"/>
  <c r="AT8" i="5" s="1"/>
  <c r="AU8" i="9"/>
  <c r="AU8" i="5" s="1"/>
  <c r="AV8" i="9"/>
  <c r="AV8" i="5" s="1"/>
  <c r="AW8" i="9"/>
  <c r="AW8" i="5" s="1"/>
  <c r="AX8" i="9"/>
  <c r="AX8" i="5" s="1"/>
  <c r="AY8" i="9"/>
  <c r="AY8" i="5" s="1"/>
  <c r="AZ8" i="9"/>
  <c r="AZ8" i="5" s="1"/>
  <c r="BA8" i="9"/>
  <c r="BA8" i="5" s="1"/>
  <c r="BB8" i="9"/>
  <c r="BB8" i="5" s="1"/>
  <c r="BC8" i="9"/>
  <c r="BC8" i="5" s="1"/>
  <c r="BD8" i="9"/>
  <c r="BD8" i="5" s="1"/>
  <c r="BE8" i="9"/>
  <c r="BE8" i="5" s="1"/>
  <c r="BF8" i="9"/>
  <c r="BF8" i="5" s="1"/>
  <c r="BG8" i="9"/>
  <c r="BG8" i="5" s="1"/>
  <c r="BH8" i="9"/>
  <c r="BH8" i="5" s="1"/>
  <c r="BI8" i="9"/>
  <c r="BI8" i="5" s="1"/>
  <c r="BJ8" i="9"/>
  <c r="BJ8" i="5" s="1"/>
  <c r="BK8" i="9"/>
  <c r="BK8" i="5" s="1"/>
  <c r="BL8" i="9"/>
  <c r="BL8" i="5" s="1"/>
  <c r="BM8" i="9"/>
  <c r="BM8" i="5" s="1"/>
  <c r="BN8" i="9"/>
  <c r="BN8" i="5" s="1"/>
  <c r="BO8" i="9"/>
  <c r="BO8" i="5" s="1"/>
  <c r="BP8" i="9"/>
  <c r="BP8" i="5" s="1"/>
  <c r="BQ8" i="9"/>
  <c r="BQ8" i="5" s="1"/>
  <c r="BR8" i="9"/>
  <c r="BR8" i="5" s="1"/>
  <c r="BS8" i="9"/>
  <c r="BS8" i="5" s="1"/>
  <c r="BT8" i="9"/>
  <c r="BT8" i="5" s="1"/>
  <c r="BU8" i="9"/>
  <c r="BU8" i="5" s="1"/>
  <c r="BV8" i="9"/>
  <c r="BV8" i="5" s="1"/>
  <c r="BW8" i="9"/>
  <c r="BW8" i="5" s="1"/>
  <c r="BX8" i="9"/>
  <c r="BX8" i="5" s="1"/>
  <c r="BY8" i="9"/>
  <c r="BY8" i="5" s="1"/>
  <c r="BZ8" i="9"/>
  <c r="BZ8" i="5" s="1"/>
  <c r="CA8" i="9"/>
  <c r="CA8" i="5" s="1"/>
  <c r="CB8" i="9"/>
  <c r="CB8" i="5" s="1"/>
  <c r="CC8" i="9"/>
  <c r="CC8" i="5" s="1"/>
  <c r="CD8" i="9"/>
  <c r="CD8" i="5" s="1"/>
  <c r="CE8" i="9"/>
  <c r="CE8" i="5" s="1"/>
  <c r="CF8" i="9"/>
  <c r="CF8" i="5" s="1"/>
  <c r="CG8" i="9"/>
  <c r="CG8" i="5" s="1"/>
  <c r="CH8" i="9"/>
  <c r="CH8" i="5" s="1"/>
  <c r="CI8" i="9"/>
  <c r="CI8" i="5" s="1"/>
  <c r="CJ8" i="9"/>
  <c r="CJ8" i="5" s="1"/>
  <c r="CK8" i="9"/>
  <c r="CK8" i="5" s="1"/>
  <c r="CL8" i="9"/>
  <c r="CL8" i="5" s="1"/>
  <c r="CM8" i="9"/>
  <c r="CM8" i="5" s="1"/>
  <c r="CN8" i="9"/>
  <c r="CN8" i="5" s="1"/>
  <c r="CO8" i="9"/>
  <c r="CO8" i="5" s="1"/>
  <c r="CP8" i="9"/>
  <c r="CP8" i="5" s="1"/>
  <c r="CQ8" i="9"/>
  <c r="CQ8" i="5" s="1"/>
  <c r="CR8" i="9"/>
  <c r="CR8" i="5" s="1"/>
  <c r="CS8" i="9"/>
  <c r="CS8" i="5" s="1"/>
  <c r="CT8" i="9"/>
  <c r="CT8" i="5" s="1"/>
  <c r="CU8" i="9"/>
  <c r="CU8" i="5" s="1"/>
  <c r="CV8" i="9"/>
  <c r="CV8" i="5" s="1"/>
  <c r="CW8" i="9"/>
  <c r="CW8" i="5" s="1"/>
  <c r="CX8" i="9"/>
  <c r="CX8" i="5" s="1"/>
  <c r="CY8" i="9"/>
  <c r="CY8" i="5" s="1"/>
  <c r="CZ8" i="9"/>
  <c r="CZ8" i="5" s="1"/>
  <c r="DA8" i="9"/>
  <c r="DA8" i="5" s="1"/>
  <c r="DB8" i="9"/>
  <c r="DB8" i="5" s="1"/>
  <c r="DC8" i="9"/>
  <c r="DC8" i="5" s="1"/>
  <c r="DD8" i="9"/>
  <c r="DD8" i="5" s="1"/>
  <c r="DE8" i="9"/>
  <c r="DE8" i="5" s="1"/>
  <c r="DF8" i="9"/>
  <c r="DF8" i="5" s="1"/>
  <c r="DG8" i="9"/>
  <c r="DG8" i="5" s="1"/>
  <c r="DH8" i="9"/>
  <c r="DH8" i="5" s="1"/>
  <c r="DI8" i="9"/>
  <c r="DI8" i="5" s="1"/>
  <c r="DJ8" i="9"/>
  <c r="DJ8" i="5" s="1"/>
  <c r="DK8" i="9"/>
  <c r="DK8" i="5" s="1"/>
  <c r="DL8" i="9"/>
  <c r="DL8" i="5" s="1"/>
  <c r="DM8" i="9"/>
  <c r="DM8" i="5" s="1"/>
  <c r="DN8" i="9"/>
  <c r="DN8" i="5" s="1"/>
  <c r="DO8" i="9"/>
  <c r="DO8" i="5" s="1"/>
  <c r="DP8" i="9"/>
  <c r="DP8" i="5" s="1"/>
  <c r="DQ8" i="9"/>
  <c r="DQ8" i="5" s="1"/>
  <c r="DR8" i="9"/>
  <c r="DR8" i="5" s="1"/>
  <c r="DS8" i="9"/>
  <c r="DS8" i="5" s="1"/>
  <c r="DT8" i="9"/>
  <c r="DT8" i="5" s="1"/>
  <c r="DU8" i="9"/>
  <c r="DU8" i="5" s="1"/>
  <c r="DV8" i="9"/>
  <c r="DV8" i="5" s="1"/>
  <c r="DW8" i="9"/>
  <c r="DW8" i="5" s="1"/>
  <c r="DX8" i="9"/>
  <c r="DX8" i="5" s="1"/>
  <c r="DY8" i="9"/>
  <c r="DY8" i="5" s="1"/>
  <c r="DZ8" i="9"/>
  <c r="DZ8" i="5" s="1"/>
  <c r="EA8" i="9"/>
  <c r="EA8" i="5" s="1"/>
  <c r="EB8" i="9"/>
  <c r="EB8" i="5" s="1"/>
  <c r="EC8" i="9"/>
  <c r="EC8" i="5" s="1"/>
  <c r="ED8" i="9"/>
  <c r="ED8" i="5" s="1"/>
  <c r="EE8" i="9"/>
  <c r="EE8" i="5" s="1"/>
  <c r="EF8" i="9"/>
  <c r="EF8" i="5" s="1"/>
  <c r="EG8" i="9"/>
  <c r="EG8" i="5" s="1"/>
  <c r="EH8" i="9"/>
  <c r="EH8" i="5" s="1"/>
  <c r="EI8" i="9"/>
  <c r="EI8" i="5" s="1"/>
  <c r="EJ8" i="9"/>
  <c r="EJ8" i="5" s="1"/>
  <c r="EK8" i="9"/>
  <c r="EK8" i="5" s="1"/>
  <c r="EL8" i="9"/>
  <c r="EL8" i="5" s="1"/>
  <c r="EM8" i="9"/>
  <c r="EM8" i="5" s="1"/>
  <c r="EN8" i="9"/>
  <c r="EN8" i="5" s="1"/>
  <c r="EO8" i="9"/>
  <c r="EO8" i="5" s="1"/>
  <c r="EP8" i="9"/>
  <c r="EP8" i="5" s="1"/>
  <c r="EQ8" i="9"/>
  <c r="EQ8" i="5" s="1"/>
  <c r="ER8" i="9"/>
  <c r="ER8" i="5" s="1"/>
  <c r="ES8" i="9"/>
  <c r="ES8" i="5" s="1"/>
  <c r="ET8" i="9"/>
  <c r="ET8" i="5" s="1"/>
  <c r="EU8" i="9"/>
  <c r="EU8" i="5" s="1"/>
  <c r="EV8" i="9"/>
  <c r="EV8" i="5" s="1"/>
  <c r="EW8" i="9"/>
  <c r="EW8" i="5" s="1"/>
  <c r="EX8" i="9"/>
  <c r="EX8" i="5" s="1"/>
  <c r="EY8" i="9"/>
  <c r="EY8" i="5" s="1"/>
  <c r="EZ8" i="9"/>
  <c r="EZ8" i="5" s="1"/>
  <c r="FA8" i="9"/>
  <c r="FA8" i="5" s="1"/>
  <c r="FB8" i="9"/>
  <c r="FB8" i="5" s="1"/>
  <c r="FC8" i="9"/>
  <c r="FC8" i="5" s="1"/>
  <c r="FD8" i="9"/>
  <c r="FD8" i="5" s="1"/>
  <c r="FE8" i="9"/>
  <c r="FE8" i="5" s="1"/>
  <c r="FF8" i="9"/>
  <c r="FF8" i="5" s="1"/>
  <c r="FG8" i="9"/>
  <c r="FG8" i="5" s="1"/>
  <c r="FH8" i="9"/>
  <c r="FH8" i="5" s="1"/>
  <c r="FI8" i="9"/>
  <c r="FI8" i="5" s="1"/>
  <c r="FJ8" i="9"/>
  <c r="FJ8" i="5" s="1"/>
  <c r="FK8" i="9"/>
  <c r="FK8" i="5" s="1"/>
  <c r="FL8" i="9"/>
  <c r="FL8" i="5" s="1"/>
  <c r="FM8" i="9"/>
  <c r="FM8" i="5" s="1"/>
  <c r="FN8" i="9"/>
  <c r="FN8" i="5" s="1"/>
  <c r="FO8" i="9"/>
  <c r="FO8" i="5" s="1"/>
  <c r="FP8" i="9"/>
  <c r="FP8" i="5" s="1"/>
  <c r="FQ8" i="9"/>
  <c r="FQ8" i="5" s="1"/>
  <c r="FR8" i="9"/>
  <c r="FR8" i="5" s="1"/>
  <c r="FS8" i="9"/>
  <c r="FS8" i="5" s="1"/>
  <c r="FT8" i="9"/>
  <c r="FT8" i="5" s="1"/>
  <c r="FU8" i="9"/>
  <c r="FU8" i="5" s="1"/>
  <c r="FV8" i="9"/>
  <c r="FV8" i="5" s="1"/>
  <c r="FW8" i="9"/>
  <c r="FW8" i="5" s="1"/>
  <c r="FX8" i="9"/>
  <c r="FX8" i="5" s="1"/>
  <c r="FY8" i="9"/>
  <c r="FY8" i="5" s="1"/>
  <c r="FZ8" i="9"/>
  <c r="FZ8" i="5" s="1"/>
  <c r="GA8" i="9"/>
  <c r="GA8" i="5" s="1"/>
  <c r="GB8" i="9"/>
  <c r="GB8" i="5" s="1"/>
  <c r="E9" i="9"/>
  <c r="E9" i="5" s="1"/>
  <c r="F9" i="9"/>
  <c r="F9" i="5" s="1"/>
  <c r="G9" i="9"/>
  <c r="G9" i="5" s="1"/>
  <c r="H9" i="9"/>
  <c r="H9" i="5" s="1"/>
  <c r="I9" i="9"/>
  <c r="I9" i="5" s="1"/>
  <c r="J9" i="9"/>
  <c r="J9" i="5" s="1"/>
  <c r="K9" i="9"/>
  <c r="K9" i="5" s="1"/>
  <c r="L9" i="9"/>
  <c r="L9" i="5" s="1"/>
  <c r="M9" i="9"/>
  <c r="M9" i="5" s="1"/>
  <c r="N9" i="9"/>
  <c r="N9" i="5" s="1"/>
  <c r="O9" i="9"/>
  <c r="O9" i="5" s="1"/>
  <c r="P9" i="9"/>
  <c r="P9" i="5" s="1"/>
  <c r="Q9" i="9"/>
  <c r="Q9" i="5" s="1"/>
  <c r="R9" i="9"/>
  <c r="R9" i="5" s="1"/>
  <c r="S9" i="9"/>
  <c r="S9" i="5" s="1"/>
  <c r="T9" i="9"/>
  <c r="T9" i="5" s="1"/>
  <c r="U9" i="9"/>
  <c r="U9" i="5" s="1"/>
  <c r="V9" i="9"/>
  <c r="V9" i="5" s="1"/>
  <c r="W9" i="9"/>
  <c r="W9" i="5" s="1"/>
  <c r="X9" i="9"/>
  <c r="X9" i="5" s="1"/>
  <c r="Y9" i="9"/>
  <c r="Y9" i="5" s="1"/>
  <c r="Z9" i="9"/>
  <c r="Z9" i="5" s="1"/>
  <c r="AA9" i="9"/>
  <c r="AA9" i="5" s="1"/>
  <c r="AB9" i="9"/>
  <c r="AB9" i="5" s="1"/>
  <c r="AC9" i="9"/>
  <c r="AC9" i="5" s="1"/>
  <c r="AD9" i="9"/>
  <c r="AD9" i="5" s="1"/>
  <c r="AE9" i="9"/>
  <c r="AE9" i="5" s="1"/>
  <c r="AF9" i="9"/>
  <c r="AF9" i="5" s="1"/>
  <c r="AG9" i="9"/>
  <c r="AG9" i="5" s="1"/>
  <c r="AH9" i="9"/>
  <c r="AH9" i="5" s="1"/>
  <c r="AI9" i="9"/>
  <c r="AI9" i="5" s="1"/>
  <c r="AJ9" i="9"/>
  <c r="AJ9" i="5" s="1"/>
  <c r="AK9" i="9"/>
  <c r="AK9" i="5" s="1"/>
  <c r="AL9" i="9"/>
  <c r="AL9" i="5" s="1"/>
  <c r="AM9" i="9"/>
  <c r="AM9" i="5" s="1"/>
  <c r="AN9" i="9"/>
  <c r="AN9" i="5" s="1"/>
  <c r="AO9" i="9"/>
  <c r="AO9" i="5" s="1"/>
  <c r="AP9" i="9"/>
  <c r="AP9" i="5" s="1"/>
  <c r="AQ9" i="9"/>
  <c r="AQ9" i="5" s="1"/>
  <c r="AR9" i="9"/>
  <c r="AR9" i="5" s="1"/>
  <c r="AS9" i="9"/>
  <c r="AS9" i="5" s="1"/>
  <c r="AT9" i="9"/>
  <c r="AT9" i="5" s="1"/>
  <c r="AU9" i="9"/>
  <c r="AU9" i="5" s="1"/>
  <c r="AV9" i="9"/>
  <c r="AV9" i="5" s="1"/>
  <c r="AW9" i="9"/>
  <c r="AW9" i="5" s="1"/>
  <c r="AX9" i="9"/>
  <c r="AX9" i="5" s="1"/>
  <c r="AY9" i="9"/>
  <c r="AY9" i="5" s="1"/>
  <c r="AZ9" i="9"/>
  <c r="AZ9" i="5" s="1"/>
  <c r="BA9" i="9"/>
  <c r="BA9" i="5" s="1"/>
  <c r="BB9" i="9"/>
  <c r="BB9" i="5" s="1"/>
  <c r="BC9" i="9"/>
  <c r="BC9" i="5" s="1"/>
  <c r="BD9" i="9"/>
  <c r="BD9" i="5" s="1"/>
  <c r="BE9" i="9"/>
  <c r="BE9" i="5" s="1"/>
  <c r="BF9" i="9"/>
  <c r="BF9" i="5" s="1"/>
  <c r="BG9" i="9"/>
  <c r="BG9" i="5" s="1"/>
  <c r="BH9" i="9"/>
  <c r="BH9" i="5" s="1"/>
  <c r="BI9" i="9"/>
  <c r="BI9" i="5" s="1"/>
  <c r="BJ9" i="9"/>
  <c r="BJ9" i="5" s="1"/>
  <c r="BK9" i="9"/>
  <c r="BK9" i="5" s="1"/>
  <c r="BL9" i="9"/>
  <c r="BL9" i="5" s="1"/>
  <c r="BM9" i="9"/>
  <c r="BM9" i="5" s="1"/>
  <c r="BN9" i="9"/>
  <c r="BN9" i="5" s="1"/>
  <c r="BO9" i="9"/>
  <c r="BO9" i="5" s="1"/>
  <c r="BP9" i="9"/>
  <c r="BP9" i="5" s="1"/>
  <c r="BQ9" i="9"/>
  <c r="BQ9" i="5" s="1"/>
  <c r="BR9" i="9"/>
  <c r="BR9" i="5" s="1"/>
  <c r="BS9" i="9"/>
  <c r="BS9" i="5" s="1"/>
  <c r="BT9" i="9"/>
  <c r="BT9" i="5" s="1"/>
  <c r="BU9" i="9"/>
  <c r="BU9" i="5" s="1"/>
  <c r="BV9" i="9"/>
  <c r="BV9" i="5" s="1"/>
  <c r="BW9" i="9"/>
  <c r="BW9" i="5" s="1"/>
  <c r="BX9" i="9"/>
  <c r="BX9" i="5" s="1"/>
  <c r="BY9" i="9"/>
  <c r="BY9" i="5" s="1"/>
  <c r="BZ9" i="9"/>
  <c r="BZ9" i="5" s="1"/>
  <c r="CA9" i="9"/>
  <c r="CA9" i="5" s="1"/>
  <c r="CB9" i="9"/>
  <c r="CB9" i="5" s="1"/>
  <c r="CC9" i="9"/>
  <c r="CC9" i="5" s="1"/>
  <c r="CD9" i="9"/>
  <c r="CD9" i="5" s="1"/>
  <c r="CE9" i="9"/>
  <c r="CE9" i="5" s="1"/>
  <c r="CF9" i="9"/>
  <c r="CF9" i="5" s="1"/>
  <c r="CG9" i="9"/>
  <c r="CG9" i="5" s="1"/>
  <c r="CH9" i="9"/>
  <c r="CH9" i="5" s="1"/>
  <c r="CI9" i="9"/>
  <c r="CI9" i="5" s="1"/>
  <c r="CJ9" i="9"/>
  <c r="CJ9" i="5" s="1"/>
  <c r="CK9" i="9"/>
  <c r="CK9" i="5" s="1"/>
  <c r="CL9" i="9"/>
  <c r="CL9" i="5" s="1"/>
  <c r="CM9" i="9"/>
  <c r="CM9" i="5" s="1"/>
  <c r="CN9" i="9"/>
  <c r="CN9" i="5" s="1"/>
  <c r="CO9" i="9"/>
  <c r="CO9" i="5" s="1"/>
  <c r="CP9" i="9"/>
  <c r="CP9" i="5" s="1"/>
  <c r="CQ9" i="9"/>
  <c r="CQ9" i="5" s="1"/>
  <c r="CR9" i="9"/>
  <c r="CR9" i="5" s="1"/>
  <c r="CS9" i="9"/>
  <c r="CS9" i="5" s="1"/>
  <c r="CT9" i="9"/>
  <c r="CT9" i="5" s="1"/>
  <c r="CU9" i="9"/>
  <c r="CU9" i="5" s="1"/>
  <c r="CV9" i="9"/>
  <c r="CV9" i="5" s="1"/>
  <c r="CW9" i="9"/>
  <c r="CW9" i="5" s="1"/>
  <c r="CX9" i="9"/>
  <c r="CX9" i="5" s="1"/>
  <c r="CY9" i="9"/>
  <c r="CY9" i="5" s="1"/>
  <c r="CZ9" i="9"/>
  <c r="CZ9" i="5" s="1"/>
  <c r="DA9" i="9"/>
  <c r="DA9" i="5" s="1"/>
  <c r="DB9" i="9"/>
  <c r="DB9" i="5" s="1"/>
  <c r="DC9" i="9"/>
  <c r="DC9" i="5" s="1"/>
  <c r="DD9" i="9"/>
  <c r="DD9" i="5" s="1"/>
  <c r="DE9" i="9"/>
  <c r="DE9" i="5" s="1"/>
  <c r="DF9" i="9"/>
  <c r="DF9" i="5" s="1"/>
  <c r="DG9" i="9"/>
  <c r="DG9" i="5" s="1"/>
  <c r="DH9" i="9"/>
  <c r="DH9" i="5" s="1"/>
  <c r="DI9" i="9"/>
  <c r="DI9" i="5" s="1"/>
  <c r="DJ9" i="9"/>
  <c r="DJ9" i="5" s="1"/>
  <c r="DK9" i="9"/>
  <c r="DK9" i="5" s="1"/>
  <c r="DL9" i="9"/>
  <c r="DL9" i="5" s="1"/>
  <c r="DM9" i="9"/>
  <c r="DM9" i="5" s="1"/>
  <c r="DN9" i="9"/>
  <c r="DN9" i="5" s="1"/>
  <c r="DO9" i="9"/>
  <c r="DO9" i="5" s="1"/>
  <c r="DP9" i="9"/>
  <c r="DP9" i="5" s="1"/>
  <c r="DQ9" i="9"/>
  <c r="DQ9" i="5" s="1"/>
  <c r="DR9" i="9"/>
  <c r="DR9" i="5" s="1"/>
  <c r="DS9" i="9"/>
  <c r="DS9" i="5" s="1"/>
  <c r="DT9" i="9"/>
  <c r="DT9" i="5" s="1"/>
  <c r="DU9" i="9"/>
  <c r="DU9" i="5" s="1"/>
  <c r="DV9" i="9"/>
  <c r="DV9" i="5" s="1"/>
  <c r="DW9" i="9"/>
  <c r="DW9" i="5" s="1"/>
  <c r="DX9" i="9"/>
  <c r="DX9" i="5" s="1"/>
  <c r="DY9" i="9"/>
  <c r="DY9" i="5" s="1"/>
  <c r="DZ9" i="9"/>
  <c r="DZ9" i="5" s="1"/>
  <c r="EA9" i="9"/>
  <c r="EA9" i="5" s="1"/>
  <c r="EB9" i="9"/>
  <c r="EB9" i="5" s="1"/>
  <c r="EC9" i="9"/>
  <c r="EC9" i="5" s="1"/>
  <c r="ED9" i="9"/>
  <c r="ED9" i="5" s="1"/>
  <c r="EE9" i="9"/>
  <c r="EE9" i="5" s="1"/>
  <c r="EF9" i="9"/>
  <c r="EF9" i="5" s="1"/>
  <c r="EG9" i="9"/>
  <c r="EG9" i="5" s="1"/>
  <c r="EH9" i="9"/>
  <c r="EH9" i="5" s="1"/>
  <c r="EI9" i="9"/>
  <c r="EI9" i="5" s="1"/>
  <c r="EJ9" i="9"/>
  <c r="EJ9" i="5" s="1"/>
  <c r="EK9" i="9"/>
  <c r="EK9" i="5" s="1"/>
  <c r="EL9" i="9"/>
  <c r="EL9" i="5" s="1"/>
  <c r="EM9" i="9"/>
  <c r="EM9" i="5" s="1"/>
  <c r="EN9" i="9"/>
  <c r="EN9" i="5" s="1"/>
  <c r="EO9" i="9"/>
  <c r="EO9" i="5" s="1"/>
  <c r="EP9" i="9"/>
  <c r="EP9" i="5" s="1"/>
  <c r="EQ9" i="9"/>
  <c r="EQ9" i="5" s="1"/>
  <c r="ER9" i="9"/>
  <c r="ER9" i="5" s="1"/>
  <c r="ES9" i="9"/>
  <c r="ES9" i="5" s="1"/>
  <c r="ET9" i="9"/>
  <c r="ET9" i="5" s="1"/>
  <c r="EU9" i="9"/>
  <c r="EU9" i="5" s="1"/>
  <c r="EV9" i="9"/>
  <c r="EV9" i="5" s="1"/>
  <c r="EW9" i="9"/>
  <c r="EW9" i="5" s="1"/>
  <c r="EX9" i="9"/>
  <c r="EX9" i="5" s="1"/>
  <c r="EY9" i="9"/>
  <c r="EY9" i="5" s="1"/>
  <c r="EZ9" i="9"/>
  <c r="EZ9" i="5" s="1"/>
  <c r="FA9" i="9"/>
  <c r="FA9" i="5" s="1"/>
  <c r="FB9" i="9"/>
  <c r="FB9" i="5" s="1"/>
  <c r="FC9" i="9"/>
  <c r="FC9" i="5" s="1"/>
  <c r="FD9" i="9"/>
  <c r="FD9" i="5" s="1"/>
  <c r="FE9" i="9"/>
  <c r="FE9" i="5" s="1"/>
  <c r="FF9" i="9"/>
  <c r="FF9" i="5" s="1"/>
  <c r="FG9" i="9"/>
  <c r="FG9" i="5" s="1"/>
  <c r="FH9" i="9"/>
  <c r="FH9" i="5" s="1"/>
  <c r="FI9" i="9"/>
  <c r="FI9" i="5" s="1"/>
  <c r="FJ9" i="9"/>
  <c r="FJ9" i="5" s="1"/>
  <c r="FK9" i="9"/>
  <c r="FK9" i="5" s="1"/>
  <c r="FL9" i="9"/>
  <c r="FL9" i="5" s="1"/>
  <c r="FM9" i="9"/>
  <c r="FM9" i="5" s="1"/>
  <c r="FN9" i="9"/>
  <c r="FN9" i="5" s="1"/>
  <c r="FO9" i="9"/>
  <c r="FO9" i="5" s="1"/>
  <c r="FP9" i="9"/>
  <c r="FP9" i="5" s="1"/>
  <c r="FQ9" i="9"/>
  <c r="FQ9" i="5" s="1"/>
  <c r="FR9" i="9"/>
  <c r="FR9" i="5" s="1"/>
  <c r="FS9" i="9"/>
  <c r="FS9" i="5" s="1"/>
  <c r="FT9" i="9"/>
  <c r="FT9" i="5" s="1"/>
  <c r="FU9" i="9"/>
  <c r="FU9" i="5" s="1"/>
  <c r="FV9" i="9"/>
  <c r="FV9" i="5" s="1"/>
  <c r="FW9" i="9"/>
  <c r="FW9" i="5" s="1"/>
  <c r="FX9" i="9"/>
  <c r="FX9" i="5" s="1"/>
  <c r="FY9" i="9"/>
  <c r="FY9" i="5" s="1"/>
  <c r="FZ9" i="9"/>
  <c r="FZ9" i="5" s="1"/>
  <c r="GA9" i="9"/>
  <c r="GA9" i="5" s="1"/>
  <c r="GB9" i="9"/>
  <c r="GB9" i="5" s="1"/>
  <c r="E10" i="9"/>
  <c r="E10" i="5" s="1"/>
  <c r="F10" i="9"/>
  <c r="F10" i="5" s="1"/>
  <c r="G10" i="9"/>
  <c r="G10" i="5" s="1"/>
  <c r="H10" i="9"/>
  <c r="H10" i="5" s="1"/>
  <c r="I10" i="9"/>
  <c r="I10" i="5" s="1"/>
  <c r="J10" i="9"/>
  <c r="J10" i="5" s="1"/>
  <c r="K10" i="9"/>
  <c r="K10" i="5" s="1"/>
  <c r="L10" i="9"/>
  <c r="L10" i="5" s="1"/>
  <c r="M10" i="9"/>
  <c r="M10" i="5" s="1"/>
  <c r="N10" i="9"/>
  <c r="N10" i="5" s="1"/>
  <c r="O10" i="9"/>
  <c r="O10" i="5" s="1"/>
  <c r="P10" i="9"/>
  <c r="P10" i="5" s="1"/>
  <c r="Q10" i="9"/>
  <c r="Q10" i="5" s="1"/>
  <c r="R10" i="9"/>
  <c r="R10" i="5" s="1"/>
  <c r="S10" i="9"/>
  <c r="S10" i="5" s="1"/>
  <c r="T10" i="9"/>
  <c r="T10" i="5" s="1"/>
  <c r="U10" i="9"/>
  <c r="U10" i="5" s="1"/>
  <c r="V10" i="9"/>
  <c r="V10" i="5" s="1"/>
  <c r="W10" i="9"/>
  <c r="W10" i="5" s="1"/>
  <c r="X10" i="9"/>
  <c r="X10" i="5" s="1"/>
  <c r="Y10" i="9"/>
  <c r="Y10" i="5" s="1"/>
  <c r="Z10" i="9"/>
  <c r="Z10" i="5" s="1"/>
  <c r="AA10" i="9"/>
  <c r="AA10" i="5" s="1"/>
  <c r="AB10" i="9"/>
  <c r="AB10" i="5" s="1"/>
  <c r="AC10" i="9"/>
  <c r="AC10" i="5" s="1"/>
  <c r="AD10" i="9"/>
  <c r="AD10" i="5" s="1"/>
  <c r="AE10" i="9"/>
  <c r="AE10" i="5" s="1"/>
  <c r="AF10" i="9"/>
  <c r="AF10" i="5" s="1"/>
  <c r="AG10" i="9"/>
  <c r="AG10" i="5" s="1"/>
  <c r="AH10" i="9"/>
  <c r="AH10" i="5" s="1"/>
  <c r="AI10" i="9"/>
  <c r="AI10" i="5" s="1"/>
  <c r="AJ10" i="9"/>
  <c r="AJ10" i="5" s="1"/>
  <c r="AK10" i="9"/>
  <c r="AK10" i="5" s="1"/>
  <c r="AL10" i="9"/>
  <c r="AL10" i="5" s="1"/>
  <c r="AM10" i="9"/>
  <c r="AM10" i="5" s="1"/>
  <c r="AN10" i="9"/>
  <c r="AN10" i="5" s="1"/>
  <c r="AO10" i="9"/>
  <c r="AO10" i="5" s="1"/>
  <c r="AP10" i="9"/>
  <c r="AP10" i="5" s="1"/>
  <c r="AQ10" i="9"/>
  <c r="AQ10" i="5" s="1"/>
  <c r="AR10" i="9"/>
  <c r="AR10" i="5" s="1"/>
  <c r="AS10" i="9"/>
  <c r="AS10" i="5" s="1"/>
  <c r="AT10" i="9"/>
  <c r="AT10" i="5" s="1"/>
  <c r="AU10" i="9"/>
  <c r="AU10" i="5" s="1"/>
  <c r="AV10" i="9"/>
  <c r="AV10" i="5" s="1"/>
  <c r="AW10" i="9"/>
  <c r="AW10" i="5" s="1"/>
  <c r="AX10" i="9"/>
  <c r="AX10" i="5" s="1"/>
  <c r="AY10" i="9"/>
  <c r="AY10" i="5" s="1"/>
  <c r="AZ10" i="9"/>
  <c r="AZ10" i="5" s="1"/>
  <c r="BA10" i="9"/>
  <c r="BA10" i="5" s="1"/>
  <c r="BB10" i="9"/>
  <c r="BB10" i="5" s="1"/>
  <c r="BC10" i="9"/>
  <c r="BC10" i="5" s="1"/>
  <c r="BD10" i="9"/>
  <c r="BD10" i="5" s="1"/>
  <c r="BE10" i="9"/>
  <c r="BE10" i="5" s="1"/>
  <c r="BF10" i="9"/>
  <c r="BF10" i="5" s="1"/>
  <c r="BG10" i="9"/>
  <c r="BG10" i="5" s="1"/>
  <c r="BH10" i="9"/>
  <c r="BH10" i="5" s="1"/>
  <c r="BI10" i="9"/>
  <c r="BI10" i="5" s="1"/>
  <c r="BJ10" i="9"/>
  <c r="BJ10" i="5" s="1"/>
  <c r="BK10" i="9"/>
  <c r="BK10" i="5" s="1"/>
  <c r="BL10" i="9"/>
  <c r="BL10" i="5" s="1"/>
  <c r="BM10" i="9"/>
  <c r="BM10" i="5" s="1"/>
  <c r="BN10" i="9"/>
  <c r="BN10" i="5" s="1"/>
  <c r="BO10" i="9"/>
  <c r="BO10" i="5" s="1"/>
  <c r="BP10" i="9"/>
  <c r="BP10" i="5" s="1"/>
  <c r="BQ10" i="9"/>
  <c r="BQ10" i="5" s="1"/>
  <c r="BR10" i="9"/>
  <c r="BR10" i="5" s="1"/>
  <c r="BS10" i="9"/>
  <c r="BS10" i="5" s="1"/>
  <c r="BT10" i="9"/>
  <c r="BT10" i="5" s="1"/>
  <c r="BU10" i="9"/>
  <c r="BU10" i="5" s="1"/>
  <c r="BV10" i="9"/>
  <c r="BV10" i="5" s="1"/>
  <c r="BW10" i="9"/>
  <c r="BW10" i="5" s="1"/>
  <c r="BX10" i="9"/>
  <c r="BX10" i="5" s="1"/>
  <c r="BY10" i="9"/>
  <c r="BY10" i="5" s="1"/>
  <c r="BZ10" i="9"/>
  <c r="BZ10" i="5" s="1"/>
  <c r="CA10" i="9"/>
  <c r="CA10" i="5" s="1"/>
  <c r="CB10" i="9"/>
  <c r="CB10" i="5" s="1"/>
  <c r="CC10" i="9"/>
  <c r="CC10" i="5" s="1"/>
  <c r="CD10" i="9"/>
  <c r="CD10" i="5" s="1"/>
  <c r="CE10" i="9"/>
  <c r="CE10" i="5" s="1"/>
  <c r="CF10" i="9"/>
  <c r="CF10" i="5" s="1"/>
  <c r="CG10" i="9"/>
  <c r="CG10" i="5" s="1"/>
  <c r="CH10" i="9"/>
  <c r="CH10" i="5" s="1"/>
  <c r="CI10" i="9"/>
  <c r="CI10" i="5" s="1"/>
  <c r="CJ10" i="9"/>
  <c r="CJ10" i="5" s="1"/>
  <c r="CK10" i="9"/>
  <c r="CK10" i="5" s="1"/>
  <c r="CL10" i="9"/>
  <c r="CL10" i="5" s="1"/>
  <c r="CM10" i="9"/>
  <c r="CM10" i="5" s="1"/>
  <c r="CN10" i="9"/>
  <c r="CN10" i="5" s="1"/>
  <c r="CO10" i="9"/>
  <c r="CO10" i="5" s="1"/>
  <c r="CP10" i="9"/>
  <c r="CP10" i="5" s="1"/>
  <c r="CQ10" i="9"/>
  <c r="CQ10" i="5" s="1"/>
  <c r="CR10" i="9"/>
  <c r="CR10" i="5" s="1"/>
  <c r="CS10" i="9"/>
  <c r="CS10" i="5" s="1"/>
  <c r="CT10" i="9"/>
  <c r="CT10" i="5" s="1"/>
  <c r="CU10" i="9"/>
  <c r="CU10" i="5" s="1"/>
  <c r="CV10" i="9"/>
  <c r="CV10" i="5" s="1"/>
  <c r="CW10" i="9"/>
  <c r="CW10" i="5" s="1"/>
  <c r="CX10" i="9"/>
  <c r="CX10" i="5" s="1"/>
  <c r="CY10" i="9"/>
  <c r="CY10" i="5" s="1"/>
  <c r="CZ10" i="9"/>
  <c r="CZ10" i="5" s="1"/>
  <c r="DA10" i="9"/>
  <c r="DA10" i="5" s="1"/>
  <c r="DB10" i="9"/>
  <c r="DB10" i="5" s="1"/>
  <c r="DC10" i="9"/>
  <c r="DC10" i="5" s="1"/>
  <c r="DD10" i="9"/>
  <c r="DD10" i="5" s="1"/>
  <c r="DE10" i="9"/>
  <c r="DE10" i="5" s="1"/>
  <c r="DF10" i="9"/>
  <c r="DF10" i="5" s="1"/>
  <c r="DG10" i="9"/>
  <c r="DG10" i="5" s="1"/>
  <c r="DH10" i="9"/>
  <c r="DH10" i="5" s="1"/>
  <c r="DI10" i="9"/>
  <c r="DI10" i="5" s="1"/>
  <c r="DJ10" i="9"/>
  <c r="DJ10" i="5" s="1"/>
  <c r="DK10" i="9"/>
  <c r="DK10" i="5" s="1"/>
  <c r="DL10" i="9"/>
  <c r="DL10" i="5" s="1"/>
  <c r="DM10" i="9"/>
  <c r="DM10" i="5" s="1"/>
  <c r="DN10" i="9"/>
  <c r="DN10" i="5" s="1"/>
  <c r="DO10" i="9"/>
  <c r="DO10" i="5" s="1"/>
  <c r="DP10" i="9"/>
  <c r="DP10" i="5" s="1"/>
  <c r="DQ10" i="9"/>
  <c r="DQ10" i="5" s="1"/>
  <c r="DR10" i="9"/>
  <c r="DR10" i="5" s="1"/>
  <c r="DS10" i="9"/>
  <c r="DS10" i="5" s="1"/>
  <c r="DT10" i="9"/>
  <c r="DT10" i="5" s="1"/>
  <c r="DU10" i="9"/>
  <c r="DU10" i="5" s="1"/>
  <c r="DV10" i="9"/>
  <c r="DV10" i="5" s="1"/>
  <c r="DW10" i="9"/>
  <c r="DW10" i="5" s="1"/>
  <c r="DX10" i="9"/>
  <c r="DX10" i="5" s="1"/>
  <c r="DY10" i="9"/>
  <c r="DY10" i="5" s="1"/>
  <c r="DZ10" i="9"/>
  <c r="DZ10" i="5" s="1"/>
  <c r="EA10" i="9"/>
  <c r="EA10" i="5" s="1"/>
  <c r="EB10" i="9"/>
  <c r="EB10" i="5" s="1"/>
  <c r="EC10" i="9"/>
  <c r="EC10" i="5" s="1"/>
  <c r="ED10" i="9"/>
  <c r="ED10" i="5" s="1"/>
  <c r="EE10" i="9"/>
  <c r="EE10" i="5" s="1"/>
  <c r="EF10" i="9"/>
  <c r="EF10" i="5" s="1"/>
  <c r="EG10" i="9"/>
  <c r="EG10" i="5" s="1"/>
  <c r="EH10" i="9"/>
  <c r="EH10" i="5" s="1"/>
  <c r="EI10" i="9"/>
  <c r="EI10" i="5" s="1"/>
  <c r="EJ10" i="9"/>
  <c r="EJ10" i="5" s="1"/>
  <c r="EK10" i="9"/>
  <c r="EK10" i="5" s="1"/>
  <c r="EL10" i="9"/>
  <c r="EL10" i="5" s="1"/>
  <c r="EM10" i="9"/>
  <c r="EM10" i="5" s="1"/>
  <c r="EN10" i="9"/>
  <c r="EN10" i="5" s="1"/>
  <c r="EO10" i="9"/>
  <c r="EO10" i="5" s="1"/>
  <c r="EP10" i="9"/>
  <c r="EP10" i="5" s="1"/>
  <c r="EQ10" i="9"/>
  <c r="EQ10" i="5" s="1"/>
  <c r="ER10" i="9"/>
  <c r="ER10" i="5" s="1"/>
  <c r="ES10" i="9"/>
  <c r="ES10" i="5" s="1"/>
  <c r="ET10" i="9"/>
  <c r="ET10" i="5" s="1"/>
  <c r="EU10" i="9"/>
  <c r="EU10" i="5" s="1"/>
  <c r="EV10" i="9"/>
  <c r="EV10" i="5" s="1"/>
  <c r="EW10" i="9"/>
  <c r="EW10" i="5" s="1"/>
  <c r="EX10" i="9"/>
  <c r="EX10" i="5" s="1"/>
  <c r="EY10" i="9"/>
  <c r="EY10" i="5" s="1"/>
  <c r="EZ10" i="9"/>
  <c r="EZ10" i="5" s="1"/>
  <c r="FA10" i="9"/>
  <c r="FA10" i="5" s="1"/>
  <c r="FB10" i="9"/>
  <c r="FB10" i="5" s="1"/>
  <c r="FC10" i="9"/>
  <c r="FC10" i="5" s="1"/>
  <c r="FD10" i="9"/>
  <c r="FD10" i="5" s="1"/>
  <c r="FE10" i="9"/>
  <c r="FE10" i="5" s="1"/>
  <c r="FF10" i="9"/>
  <c r="FF10" i="5" s="1"/>
  <c r="FG10" i="9"/>
  <c r="FG10" i="5" s="1"/>
  <c r="FH10" i="9"/>
  <c r="FH10" i="5" s="1"/>
  <c r="FI10" i="9"/>
  <c r="FI10" i="5" s="1"/>
  <c r="FJ10" i="9"/>
  <c r="FJ10" i="5" s="1"/>
  <c r="FK10" i="9"/>
  <c r="FK10" i="5" s="1"/>
  <c r="FL10" i="9"/>
  <c r="FL10" i="5" s="1"/>
  <c r="FM10" i="9"/>
  <c r="FM10" i="5" s="1"/>
  <c r="FN10" i="9"/>
  <c r="FN10" i="5" s="1"/>
  <c r="FO10" i="9"/>
  <c r="FO10" i="5" s="1"/>
  <c r="FP10" i="9"/>
  <c r="FP10" i="5" s="1"/>
  <c r="FQ10" i="9"/>
  <c r="FQ10" i="5" s="1"/>
  <c r="FR10" i="9"/>
  <c r="FR10" i="5" s="1"/>
  <c r="FS10" i="9"/>
  <c r="FS10" i="5" s="1"/>
  <c r="FT10" i="9"/>
  <c r="FT10" i="5" s="1"/>
  <c r="FU10" i="9"/>
  <c r="FU10" i="5" s="1"/>
  <c r="FV10" i="9"/>
  <c r="FV10" i="5" s="1"/>
  <c r="FW10" i="9"/>
  <c r="FW10" i="5" s="1"/>
  <c r="FX10" i="9"/>
  <c r="FX10" i="5" s="1"/>
  <c r="FY10" i="9"/>
  <c r="FY10" i="5" s="1"/>
  <c r="FZ10" i="9"/>
  <c r="FZ10" i="5" s="1"/>
  <c r="GA10" i="9"/>
  <c r="GA10" i="5" s="1"/>
  <c r="GB10" i="9"/>
  <c r="GB10" i="5" s="1"/>
  <c r="E11" i="9"/>
  <c r="E11" i="5" s="1"/>
  <c r="F11" i="9"/>
  <c r="F11" i="5" s="1"/>
  <c r="G11" i="9"/>
  <c r="G11" i="5" s="1"/>
  <c r="H11" i="9"/>
  <c r="H11" i="5" s="1"/>
  <c r="I11" i="9"/>
  <c r="I11" i="5" s="1"/>
  <c r="J11" i="9"/>
  <c r="J11" i="5" s="1"/>
  <c r="K11" i="9"/>
  <c r="K11" i="5" s="1"/>
  <c r="L11" i="9"/>
  <c r="L11" i="5" s="1"/>
  <c r="M11" i="9"/>
  <c r="M11" i="5" s="1"/>
  <c r="N11" i="9"/>
  <c r="N11" i="5" s="1"/>
  <c r="O11" i="9"/>
  <c r="O11" i="5" s="1"/>
  <c r="P11" i="9"/>
  <c r="P11" i="5" s="1"/>
  <c r="Q11" i="9"/>
  <c r="Q11" i="5" s="1"/>
  <c r="R11" i="9"/>
  <c r="R11" i="5" s="1"/>
  <c r="S11" i="9"/>
  <c r="S11" i="5" s="1"/>
  <c r="T11" i="9"/>
  <c r="T11" i="5" s="1"/>
  <c r="U11" i="9"/>
  <c r="U11" i="5" s="1"/>
  <c r="V11" i="9"/>
  <c r="V11" i="5" s="1"/>
  <c r="W11" i="9"/>
  <c r="W11" i="5" s="1"/>
  <c r="X11" i="9"/>
  <c r="X11" i="5" s="1"/>
  <c r="Y11" i="9"/>
  <c r="Y11" i="5" s="1"/>
  <c r="Z11" i="9"/>
  <c r="Z11" i="5" s="1"/>
  <c r="AA11" i="9"/>
  <c r="AA11" i="5" s="1"/>
  <c r="AB11" i="9"/>
  <c r="AB11" i="5" s="1"/>
  <c r="AC11" i="9"/>
  <c r="AC11" i="5" s="1"/>
  <c r="AD11" i="9"/>
  <c r="AD11" i="5" s="1"/>
  <c r="AE11" i="9"/>
  <c r="AE11" i="5" s="1"/>
  <c r="AF11" i="9"/>
  <c r="AF11" i="5" s="1"/>
  <c r="AG11" i="9"/>
  <c r="AG11" i="5" s="1"/>
  <c r="AH11" i="9"/>
  <c r="AH11" i="5" s="1"/>
  <c r="AI11" i="9"/>
  <c r="AI11" i="5" s="1"/>
  <c r="AJ11" i="9"/>
  <c r="AJ11" i="5" s="1"/>
  <c r="AK11" i="9"/>
  <c r="AK11" i="5" s="1"/>
  <c r="AL11" i="9"/>
  <c r="AL11" i="5" s="1"/>
  <c r="AM11" i="9"/>
  <c r="AM11" i="5" s="1"/>
  <c r="AN11" i="9"/>
  <c r="AN11" i="5" s="1"/>
  <c r="AO11" i="9"/>
  <c r="AO11" i="5" s="1"/>
  <c r="AP11" i="9"/>
  <c r="AP11" i="5" s="1"/>
  <c r="AQ11" i="9"/>
  <c r="AQ11" i="5" s="1"/>
  <c r="AR11" i="9"/>
  <c r="AR11" i="5" s="1"/>
  <c r="AS11" i="9"/>
  <c r="AS11" i="5" s="1"/>
  <c r="AT11" i="9"/>
  <c r="AT11" i="5" s="1"/>
  <c r="AU11" i="9"/>
  <c r="AU11" i="5" s="1"/>
  <c r="AV11" i="9"/>
  <c r="AV11" i="5" s="1"/>
  <c r="AW11" i="9"/>
  <c r="AW11" i="5" s="1"/>
  <c r="AX11" i="9"/>
  <c r="AX11" i="5" s="1"/>
  <c r="AY11" i="9"/>
  <c r="AY11" i="5" s="1"/>
  <c r="AZ11" i="9"/>
  <c r="AZ11" i="5" s="1"/>
  <c r="BA11" i="9"/>
  <c r="BA11" i="5" s="1"/>
  <c r="BB11" i="9"/>
  <c r="BB11" i="5" s="1"/>
  <c r="BC11" i="9"/>
  <c r="BC11" i="5" s="1"/>
  <c r="BD11" i="9"/>
  <c r="BD11" i="5" s="1"/>
  <c r="BE11" i="9"/>
  <c r="BE11" i="5" s="1"/>
  <c r="BF11" i="9"/>
  <c r="BF11" i="5" s="1"/>
  <c r="BG11" i="9"/>
  <c r="BG11" i="5" s="1"/>
  <c r="BH11" i="9"/>
  <c r="BH11" i="5" s="1"/>
  <c r="BI11" i="9"/>
  <c r="BI11" i="5" s="1"/>
  <c r="BJ11" i="9"/>
  <c r="BJ11" i="5" s="1"/>
  <c r="BK11" i="9"/>
  <c r="BK11" i="5" s="1"/>
  <c r="BL11" i="9"/>
  <c r="BL11" i="5" s="1"/>
  <c r="BM11" i="9"/>
  <c r="BM11" i="5" s="1"/>
  <c r="BN11" i="9"/>
  <c r="BN11" i="5" s="1"/>
  <c r="BO11" i="9"/>
  <c r="BO11" i="5" s="1"/>
  <c r="BP11" i="9"/>
  <c r="BP11" i="5" s="1"/>
  <c r="BQ11" i="9"/>
  <c r="BQ11" i="5" s="1"/>
  <c r="BR11" i="9"/>
  <c r="BR11" i="5" s="1"/>
  <c r="BS11" i="9"/>
  <c r="BS11" i="5" s="1"/>
  <c r="BT11" i="9"/>
  <c r="BT11" i="5" s="1"/>
  <c r="BU11" i="9"/>
  <c r="BU11" i="5" s="1"/>
  <c r="BV11" i="9"/>
  <c r="BV11" i="5" s="1"/>
  <c r="BW11" i="9"/>
  <c r="BW11" i="5" s="1"/>
  <c r="BX11" i="9"/>
  <c r="BX11" i="5" s="1"/>
  <c r="BY11" i="9"/>
  <c r="BY11" i="5" s="1"/>
  <c r="BZ11" i="9"/>
  <c r="BZ11" i="5" s="1"/>
  <c r="CA11" i="9"/>
  <c r="CA11" i="5" s="1"/>
  <c r="CB11" i="9"/>
  <c r="CB11" i="5" s="1"/>
  <c r="CC11" i="9"/>
  <c r="CC11" i="5" s="1"/>
  <c r="CD11" i="9"/>
  <c r="CD11" i="5" s="1"/>
  <c r="CE11" i="9"/>
  <c r="CE11" i="5" s="1"/>
  <c r="CF11" i="9"/>
  <c r="CF11" i="5" s="1"/>
  <c r="CG11" i="9"/>
  <c r="CG11" i="5" s="1"/>
  <c r="CH11" i="9"/>
  <c r="CH11" i="5" s="1"/>
  <c r="CI11" i="9"/>
  <c r="CI11" i="5" s="1"/>
  <c r="CJ11" i="9"/>
  <c r="CJ11" i="5" s="1"/>
  <c r="CK11" i="9"/>
  <c r="CK11" i="5" s="1"/>
  <c r="CL11" i="9"/>
  <c r="CL11" i="5" s="1"/>
  <c r="CM11" i="9"/>
  <c r="CM11" i="5" s="1"/>
  <c r="CN11" i="9"/>
  <c r="CN11" i="5" s="1"/>
  <c r="CO11" i="9"/>
  <c r="CO11" i="5" s="1"/>
  <c r="CP11" i="9"/>
  <c r="CP11" i="5" s="1"/>
  <c r="CQ11" i="9"/>
  <c r="CQ11" i="5" s="1"/>
  <c r="CR11" i="9"/>
  <c r="CR11" i="5" s="1"/>
  <c r="CS11" i="9"/>
  <c r="CS11" i="5" s="1"/>
  <c r="CT11" i="9"/>
  <c r="CT11" i="5" s="1"/>
  <c r="CU11" i="9"/>
  <c r="CU11" i="5" s="1"/>
  <c r="CV11" i="9"/>
  <c r="CV11" i="5" s="1"/>
  <c r="CW11" i="9"/>
  <c r="CW11" i="5" s="1"/>
  <c r="CX11" i="9"/>
  <c r="CX11" i="5" s="1"/>
  <c r="CY11" i="9"/>
  <c r="CY11" i="5" s="1"/>
  <c r="CZ11" i="9"/>
  <c r="CZ11" i="5" s="1"/>
  <c r="DA11" i="9"/>
  <c r="DA11" i="5" s="1"/>
  <c r="DB11" i="9"/>
  <c r="DB11" i="5" s="1"/>
  <c r="DC11" i="9"/>
  <c r="DC11" i="5" s="1"/>
  <c r="DD11" i="9"/>
  <c r="DD11" i="5" s="1"/>
  <c r="DE11" i="9"/>
  <c r="DE11" i="5" s="1"/>
  <c r="DF11" i="9"/>
  <c r="DF11" i="5" s="1"/>
  <c r="DG11" i="9"/>
  <c r="DG11" i="5" s="1"/>
  <c r="DH11" i="9"/>
  <c r="DH11" i="5" s="1"/>
  <c r="DI11" i="9"/>
  <c r="DI11" i="5" s="1"/>
  <c r="DJ11" i="9"/>
  <c r="DJ11" i="5" s="1"/>
  <c r="DK11" i="9"/>
  <c r="DK11" i="5" s="1"/>
  <c r="DL11" i="9"/>
  <c r="DL11" i="5" s="1"/>
  <c r="DM11" i="9"/>
  <c r="DM11" i="5" s="1"/>
  <c r="DN11" i="9"/>
  <c r="DN11" i="5" s="1"/>
  <c r="DO11" i="9"/>
  <c r="DO11" i="5" s="1"/>
  <c r="DP11" i="9"/>
  <c r="DP11" i="5" s="1"/>
  <c r="DQ11" i="9"/>
  <c r="DQ11" i="5" s="1"/>
  <c r="DR11" i="9"/>
  <c r="DR11" i="5" s="1"/>
  <c r="DS11" i="9"/>
  <c r="DS11" i="5" s="1"/>
  <c r="DT11" i="9"/>
  <c r="DT11" i="5" s="1"/>
  <c r="DU11" i="9"/>
  <c r="DU11" i="5" s="1"/>
  <c r="DV11" i="9"/>
  <c r="DV11" i="5" s="1"/>
  <c r="DW11" i="9"/>
  <c r="DW11" i="5" s="1"/>
  <c r="DX11" i="9"/>
  <c r="DX11" i="5" s="1"/>
  <c r="DY11" i="9"/>
  <c r="DY11" i="5" s="1"/>
  <c r="DZ11" i="9"/>
  <c r="DZ11" i="5" s="1"/>
  <c r="EA11" i="9"/>
  <c r="EA11" i="5" s="1"/>
  <c r="EB11" i="9"/>
  <c r="EB11" i="5" s="1"/>
  <c r="EC11" i="9"/>
  <c r="EC11" i="5" s="1"/>
  <c r="ED11" i="9"/>
  <c r="ED11" i="5" s="1"/>
  <c r="EE11" i="9"/>
  <c r="EE11" i="5" s="1"/>
  <c r="EF11" i="9"/>
  <c r="EF11" i="5" s="1"/>
  <c r="EG11" i="9"/>
  <c r="EG11" i="5" s="1"/>
  <c r="EH11" i="9"/>
  <c r="EH11" i="5" s="1"/>
  <c r="EI11" i="9"/>
  <c r="EI11" i="5" s="1"/>
  <c r="EJ11" i="9"/>
  <c r="EJ11" i="5" s="1"/>
  <c r="EK11" i="9"/>
  <c r="EK11" i="5" s="1"/>
  <c r="EL11" i="9"/>
  <c r="EL11" i="5" s="1"/>
  <c r="EM11" i="9"/>
  <c r="EM11" i="5" s="1"/>
  <c r="EN11" i="9"/>
  <c r="EN11" i="5" s="1"/>
  <c r="EO11" i="9"/>
  <c r="EO11" i="5" s="1"/>
  <c r="EP11" i="9"/>
  <c r="EP11" i="5" s="1"/>
  <c r="EQ11" i="9"/>
  <c r="EQ11" i="5" s="1"/>
  <c r="ER11" i="9"/>
  <c r="ER11" i="5" s="1"/>
  <c r="ES11" i="9"/>
  <c r="ES11" i="5" s="1"/>
  <c r="ET11" i="9"/>
  <c r="ET11" i="5" s="1"/>
  <c r="EU11" i="9"/>
  <c r="EU11" i="5" s="1"/>
  <c r="EV11" i="9"/>
  <c r="EV11" i="5" s="1"/>
  <c r="EW11" i="9"/>
  <c r="EW11" i="5" s="1"/>
  <c r="EX11" i="9"/>
  <c r="EX11" i="5" s="1"/>
  <c r="EY11" i="9"/>
  <c r="EY11" i="5" s="1"/>
  <c r="EZ11" i="9"/>
  <c r="EZ11" i="5" s="1"/>
  <c r="FA11" i="9"/>
  <c r="FA11" i="5" s="1"/>
  <c r="FB11" i="9"/>
  <c r="FB11" i="5" s="1"/>
  <c r="FC11" i="9"/>
  <c r="FC11" i="5" s="1"/>
  <c r="FD11" i="9"/>
  <c r="FD11" i="5" s="1"/>
  <c r="FE11" i="9"/>
  <c r="FE11" i="5" s="1"/>
  <c r="FF11" i="9"/>
  <c r="FF11" i="5" s="1"/>
  <c r="FG11" i="9"/>
  <c r="FG11" i="5" s="1"/>
  <c r="FH11" i="9"/>
  <c r="FH11" i="5" s="1"/>
  <c r="FI11" i="9"/>
  <c r="FI11" i="5" s="1"/>
  <c r="FJ11" i="9"/>
  <c r="FJ11" i="5" s="1"/>
  <c r="FK11" i="9"/>
  <c r="FK11" i="5" s="1"/>
  <c r="FL11" i="9"/>
  <c r="FL11" i="5" s="1"/>
  <c r="FM11" i="9"/>
  <c r="FM11" i="5" s="1"/>
  <c r="FN11" i="9"/>
  <c r="FN11" i="5" s="1"/>
  <c r="FO11" i="9"/>
  <c r="FO11" i="5" s="1"/>
  <c r="FP11" i="9"/>
  <c r="FP11" i="5" s="1"/>
  <c r="FQ11" i="9"/>
  <c r="FQ11" i="5" s="1"/>
  <c r="FR11" i="9"/>
  <c r="FR11" i="5" s="1"/>
  <c r="FS11" i="9"/>
  <c r="FS11" i="5" s="1"/>
  <c r="FT11" i="9"/>
  <c r="FT11" i="5" s="1"/>
  <c r="FU11" i="9"/>
  <c r="FU11" i="5" s="1"/>
  <c r="FV11" i="9"/>
  <c r="FV11" i="5" s="1"/>
  <c r="FW11" i="9"/>
  <c r="FW11" i="5" s="1"/>
  <c r="FX11" i="9"/>
  <c r="FX11" i="5" s="1"/>
  <c r="FY11" i="9"/>
  <c r="FY11" i="5" s="1"/>
  <c r="FZ11" i="9"/>
  <c r="FZ11" i="5" s="1"/>
  <c r="GA11" i="9"/>
  <c r="GA11" i="5" s="1"/>
  <c r="GB11" i="9"/>
  <c r="GB11" i="5" s="1"/>
  <c r="E12" i="9"/>
  <c r="E12" i="5" s="1"/>
  <c r="F12" i="9"/>
  <c r="F12" i="5" s="1"/>
  <c r="G12" i="9"/>
  <c r="G12" i="5" s="1"/>
  <c r="H12" i="9"/>
  <c r="H12" i="5" s="1"/>
  <c r="I12" i="9"/>
  <c r="I12" i="5" s="1"/>
  <c r="J12" i="9"/>
  <c r="J12" i="5" s="1"/>
  <c r="K12" i="9"/>
  <c r="K12" i="5" s="1"/>
  <c r="L12" i="9"/>
  <c r="L12" i="5" s="1"/>
  <c r="M12" i="9"/>
  <c r="M12" i="5" s="1"/>
  <c r="N12" i="9"/>
  <c r="N12" i="5" s="1"/>
  <c r="O12" i="9"/>
  <c r="O12" i="5" s="1"/>
  <c r="P12" i="9"/>
  <c r="P12" i="5" s="1"/>
  <c r="Q12" i="9"/>
  <c r="Q12" i="5" s="1"/>
  <c r="R12" i="9"/>
  <c r="R12" i="5" s="1"/>
  <c r="S12" i="9"/>
  <c r="S12" i="5" s="1"/>
  <c r="T12" i="9"/>
  <c r="T12" i="5" s="1"/>
  <c r="U12" i="9"/>
  <c r="U12" i="5" s="1"/>
  <c r="V12" i="9"/>
  <c r="V12" i="5" s="1"/>
  <c r="W12" i="9"/>
  <c r="W12" i="5" s="1"/>
  <c r="X12" i="9"/>
  <c r="X12" i="5" s="1"/>
  <c r="Y12" i="9"/>
  <c r="Y12" i="5" s="1"/>
  <c r="Z12" i="9"/>
  <c r="Z12" i="5" s="1"/>
  <c r="AA12" i="9"/>
  <c r="AA12" i="5" s="1"/>
  <c r="AB12" i="9"/>
  <c r="AB12" i="5" s="1"/>
  <c r="AC12" i="9"/>
  <c r="AC12" i="5" s="1"/>
  <c r="AD12" i="9"/>
  <c r="AD12" i="5" s="1"/>
  <c r="AE12" i="9"/>
  <c r="AE12" i="5" s="1"/>
  <c r="AF12" i="9"/>
  <c r="AF12" i="5" s="1"/>
  <c r="AG12" i="9"/>
  <c r="AG12" i="5" s="1"/>
  <c r="AH12" i="9"/>
  <c r="AH12" i="5" s="1"/>
  <c r="AI12" i="9"/>
  <c r="AI12" i="5" s="1"/>
  <c r="AJ12" i="9"/>
  <c r="AJ12" i="5" s="1"/>
  <c r="AK12" i="9"/>
  <c r="AK12" i="5" s="1"/>
  <c r="AL12" i="9"/>
  <c r="AL12" i="5" s="1"/>
  <c r="AM12" i="9"/>
  <c r="AM12" i="5" s="1"/>
  <c r="AN12" i="9"/>
  <c r="AN12" i="5" s="1"/>
  <c r="AO12" i="9"/>
  <c r="AO12" i="5" s="1"/>
  <c r="AP12" i="9"/>
  <c r="AP12" i="5" s="1"/>
  <c r="AQ12" i="9"/>
  <c r="AQ12" i="5" s="1"/>
  <c r="AR12" i="9"/>
  <c r="AR12" i="5" s="1"/>
  <c r="AS12" i="9"/>
  <c r="AS12" i="5" s="1"/>
  <c r="AT12" i="9"/>
  <c r="AT12" i="5" s="1"/>
  <c r="AU12" i="9"/>
  <c r="AU12" i="5" s="1"/>
  <c r="AV12" i="9"/>
  <c r="AV12" i="5" s="1"/>
  <c r="AW12" i="9"/>
  <c r="AW12" i="5" s="1"/>
  <c r="AX12" i="9"/>
  <c r="AX12" i="5" s="1"/>
  <c r="AY12" i="9"/>
  <c r="AY12" i="5" s="1"/>
  <c r="AZ12" i="9"/>
  <c r="AZ12" i="5" s="1"/>
  <c r="BA12" i="9"/>
  <c r="BA12" i="5" s="1"/>
  <c r="BB12" i="9"/>
  <c r="BB12" i="5" s="1"/>
  <c r="BC12" i="9"/>
  <c r="BC12" i="5" s="1"/>
  <c r="BD12" i="9"/>
  <c r="BD12" i="5" s="1"/>
  <c r="BE12" i="9"/>
  <c r="BE12" i="5" s="1"/>
  <c r="BF12" i="9"/>
  <c r="BF12" i="5" s="1"/>
  <c r="BG12" i="9"/>
  <c r="BG12" i="5" s="1"/>
  <c r="BH12" i="9"/>
  <c r="BH12" i="5" s="1"/>
  <c r="BI12" i="9"/>
  <c r="BI12" i="5" s="1"/>
  <c r="BJ12" i="9"/>
  <c r="BJ12" i="5" s="1"/>
  <c r="BK12" i="9"/>
  <c r="BK12" i="5" s="1"/>
  <c r="BL12" i="9"/>
  <c r="BL12" i="5" s="1"/>
  <c r="BM12" i="9"/>
  <c r="BM12" i="5" s="1"/>
  <c r="BN12" i="9"/>
  <c r="BN12" i="5" s="1"/>
  <c r="BO12" i="9"/>
  <c r="BO12" i="5" s="1"/>
  <c r="BP12" i="9"/>
  <c r="BP12" i="5" s="1"/>
  <c r="BQ12" i="9"/>
  <c r="BQ12" i="5" s="1"/>
  <c r="BR12" i="9"/>
  <c r="BR12" i="5" s="1"/>
  <c r="BS12" i="9"/>
  <c r="BS12" i="5" s="1"/>
  <c r="BT12" i="9"/>
  <c r="BT12" i="5" s="1"/>
  <c r="BU12" i="9"/>
  <c r="BU12" i="5" s="1"/>
  <c r="BV12" i="9"/>
  <c r="BV12" i="5" s="1"/>
  <c r="BW12" i="9"/>
  <c r="BW12" i="5" s="1"/>
  <c r="BX12" i="9"/>
  <c r="BX12" i="5" s="1"/>
  <c r="BY12" i="9"/>
  <c r="BY12" i="5" s="1"/>
  <c r="BZ12" i="9"/>
  <c r="BZ12" i="5" s="1"/>
  <c r="CA12" i="9"/>
  <c r="CA12" i="5" s="1"/>
  <c r="CB12" i="9"/>
  <c r="CB12" i="5" s="1"/>
  <c r="CC12" i="9"/>
  <c r="CC12" i="5" s="1"/>
  <c r="CD12" i="9"/>
  <c r="CD12" i="5" s="1"/>
  <c r="CE12" i="9"/>
  <c r="CE12" i="5" s="1"/>
  <c r="CF12" i="9"/>
  <c r="CF12" i="5" s="1"/>
  <c r="CG12" i="9"/>
  <c r="CG12" i="5" s="1"/>
  <c r="CH12" i="9"/>
  <c r="CH12" i="5" s="1"/>
  <c r="CI12" i="9"/>
  <c r="CI12" i="5" s="1"/>
  <c r="CJ12" i="9"/>
  <c r="CJ12" i="5" s="1"/>
  <c r="CK12" i="9"/>
  <c r="CK12" i="5" s="1"/>
  <c r="CL12" i="9"/>
  <c r="CL12" i="5" s="1"/>
  <c r="CM12" i="9"/>
  <c r="CM12" i="5" s="1"/>
  <c r="CN12" i="9"/>
  <c r="CN12" i="5" s="1"/>
  <c r="CO12" i="9"/>
  <c r="CO12" i="5" s="1"/>
  <c r="CP12" i="9"/>
  <c r="CP12" i="5" s="1"/>
  <c r="CQ12" i="9"/>
  <c r="CQ12" i="5" s="1"/>
  <c r="CR12" i="9"/>
  <c r="CR12" i="5" s="1"/>
  <c r="CS12" i="9"/>
  <c r="CS12" i="5" s="1"/>
  <c r="CT12" i="9"/>
  <c r="CT12" i="5" s="1"/>
  <c r="CU12" i="9"/>
  <c r="CU12" i="5" s="1"/>
  <c r="CV12" i="9"/>
  <c r="CV12" i="5" s="1"/>
  <c r="CW12" i="9"/>
  <c r="CW12" i="5" s="1"/>
  <c r="CX12" i="9"/>
  <c r="CX12" i="5" s="1"/>
  <c r="CY12" i="9"/>
  <c r="CY12" i="5" s="1"/>
  <c r="CZ12" i="9"/>
  <c r="CZ12" i="5" s="1"/>
  <c r="DA12" i="9"/>
  <c r="DA12" i="5" s="1"/>
  <c r="DB12" i="9"/>
  <c r="DB12" i="5" s="1"/>
  <c r="DC12" i="9"/>
  <c r="DC12" i="5" s="1"/>
  <c r="DD12" i="9"/>
  <c r="DD12" i="5" s="1"/>
  <c r="DE12" i="9"/>
  <c r="DE12" i="5" s="1"/>
  <c r="DF12" i="9"/>
  <c r="DF12" i="5" s="1"/>
  <c r="DG12" i="9"/>
  <c r="DG12" i="5" s="1"/>
  <c r="DH12" i="9"/>
  <c r="DH12" i="5" s="1"/>
  <c r="DI12" i="9"/>
  <c r="DI12" i="5" s="1"/>
  <c r="DJ12" i="9"/>
  <c r="DJ12" i="5" s="1"/>
  <c r="DK12" i="9"/>
  <c r="DK12" i="5" s="1"/>
  <c r="DL12" i="9"/>
  <c r="DL12" i="5" s="1"/>
  <c r="DM12" i="9"/>
  <c r="DM12" i="5" s="1"/>
  <c r="DN12" i="9"/>
  <c r="DN12" i="5" s="1"/>
  <c r="DO12" i="9"/>
  <c r="DO12" i="5" s="1"/>
  <c r="DP12" i="9"/>
  <c r="DP12" i="5" s="1"/>
  <c r="DQ12" i="9"/>
  <c r="DQ12" i="5" s="1"/>
  <c r="DR12" i="9"/>
  <c r="DR12" i="5" s="1"/>
  <c r="DS12" i="9"/>
  <c r="DS12" i="5" s="1"/>
  <c r="DT12" i="9"/>
  <c r="DT12" i="5" s="1"/>
  <c r="DU12" i="9"/>
  <c r="DU12" i="5" s="1"/>
  <c r="DV12" i="9"/>
  <c r="DV12" i="5" s="1"/>
  <c r="DW12" i="9"/>
  <c r="DW12" i="5" s="1"/>
  <c r="DX12" i="9"/>
  <c r="DX12" i="5" s="1"/>
  <c r="DY12" i="9"/>
  <c r="DY12" i="5" s="1"/>
  <c r="DZ12" i="9"/>
  <c r="DZ12" i="5" s="1"/>
  <c r="EA12" i="9"/>
  <c r="EA12" i="5" s="1"/>
  <c r="EB12" i="9"/>
  <c r="EB12" i="5" s="1"/>
  <c r="EC12" i="9"/>
  <c r="EC12" i="5" s="1"/>
  <c r="ED12" i="9"/>
  <c r="ED12" i="5" s="1"/>
  <c r="EE12" i="9"/>
  <c r="EE12" i="5" s="1"/>
  <c r="EF12" i="9"/>
  <c r="EF12" i="5" s="1"/>
  <c r="EG12" i="9"/>
  <c r="EG12" i="5" s="1"/>
  <c r="EH12" i="9"/>
  <c r="EH12" i="5" s="1"/>
  <c r="EI12" i="9"/>
  <c r="EI12" i="5" s="1"/>
  <c r="EJ12" i="9"/>
  <c r="EJ12" i="5" s="1"/>
  <c r="EK12" i="9"/>
  <c r="EK12" i="5" s="1"/>
  <c r="EL12" i="9"/>
  <c r="EL12" i="5" s="1"/>
  <c r="EM12" i="9"/>
  <c r="EM12" i="5" s="1"/>
  <c r="EN12" i="9"/>
  <c r="EN12" i="5" s="1"/>
  <c r="EO12" i="9"/>
  <c r="EO12" i="5" s="1"/>
  <c r="EP12" i="9"/>
  <c r="EP12" i="5" s="1"/>
  <c r="EQ12" i="9"/>
  <c r="EQ12" i="5" s="1"/>
  <c r="ER12" i="9"/>
  <c r="ER12" i="5" s="1"/>
  <c r="ES12" i="9"/>
  <c r="ES12" i="5" s="1"/>
  <c r="ET12" i="9"/>
  <c r="ET12" i="5" s="1"/>
  <c r="EU12" i="9"/>
  <c r="EU12" i="5" s="1"/>
  <c r="EV12" i="9"/>
  <c r="EV12" i="5" s="1"/>
  <c r="EW12" i="9"/>
  <c r="EW12" i="5" s="1"/>
  <c r="EX12" i="9"/>
  <c r="EX12" i="5" s="1"/>
  <c r="EY12" i="9"/>
  <c r="EY12" i="5" s="1"/>
  <c r="EZ12" i="9"/>
  <c r="EZ12" i="5" s="1"/>
  <c r="FA12" i="9"/>
  <c r="FA12" i="5" s="1"/>
  <c r="FB12" i="9"/>
  <c r="FB12" i="5" s="1"/>
  <c r="FC12" i="9"/>
  <c r="FC12" i="5" s="1"/>
  <c r="FD12" i="9"/>
  <c r="FD12" i="5" s="1"/>
  <c r="FE12" i="9"/>
  <c r="FE12" i="5" s="1"/>
  <c r="FF12" i="9"/>
  <c r="FF12" i="5" s="1"/>
  <c r="FG12" i="9"/>
  <c r="FG12" i="5" s="1"/>
  <c r="FH12" i="9"/>
  <c r="FH12" i="5" s="1"/>
  <c r="FI12" i="9"/>
  <c r="FI12" i="5" s="1"/>
  <c r="FJ12" i="9"/>
  <c r="FJ12" i="5" s="1"/>
  <c r="FK12" i="9"/>
  <c r="FK12" i="5" s="1"/>
  <c r="FL12" i="9"/>
  <c r="FL12" i="5" s="1"/>
  <c r="FM12" i="9"/>
  <c r="FM12" i="5" s="1"/>
  <c r="FN12" i="9"/>
  <c r="FN12" i="5" s="1"/>
  <c r="FO12" i="9"/>
  <c r="FO12" i="5" s="1"/>
  <c r="FP12" i="9"/>
  <c r="FP12" i="5" s="1"/>
  <c r="FQ12" i="9"/>
  <c r="FQ12" i="5" s="1"/>
  <c r="FR12" i="9"/>
  <c r="FR12" i="5" s="1"/>
  <c r="FS12" i="9"/>
  <c r="FS12" i="5" s="1"/>
  <c r="FT12" i="9"/>
  <c r="FT12" i="5" s="1"/>
  <c r="FU12" i="9"/>
  <c r="FU12" i="5" s="1"/>
  <c r="FV12" i="9"/>
  <c r="FV12" i="5" s="1"/>
  <c r="FW12" i="9"/>
  <c r="FW12" i="5" s="1"/>
  <c r="FX12" i="9"/>
  <c r="FX12" i="5" s="1"/>
  <c r="FY12" i="9"/>
  <c r="FY12" i="5" s="1"/>
  <c r="FZ12" i="9"/>
  <c r="FZ12" i="5" s="1"/>
  <c r="GA12" i="9"/>
  <c r="GA12" i="5" s="1"/>
  <c r="GB12" i="9"/>
  <c r="GB12" i="5" s="1"/>
  <c r="AY13" i="9"/>
  <c r="AY13" i="5" s="1"/>
  <c r="AZ13" i="9"/>
  <c r="AZ13" i="5" s="1"/>
  <c r="BA13" i="9"/>
  <c r="BA13" i="5" s="1"/>
  <c r="BB13" i="9"/>
  <c r="BB13" i="5" s="1"/>
  <c r="BC13" i="9"/>
  <c r="BC13" i="5" s="1"/>
  <c r="BD13" i="9"/>
  <c r="BD13" i="5" s="1"/>
  <c r="BE13" i="9"/>
  <c r="BE13" i="5" s="1"/>
  <c r="BF13" i="9"/>
  <c r="BF13" i="5" s="1"/>
  <c r="BG13" i="9"/>
  <c r="BG13" i="5" s="1"/>
  <c r="BH13" i="9"/>
  <c r="BH13" i="5" s="1"/>
  <c r="BI13" i="9"/>
  <c r="BI13" i="5" s="1"/>
  <c r="BJ13" i="9"/>
  <c r="BJ13" i="5" s="1"/>
  <c r="BK13" i="9"/>
  <c r="BK13" i="5" s="1"/>
  <c r="BL13" i="9"/>
  <c r="BL13" i="5" s="1"/>
  <c r="BM13" i="9"/>
  <c r="BM13" i="5" s="1"/>
  <c r="BN13" i="9"/>
  <c r="BN13" i="5" s="1"/>
  <c r="BO13" i="9"/>
  <c r="BO13" i="5" s="1"/>
  <c r="BP13" i="9"/>
  <c r="BP13" i="5" s="1"/>
  <c r="BQ13" i="9"/>
  <c r="BQ13" i="5" s="1"/>
  <c r="BR13" i="9"/>
  <c r="BR13" i="5" s="1"/>
  <c r="BS13" i="9"/>
  <c r="BS13" i="5" s="1"/>
  <c r="BT13" i="9"/>
  <c r="BT13" i="5" s="1"/>
  <c r="BU13" i="9"/>
  <c r="BU13" i="5" s="1"/>
  <c r="BV13" i="9"/>
  <c r="BV13" i="5" s="1"/>
  <c r="BW13" i="9"/>
  <c r="BW13" i="5" s="1"/>
  <c r="BX13" i="9"/>
  <c r="BX13" i="5" s="1"/>
  <c r="BY13" i="9"/>
  <c r="BY13" i="5" s="1"/>
  <c r="BZ13" i="9"/>
  <c r="BZ13" i="5" s="1"/>
  <c r="CA13" i="9"/>
  <c r="CA13" i="5" s="1"/>
  <c r="CB13" i="9"/>
  <c r="CB13" i="5" s="1"/>
  <c r="CC13" i="9"/>
  <c r="CC13" i="5" s="1"/>
  <c r="CD13" i="9"/>
  <c r="CD13" i="5" s="1"/>
  <c r="CE13" i="9"/>
  <c r="CE13" i="5" s="1"/>
  <c r="CF13" i="9"/>
  <c r="CF13" i="5" s="1"/>
  <c r="CG13" i="9"/>
  <c r="CG13" i="5" s="1"/>
  <c r="CH13" i="9"/>
  <c r="CH13" i="5" s="1"/>
  <c r="CI13" i="9"/>
  <c r="CI13" i="5" s="1"/>
  <c r="CJ13" i="9"/>
  <c r="CJ13" i="5" s="1"/>
  <c r="CK13" i="9"/>
  <c r="CK13" i="5" s="1"/>
  <c r="CL13" i="9"/>
  <c r="CL13" i="5" s="1"/>
  <c r="CM13" i="9"/>
  <c r="CM13" i="5" s="1"/>
  <c r="CN13" i="9"/>
  <c r="CN13" i="5" s="1"/>
  <c r="CO13" i="9"/>
  <c r="CO13" i="5" s="1"/>
  <c r="CP13" i="9"/>
  <c r="CP13" i="5" s="1"/>
  <c r="CQ13" i="9"/>
  <c r="CQ13" i="5" s="1"/>
  <c r="CR13" i="9"/>
  <c r="CR13" i="5" s="1"/>
  <c r="CS13" i="9"/>
  <c r="CS13" i="5" s="1"/>
  <c r="CT13" i="9"/>
  <c r="CT13" i="5" s="1"/>
  <c r="CU13" i="9"/>
  <c r="CU13" i="5" s="1"/>
  <c r="CV13" i="9"/>
  <c r="CV13" i="5" s="1"/>
  <c r="CW13" i="9"/>
  <c r="CW13" i="5" s="1"/>
  <c r="CX13" i="9"/>
  <c r="CX13" i="5" s="1"/>
  <c r="CY13" i="9"/>
  <c r="CY13" i="5" s="1"/>
  <c r="CZ13" i="9"/>
  <c r="CZ13" i="5" s="1"/>
  <c r="DA13" i="9"/>
  <c r="DA13" i="5" s="1"/>
  <c r="DB13" i="9"/>
  <c r="DB13" i="5" s="1"/>
  <c r="DC13" i="9"/>
  <c r="DC13" i="5" s="1"/>
  <c r="DD13" i="9"/>
  <c r="DD13" i="5" s="1"/>
  <c r="DE13" i="9"/>
  <c r="DE13" i="5" s="1"/>
  <c r="DF13" i="9"/>
  <c r="DF13" i="5" s="1"/>
  <c r="DG13" i="9"/>
  <c r="DG13" i="5" s="1"/>
  <c r="DH13" i="9"/>
  <c r="DH13" i="5" s="1"/>
  <c r="DI13" i="9"/>
  <c r="DI13" i="5" s="1"/>
  <c r="DJ13" i="9"/>
  <c r="DJ13" i="5" s="1"/>
  <c r="DK13" i="9"/>
  <c r="DK13" i="5" s="1"/>
  <c r="DL13" i="9"/>
  <c r="DL13" i="5" s="1"/>
  <c r="DM13" i="9"/>
  <c r="DM13" i="5" s="1"/>
  <c r="DN13" i="9"/>
  <c r="DN13" i="5" s="1"/>
  <c r="DO13" i="9"/>
  <c r="DO13" i="5" s="1"/>
  <c r="DP13" i="9"/>
  <c r="DP13" i="5" s="1"/>
  <c r="DQ13" i="9"/>
  <c r="DQ13" i="5" s="1"/>
  <c r="DR13" i="9"/>
  <c r="DR13" i="5" s="1"/>
  <c r="DS13" i="9"/>
  <c r="DS13" i="5" s="1"/>
  <c r="DT13" i="9"/>
  <c r="DT13" i="5" s="1"/>
  <c r="DU13" i="9"/>
  <c r="DU13" i="5" s="1"/>
  <c r="DV13" i="9"/>
  <c r="DV13" i="5" s="1"/>
  <c r="DW13" i="9"/>
  <c r="DW13" i="5" s="1"/>
  <c r="DX13" i="9"/>
  <c r="DX13" i="5" s="1"/>
  <c r="DY13" i="9"/>
  <c r="DY13" i="5" s="1"/>
  <c r="DZ13" i="9"/>
  <c r="DZ13" i="5" s="1"/>
  <c r="EA13" i="9"/>
  <c r="EA13" i="5" s="1"/>
  <c r="EB13" i="9"/>
  <c r="EB13" i="5" s="1"/>
  <c r="EC13" i="9"/>
  <c r="EC13" i="5" s="1"/>
  <c r="ED13" i="9"/>
  <c r="ED13" i="5" s="1"/>
  <c r="EE13" i="9"/>
  <c r="EE13" i="5" s="1"/>
  <c r="EF13" i="9"/>
  <c r="EF13" i="5" s="1"/>
  <c r="EG13" i="9"/>
  <c r="EG13" i="5" s="1"/>
  <c r="EH13" i="9"/>
  <c r="EH13" i="5" s="1"/>
  <c r="EI13" i="9"/>
  <c r="EI13" i="5" s="1"/>
  <c r="EJ13" i="9"/>
  <c r="EJ13" i="5" s="1"/>
  <c r="EK13" i="9"/>
  <c r="EK13" i="5" s="1"/>
  <c r="EL13" i="9"/>
  <c r="EL13" i="5" s="1"/>
  <c r="EM13" i="9"/>
  <c r="EM13" i="5" s="1"/>
  <c r="EN13" i="9"/>
  <c r="EN13" i="5" s="1"/>
  <c r="EO13" i="9"/>
  <c r="EO13" i="5" s="1"/>
  <c r="EP13" i="9"/>
  <c r="EP13" i="5" s="1"/>
  <c r="EQ13" i="9"/>
  <c r="EQ13" i="5" s="1"/>
  <c r="ER13" i="9"/>
  <c r="ER13" i="5" s="1"/>
  <c r="ES13" i="9"/>
  <c r="ES13" i="5" s="1"/>
  <c r="ET13" i="9"/>
  <c r="ET13" i="5" s="1"/>
  <c r="EU13" i="9"/>
  <c r="EU13" i="5" s="1"/>
  <c r="EV13" i="9"/>
  <c r="EV13" i="5" s="1"/>
  <c r="EW13" i="9"/>
  <c r="EW13" i="5" s="1"/>
  <c r="EX13" i="9"/>
  <c r="EX13" i="5" s="1"/>
  <c r="EY13" i="9"/>
  <c r="EY13" i="5" s="1"/>
  <c r="EZ13" i="9"/>
  <c r="EZ13" i="5" s="1"/>
  <c r="FA13" i="9"/>
  <c r="FA13" i="5" s="1"/>
  <c r="FB13" i="9"/>
  <c r="FB13" i="5" s="1"/>
  <c r="FC13" i="9"/>
  <c r="FC13" i="5" s="1"/>
  <c r="FD13" i="9"/>
  <c r="FD13" i="5" s="1"/>
  <c r="FE13" i="9"/>
  <c r="FE13" i="5" s="1"/>
  <c r="FF13" i="9"/>
  <c r="FF13" i="5" s="1"/>
  <c r="FG13" i="9"/>
  <c r="FG13" i="5" s="1"/>
  <c r="FH13" i="9"/>
  <c r="FH13" i="5" s="1"/>
  <c r="FI13" i="9"/>
  <c r="FI13" i="5" s="1"/>
  <c r="FJ13" i="9"/>
  <c r="FJ13" i="5" s="1"/>
  <c r="FK13" i="9"/>
  <c r="FK13" i="5" s="1"/>
  <c r="FL13" i="9"/>
  <c r="FL13" i="5" s="1"/>
  <c r="FM13" i="9"/>
  <c r="FM13" i="5" s="1"/>
  <c r="FN13" i="9"/>
  <c r="FN13" i="5" s="1"/>
  <c r="FO13" i="9"/>
  <c r="FO13" i="5" s="1"/>
  <c r="FP13" i="9"/>
  <c r="FP13" i="5" s="1"/>
  <c r="FQ13" i="9"/>
  <c r="FQ13" i="5" s="1"/>
  <c r="FR13" i="9"/>
  <c r="FR13" i="5" s="1"/>
  <c r="FS13" i="9"/>
  <c r="FS13" i="5" s="1"/>
  <c r="FT13" i="9"/>
  <c r="FT13" i="5" s="1"/>
  <c r="FU13" i="9"/>
  <c r="FU13" i="5" s="1"/>
  <c r="FV13" i="9"/>
  <c r="FV13" i="5" s="1"/>
  <c r="FW13" i="9"/>
  <c r="FW13" i="5" s="1"/>
  <c r="FX13" i="9"/>
  <c r="FX13" i="5" s="1"/>
  <c r="FY13" i="9"/>
  <c r="FY13" i="5" s="1"/>
  <c r="FZ13" i="9"/>
  <c r="FZ13" i="5" s="1"/>
  <c r="GA13" i="9"/>
  <c r="GA13" i="5" s="1"/>
  <c r="GB13" i="9"/>
  <c r="GB13" i="5" s="1"/>
  <c r="E14" i="9"/>
  <c r="E14" i="5" s="1"/>
  <c r="F14" i="9"/>
  <c r="F14" i="5" s="1"/>
  <c r="G14" i="9"/>
  <c r="G14" i="5" s="1"/>
  <c r="H14" i="9"/>
  <c r="H14" i="5" s="1"/>
  <c r="I14" i="9"/>
  <c r="I14" i="5" s="1"/>
  <c r="J14" i="9"/>
  <c r="J14" i="5" s="1"/>
  <c r="K14" i="9"/>
  <c r="K14" i="5" s="1"/>
  <c r="L14" i="9"/>
  <c r="L14" i="5" s="1"/>
  <c r="M14" i="9"/>
  <c r="M14" i="5" s="1"/>
  <c r="N14" i="9"/>
  <c r="N14" i="5" s="1"/>
  <c r="O14" i="9"/>
  <c r="O14" i="5" s="1"/>
  <c r="P14" i="9"/>
  <c r="P14" i="5" s="1"/>
  <c r="Q14" i="9"/>
  <c r="Q14" i="5" s="1"/>
  <c r="R14" i="9"/>
  <c r="R14" i="5" s="1"/>
  <c r="S14" i="9"/>
  <c r="S14" i="5" s="1"/>
  <c r="T14" i="9"/>
  <c r="T14" i="5" s="1"/>
  <c r="U14" i="9"/>
  <c r="U14" i="5" s="1"/>
  <c r="V14" i="9"/>
  <c r="V14" i="5" s="1"/>
  <c r="W14" i="9"/>
  <c r="W14" i="5" s="1"/>
  <c r="X14" i="9"/>
  <c r="X14" i="5" s="1"/>
  <c r="Y14" i="9"/>
  <c r="Y14" i="5" s="1"/>
  <c r="Z14" i="9"/>
  <c r="Z14" i="5" s="1"/>
  <c r="AA14" i="9"/>
  <c r="AA14" i="5" s="1"/>
  <c r="AB14" i="9"/>
  <c r="AB14" i="5" s="1"/>
  <c r="AC14" i="9"/>
  <c r="AC14" i="5" s="1"/>
  <c r="AD14" i="9"/>
  <c r="AD14" i="5" s="1"/>
  <c r="AE14" i="9"/>
  <c r="AE14" i="5" s="1"/>
  <c r="AF14" i="9"/>
  <c r="AF14" i="5" s="1"/>
  <c r="AG14" i="9"/>
  <c r="AG14" i="5" s="1"/>
  <c r="AH14" i="9"/>
  <c r="AH14" i="5" s="1"/>
  <c r="AI14" i="9"/>
  <c r="AI14" i="5" s="1"/>
  <c r="AJ14" i="9"/>
  <c r="AJ14" i="5" s="1"/>
  <c r="AK14" i="9"/>
  <c r="AK14" i="5" s="1"/>
  <c r="AL14" i="9"/>
  <c r="AL14" i="5" s="1"/>
  <c r="AM14" i="9"/>
  <c r="AM14" i="5" s="1"/>
  <c r="AN14" i="9"/>
  <c r="AN14" i="5" s="1"/>
  <c r="AO14" i="9"/>
  <c r="AO14" i="5" s="1"/>
  <c r="AP14" i="9"/>
  <c r="AP14" i="5" s="1"/>
  <c r="AQ14" i="9"/>
  <c r="AQ14" i="5" s="1"/>
  <c r="AR14" i="9"/>
  <c r="AR14" i="5" s="1"/>
  <c r="AS14" i="9"/>
  <c r="AS14" i="5" s="1"/>
  <c r="AT14" i="9"/>
  <c r="AT14" i="5" s="1"/>
  <c r="AU14" i="9"/>
  <c r="AU14" i="5" s="1"/>
  <c r="AV14" i="9"/>
  <c r="AV14" i="5" s="1"/>
  <c r="AW14" i="9"/>
  <c r="AW14" i="5" s="1"/>
  <c r="AX14" i="9"/>
  <c r="AX14" i="5" s="1"/>
  <c r="AY14" i="9"/>
  <c r="AY14" i="5" s="1"/>
  <c r="AZ14" i="9"/>
  <c r="AZ14" i="5" s="1"/>
  <c r="BA14" i="9"/>
  <c r="BA14" i="5" s="1"/>
  <c r="BB14" i="9"/>
  <c r="BB14" i="5" s="1"/>
  <c r="BC14" i="9"/>
  <c r="BC14" i="5" s="1"/>
  <c r="BD14" i="9"/>
  <c r="BD14" i="5" s="1"/>
  <c r="BE14" i="9"/>
  <c r="BE14" i="5" s="1"/>
  <c r="BF14" i="9"/>
  <c r="BF14" i="5" s="1"/>
  <c r="BG14" i="9"/>
  <c r="BG14" i="5" s="1"/>
  <c r="BH14" i="9"/>
  <c r="BH14" i="5" s="1"/>
  <c r="BI14" i="9"/>
  <c r="BI14" i="5" s="1"/>
  <c r="BJ14" i="9"/>
  <c r="BJ14" i="5" s="1"/>
  <c r="BK14" i="9"/>
  <c r="BK14" i="5" s="1"/>
  <c r="BL14" i="9"/>
  <c r="BL14" i="5" s="1"/>
  <c r="BM14" i="9"/>
  <c r="BM14" i="5" s="1"/>
  <c r="BN14" i="9"/>
  <c r="BN14" i="5" s="1"/>
  <c r="BO14" i="9"/>
  <c r="BO14" i="5" s="1"/>
  <c r="BP14" i="9"/>
  <c r="BP14" i="5" s="1"/>
  <c r="BQ14" i="9"/>
  <c r="BQ14" i="5" s="1"/>
  <c r="BR14" i="9"/>
  <c r="BR14" i="5" s="1"/>
  <c r="BS14" i="9"/>
  <c r="BS14" i="5" s="1"/>
  <c r="BT14" i="9"/>
  <c r="BT14" i="5" s="1"/>
  <c r="BU14" i="9"/>
  <c r="BU14" i="5" s="1"/>
  <c r="BV14" i="9"/>
  <c r="BV14" i="5" s="1"/>
  <c r="BW14" i="9"/>
  <c r="BW14" i="5" s="1"/>
  <c r="BX14" i="9"/>
  <c r="BX14" i="5" s="1"/>
  <c r="BY14" i="9"/>
  <c r="BY14" i="5" s="1"/>
  <c r="BZ14" i="9"/>
  <c r="BZ14" i="5" s="1"/>
  <c r="CA14" i="9"/>
  <c r="CA14" i="5" s="1"/>
  <c r="CB14" i="9"/>
  <c r="CB14" i="5" s="1"/>
  <c r="CC14" i="9"/>
  <c r="CC14" i="5" s="1"/>
  <c r="CD14" i="9"/>
  <c r="CD14" i="5" s="1"/>
  <c r="CE14" i="9"/>
  <c r="CE14" i="5" s="1"/>
  <c r="CF14" i="9"/>
  <c r="CF14" i="5" s="1"/>
  <c r="CG14" i="9"/>
  <c r="CG14" i="5" s="1"/>
  <c r="CH14" i="9"/>
  <c r="CH14" i="5" s="1"/>
  <c r="CI14" i="9"/>
  <c r="CI14" i="5" s="1"/>
  <c r="CJ14" i="9"/>
  <c r="CJ14" i="5" s="1"/>
  <c r="CK14" i="9"/>
  <c r="CK14" i="5" s="1"/>
  <c r="CL14" i="9"/>
  <c r="CL14" i="5" s="1"/>
  <c r="CM14" i="9"/>
  <c r="CM14" i="5" s="1"/>
  <c r="CN14" i="9"/>
  <c r="CN14" i="5" s="1"/>
  <c r="CO14" i="9"/>
  <c r="CO14" i="5" s="1"/>
  <c r="CP14" i="9"/>
  <c r="CP14" i="5" s="1"/>
  <c r="CQ14" i="9"/>
  <c r="CQ14" i="5" s="1"/>
  <c r="CR14" i="9"/>
  <c r="CR14" i="5" s="1"/>
  <c r="CS14" i="9"/>
  <c r="CS14" i="5" s="1"/>
  <c r="CT14" i="9"/>
  <c r="CT14" i="5" s="1"/>
  <c r="CU14" i="9"/>
  <c r="CU14" i="5" s="1"/>
  <c r="CV14" i="9"/>
  <c r="CV14" i="5" s="1"/>
  <c r="CW14" i="9"/>
  <c r="CW14" i="5" s="1"/>
  <c r="CX14" i="9"/>
  <c r="CX14" i="5" s="1"/>
  <c r="CY14" i="9"/>
  <c r="CY14" i="5" s="1"/>
  <c r="CZ14" i="9"/>
  <c r="CZ14" i="5" s="1"/>
  <c r="DA14" i="9"/>
  <c r="DA14" i="5" s="1"/>
  <c r="DB14" i="9"/>
  <c r="DB14" i="5" s="1"/>
  <c r="DC14" i="9"/>
  <c r="DC14" i="5" s="1"/>
  <c r="DD14" i="9"/>
  <c r="DD14" i="5" s="1"/>
  <c r="DE14" i="9"/>
  <c r="DE14" i="5" s="1"/>
  <c r="DF14" i="9"/>
  <c r="DF14" i="5" s="1"/>
  <c r="DG14" i="9"/>
  <c r="DG14" i="5" s="1"/>
  <c r="DH14" i="9"/>
  <c r="DH14" i="5" s="1"/>
  <c r="DI14" i="9"/>
  <c r="DI14" i="5" s="1"/>
  <c r="DJ14" i="9"/>
  <c r="DJ14" i="5" s="1"/>
  <c r="DK14" i="9"/>
  <c r="DK14" i="5" s="1"/>
  <c r="DL14" i="9"/>
  <c r="DL14" i="5" s="1"/>
  <c r="DM14" i="9"/>
  <c r="DM14" i="5" s="1"/>
  <c r="DN14" i="9"/>
  <c r="DN14" i="5" s="1"/>
  <c r="DO14" i="9"/>
  <c r="DO14" i="5" s="1"/>
  <c r="DP14" i="9"/>
  <c r="DP14" i="5" s="1"/>
  <c r="DQ14" i="9"/>
  <c r="DQ14" i="5" s="1"/>
  <c r="DR14" i="9"/>
  <c r="DR14" i="5" s="1"/>
  <c r="DS14" i="9"/>
  <c r="DS14" i="5" s="1"/>
  <c r="DT14" i="9"/>
  <c r="DT14" i="5" s="1"/>
  <c r="DU14" i="9"/>
  <c r="DU14" i="5" s="1"/>
  <c r="DV14" i="9"/>
  <c r="DV14" i="5" s="1"/>
  <c r="DW14" i="9"/>
  <c r="DW14" i="5" s="1"/>
  <c r="DX14" i="9"/>
  <c r="DX14" i="5" s="1"/>
  <c r="DY14" i="9"/>
  <c r="DY14" i="5" s="1"/>
  <c r="DZ14" i="9"/>
  <c r="DZ14" i="5" s="1"/>
  <c r="EA14" i="9"/>
  <c r="EA14" i="5" s="1"/>
  <c r="EB14" i="9"/>
  <c r="EB14" i="5" s="1"/>
  <c r="EC14" i="9"/>
  <c r="EC14" i="5" s="1"/>
  <c r="ED14" i="9"/>
  <c r="ED14" i="5" s="1"/>
  <c r="EE14" i="9"/>
  <c r="EE14" i="5" s="1"/>
  <c r="EF14" i="9"/>
  <c r="EF14" i="5" s="1"/>
  <c r="EG14" i="9"/>
  <c r="EG14" i="5" s="1"/>
  <c r="EH14" i="9"/>
  <c r="EH14" i="5" s="1"/>
  <c r="EI14" i="9"/>
  <c r="EI14" i="5" s="1"/>
  <c r="EJ14" i="9"/>
  <c r="EJ14" i="5" s="1"/>
  <c r="EK14" i="9"/>
  <c r="EK14" i="5" s="1"/>
  <c r="EL14" i="9"/>
  <c r="EL14" i="5" s="1"/>
  <c r="EM14" i="9"/>
  <c r="EM14" i="5" s="1"/>
  <c r="EN14" i="9"/>
  <c r="EN14" i="5" s="1"/>
  <c r="EO14" i="9"/>
  <c r="EO14" i="5" s="1"/>
  <c r="EP14" i="9"/>
  <c r="EP14" i="5" s="1"/>
  <c r="EQ14" i="9"/>
  <c r="EQ14" i="5" s="1"/>
  <c r="ER14" i="9"/>
  <c r="ER14" i="5" s="1"/>
  <c r="ES14" i="9"/>
  <c r="ES14" i="5" s="1"/>
  <c r="ET14" i="9"/>
  <c r="ET14" i="5" s="1"/>
  <c r="EU14" i="9"/>
  <c r="EU14" i="5" s="1"/>
  <c r="EV14" i="9"/>
  <c r="EV14" i="5" s="1"/>
  <c r="EW14" i="9"/>
  <c r="EW14" i="5" s="1"/>
  <c r="EX14" i="9"/>
  <c r="EX14" i="5" s="1"/>
  <c r="EY14" i="9"/>
  <c r="EY14" i="5" s="1"/>
  <c r="EZ14" i="9"/>
  <c r="EZ14" i="5" s="1"/>
  <c r="FA14" i="9"/>
  <c r="FA14" i="5" s="1"/>
  <c r="FB14" i="9"/>
  <c r="FB14" i="5" s="1"/>
  <c r="FC14" i="9"/>
  <c r="FC14" i="5" s="1"/>
  <c r="FD14" i="9"/>
  <c r="FD14" i="5" s="1"/>
  <c r="FE14" i="9"/>
  <c r="FE14" i="5" s="1"/>
  <c r="FF14" i="9"/>
  <c r="FF14" i="5" s="1"/>
  <c r="FG14" i="9"/>
  <c r="FG14" i="5" s="1"/>
  <c r="FH14" i="9"/>
  <c r="FH14" i="5" s="1"/>
  <c r="FI14" i="9"/>
  <c r="FI14" i="5" s="1"/>
  <c r="FJ14" i="9"/>
  <c r="FJ14" i="5" s="1"/>
  <c r="FK14" i="9"/>
  <c r="FK14" i="5" s="1"/>
  <c r="FL14" i="9"/>
  <c r="FL14" i="5" s="1"/>
  <c r="FM14" i="9"/>
  <c r="FM14" i="5" s="1"/>
  <c r="FN14" i="9"/>
  <c r="FN14" i="5" s="1"/>
  <c r="FO14" i="9"/>
  <c r="FO14" i="5" s="1"/>
  <c r="FP14" i="9"/>
  <c r="FP14" i="5" s="1"/>
  <c r="FQ14" i="9"/>
  <c r="FQ14" i="5" s="1"/>
  <c r="FR14" i="9"/>
  <c r="FR14" i="5" s="1"/>
  <c r="FS14" i="9"/>
  <c r="FS14" i="5" s="1"/>
  <c r="FT14" i="9"/>
  <c r="FT14" i="5" s="1"/>
  <c r="FU14" i="9"/>
  <c r="FU14" i="5" s="1"/>
  <c r="FV14" i="9"/>
  <c r="FV14" i="5" s="1"/>
  <c r="FW14" i="9"/>
  <c r="FW14" i="5" s="1"/>
  <c r="FX14" i="9"/>
  <c r="FX14" i="5" s="1"/>
  <c r="FY14" i="9"/>
  <c r="FY14" i="5" s="1"/>
  <c r="FZ14" i="9"/>
  <c r="FZ14" i="5" s="1"/>
  <c r="GA14" i="9"/>
  <c r="GA14" i="5" s="1"/>
  <c r="GB14" i="9"/>
  <c r="GB14" i="5" s="1"/>
  <c r="E15" i="9"/>
  <c r="E15" i="5" s="1"/>
  <c r="F15" i="9"/>
  <c r="F15" i="5" s="1"/>
  <c r="G15" i="9"/>
  <c r="G15" i="5" s="1"/>
  <c r="H15" i="9"/>
  <c r="H15" i="5" s="1"/>
  <c r="I15" i="9"/>
  <c r="I15" i="5" s="1"/>
  <c r="J15" i="9"/>
  <c r="J15" i="5" s="1"/>
  <c r="K15" i="9"/>
  <c r="K15" i="5" s="1"/>
  <c r="L15" i="9"/>
  <c r="L15" i="5" s="1"/>
  <c r="M15" i="9"/>
  <c r="M15" i="5" s="1"/>
  <c r="N15" i="9"/>
  <c r="N15" i="5" s="1"/>
  <c r="O15" i="9"/>
  <c r="O15" i="5" s="1"/>
  <c r="P15" i="9"/>
  <c r="P15" i="5" s="1"/>
  <c r="Q15" i="9"/>
  <c r="Q15" i="5" s="1"/>
  <c r="R15" i="9"/>
  <c r="R15" i="5" s="1"/>
  <c r="S15" i="9"/>
  <c r="S15" i="5" s="1"/>
  <c r="T15" i="9"/>
  <c r="T15" i="5" s="1"/>
  <c r="U15" i="9"/>
  <c r="U15" i="5" s="1"/>
  <c r="V15" i="9"/>
  <c r="V15" i="5" s="1"/>
  <c r="W15" i="9"/>
  <c r="W15" i="5" s="1"/>
  <c r="X15" i="9"/>
  <c r="X15" i="5" s="1"/>
  <c r="Y15" i="9"/>
  <c r="Y15" i="5" s="1"/>
  <c r="Z15" i="9"/>
  <c r="Z15" i="5" s="1"/>
  <c r="AA15" i="9"/>
  <c r="AA15" i="5" s="1"/>
  <c r="AB15" i="9"/>
  <c r="AB15" i="5" s="1"/>
  <c r="AC15" i="9"/>
  <c r="AC15" i="5" s="1"/>
  <c r="AD15" i="9"/>
  <c r="AD15" i="5" s="1"/>
  <c r="AE15" i="9"/>
  <c r="AE15" i="5" s="1"/>
  <c r="AF15" i="9"/>
  <c r="AF15" i="5" s="1"/>
  <c r="AG15" i="9"/>
  <c r="AG15" i="5" s="1"/>
  <c r="AH15" i="9"/>
  <c r="AH15" i="5" s="1"/>
  <c r="AI15" i="9"/>
  <c r="AI15" i="5" s="1"/>
  <c r="AJ15" i="9"/>
  <c r="AJ15" i="5" s="1"/>
  <c r="AK15" i="9"/>
  <c r="AK15" i="5" s="1"/>
  <c r="AL15" i="9"/>
  <c r="AL15" i="5" s="1"/>
  <c r="AM15" i="9"/>
  <c r="AM15" i="5" s="1"/>
  <c r="AN15" i="9"/>
  <c r="AN15" i="5" s="1"/>
  <c r="AO15" i="9"/>
  <c r="AO15" i="5" s="1"/>
  <c r="AP15" i="9"/>
  <c r="AP15" i="5" s="1"/>
  <c r="AQ15" i="9"/>
  <c r="AQ15" i="5" s="1"/>
  <c r="AR15" i="9"/>
  <c r="AR15" i="5" s="1"/>
  <c r="AS15" i="9"/>
  <c r="AS15" i="5" s="1"/>
  <c r="AT15" i="9"/>
  <c r="AT15" i="5" s="1"/>
  <c r="AU15" i="9"/>
  <c r="AU15" i="5" s="1"/>
  <c r="AV15" i="9"/>
  <c r="AV15" i="5" s="1"/>
  <c r="AW15" i="9"/>
  <c r="AW15" i="5" s="1"/>
  <c r="AX15" i="9"/>
  <c r="AX15" i="5" s="1"/>
  <c r="AY15" i="9"/>
  <c r="AY15" i="5" s="1"/>
  <c r="AZ15" i="9"/>
  <c r="AZ15" i="5" s="1"/>
  <c r="BA15" i="9"/>
  <c r="BA15" i="5" s="1"/>
  <c r="BB15" i="9"/>
  <c r="BB15" i="5" s="1"/>
  <c r="BC15" i="9"/>
  <c r="BC15" i="5" s="1"/>
  <c r="BD15" i="9"/>
  <c r="BD15" i="5" s="1"/>
  <c r="BE15" i="9"/>
  <c r="BE15" i="5" s="1"/>
  <c r="BF15" i="9"/>
  <c r="BF15" i="5" s="1"/>
  <c r="BG15" i="9"/>
  <c r="BG15" i="5" s="1"/>
  <c r="BH15" i="9"/>
  <c r="BH15" i="5" s="1"/>
  <c r="BI15" i="9"/>
  <c r="BI15" i="5" s="1"/>
  <c r="BJ15" i="9"/>
  <c r="BJ15" i="5" s="1"/>
  <c r="BK15" i="9"/>
  <c r="BK15" i="5" s="1"/>
  <c r="BL15" i="9"/>
  <c r="BL15" i="5" s="1"/>
  <c r="BM15" i="9"/>
  <c r="BM15" i="5" s="1"/>
  <c r="BN15" i="9"/>
  <c r="BN15" i="5" s="1"/>
  <c r="BO15" i="9"/>
  <c r="BO15" i="5" s="1"/>
  <c r="BP15" i="9"/>
  <c r="BP15" i="5" s="1"/>
  <c r="BQ15" i="9"/>
  <c r="BQ15" i="5" s="1"/>
  <c r="BR15" i="9"/>
  <c r="BR15" i="5" s="1"/>
  <c r="BS15" i="9"/>
  <c r="BS15" i="5" s="1"/>
  <c r="BT15" i="9"/>
  <c r="BT15" i="5" s="1"/>
  <c r="BU15" i="9"/>
  <c r="BU15" i="5" s="1"/>
  <c r="BV15" i="9"/>
  <c r="BV15" i="5" s="1"/>
  <c r="BW15" i="9"/>
  <c r="BW15" i="5" s="1"/>
  <c r="BX15" i="9"/>
  <c r="BX15" i="5" s="1"/>
  <c r="BY15" i="9"/>
  <c r="BY15" i="5" s="1"/>
  <c r="BZ15" i="9"/>
  <c r="BZ15" i="5" s="1"/>
  <c r="CA15" i="9"/>
  <c r="CA15" i="5" s="1"/>
  <c r="CB15" i="9"/>
  <c r="CB15" i="5" s="1"/>
  <c r="CC15" i="9"/>
  <c r="CC15" i="5" s="1"/>
  <c r="CD15" i="9"/>
  <c r="CD15" i="5" s="1"/>
  <c r="CE15" i="9"/>
  <c r="CE15" i="5" s="1"/>
  <c r="CF15" i="9"/>
  <c r="CF15" i="5" s="1"/>
  <c r="CG15" i="9"/>
  <c r="CG15" i="5" s="1"/>
  <c r="CH15" i="9"/>
  <c r="CH15" i="5" s="1"/>
  <c r="CI15" i="9"/>
  <c r="CI15" i="5" s="1"/>
  <c r="CJ15" i="9"/>
  <c r="CJ15" i="5" s="1"/>
  <c r="CK15" i="9"/>
  <c r="CK15" i="5" s="1"/>
  <c r="CL15" i="9"/>
  <c r="CL15" i="5" s="1"/>
  <c r="CM15" i="9"/>
  <c r="CM15" i="5" s="1"/>
  <c r="CN15" i="9"/>
  <c r="CN15" i="5" s="1"/>
  <c r="CO15" i="9"/>
  <c r="CO15" i="5" s="1"/>
  <c r="CP15" i="9"/>
  <c r="CP15" i="5" s="1"/>
  <c r="CQ15" i="9"/>
  <c r="CQ15" i="5" s="1"/>
  <c r="CR15" i="9"/>
  <c r="CR15" i="5" s="1"/>
  <c r="CS15" i="9"/>
  <c r="CS15" i="5" s="1"/>
  <c r="CT15" i="9"/>
  <c r="CT15" i="5" s="1"/>
  <c r="CU15" i="9"/>
  <c r="CU15" i="5" s="1"/>
  <c r="CV15" i="9"/>
  <c r="CV15" i="5" s="1"/>
  <c r="CW15" i="9"/>
  <c r="CW15" i="5" s="1"/>
  <c r="CX15" i="9"/>
  <c r="CX15" i="5" s="1"/>
  <c r="CY15" i="9"/>
  <c r="CY15" i="5" s="1"/>
  <c r="CZ15" i="9"/>
  <c r="CZ15" i="5" s="1"/>
  <c r="DA15" i="9"/>
  <c r="DA15" i="5" s="1"/>
  <c r="DB15" i="9"/>
  <c r="DB15" i="5" s="1"/>
  <c r="DC15" i="9"/>
  <c r="DC15" i="5" s="1"/>
  <c r="DD15" i="9"/>
  <c r="DD15" i="5" s="1"/>
  <c r="DE15" i="9"/>
  <c r="DE15" i="5" s="1"/>
  <c r="DF15" i="9"/>
  <c r="DF15" i="5" s="1"/>
  <c r="DG15" i="9"/>
  <c r="DG15" i="5" s="1"/>
  <c r="DH15" i="9"/>
  <c r="DH15" i="5" s="1"/>
  <c r="DI15" i="9"/>
  <c r="DI15" i="5" s="1"/>
  <c r="DJ15" i="9"/>
  <c r="DJ15" i="5" s="1"/>
  <c r="DK15" i="9"/>
  <c r="DK15" i="5" s="1"/>
  <c r="DL15" i="9"/>
  <c r="DL15" i="5" s="1"/>
  <c r="DM15" i="9"/>
  <c r="DM15" i="5" s="1"/>
  <c r="DN15" i="9"/>
  <c r="DN15" i="5" s="1"/>
  <c r="DO15" i="9"/>
  <c r="DO15" i="5" s="1"/>
  <c r="DP15" i="9"/>
  <c r="DP15" i="5" s="1"/>
  <c r="DQ15" i="9"/>
  <c r="DQ15" i="5" s="1"/>
  <c r="DR15" i="9"/>
  <c r="DR15" i="5" s="1"/>
  <c r="DS15" i="9"/>
  <c r="DS15" i="5" s="1"/>
  <c r="DT15" i="9"/>
  <c r="DT15" i="5" s="1"/>
  <c r="DU15" i="9"/>
  <c r="DU15" i="5" s="1"/>
  <c r="DV15" i="9"/>
  <c r="DV15" i="5" s="1"/>
  <c r="DW15" i="9"/>
  <c r="DW15" i="5" s="1"/>
  <c r="DX15" i="9"/>
  <c r="DX15" i="5" s="1"/>
  <c r="DY15" i="9"/>
  <c r="DY15" i="5" s="1"/>
  <c r="DZ15" i="9"/>
  <c r="DZ15" i="5" s="1"/>
  <c r="EA15" i="9"/>
  <c r="EA15" i="5" s="1"/>
  <c r="EB15" i="9"/>
  <c r="EB15" i="5" s="1"/>
  <c r="EC15" i="9"/>
  <c r="EC15" i="5" s="1"/>
  <c r="ED15" i="9"/>
  <c r="ED15" i="5" s="1"/>
  <c r="EE15" i="9"/>
  <c r="EE15" i="5" s="1"/>
  <c r="EF15" i="9"/>
  <c r="EF15" i="5" s="1"/>
  <c r="EG15" i="9"/>
  <c r="EG15" i="5" s="1"/>
  <c r="EH15" i="9"/>
  <c r="EH15" i="5" s="1"/>
  <c r="EI15" i="9"/>
  <c r="EI15" i="5" s="1"/>
  <c r="EJ15" i="9"/>
  <c r="EJ15" i="5" s="1"/>
  <c r="EK15" i="9"/>
  <c r="EK15" i="5" s="1"/>
  <c r="EL15" i="9"/>
  <c r="EL15" i="5" s="1"/>
  <c r="EM15" i="9"/>
  <c r="EM15" i="5" s="1"/>
  <c r="EN15" i="9"/>
  <c r="EN15" i="5" s="1"/>
  <c r="EO15" i="9"/>
  <c r="EO15" i="5" s="1"/>
  <c r="EP15" i="9"/>
  <c r="EP15" i="5" s="1"/>
  <c r="EQ15" i="9"/>
  <c r="EQ15" i="5" s="1"/>
  <c r="ER15" i="9"/>
  <c r="ER15" i="5" s="1"/>
  <c r="ES15" i="9"/>
  <c r="ES15" i="5" s="1"/>
  <c r="ET15" i="9"/>
  <c r="ET15" i="5" s="1"/>
  <c r="EU15" i="9"/>
  <c r="EU15" i="5" s="1"/>
  <c r="EV15" i="9"/>
  <c r="EV15" i="5" s="1"/>
  <c r="EW15" i="9"/>
  <c r="EW15" i="5" s="1"/>
  <c r="EX15" i="9"/>
  <c r="EX15" i="5" s="1"/>
  <c r="EY15" i="9"/>
  <c r="EY15" i="5" s="1"/>
  <c r="EZ15" i="9"/>
  <c r="EZ15" i="5" s="1"/>
  <c r="FA15" i="9"/>
  <c r="FA15" i="5" s="1"/>
  <c r="FB15" i="9"/>
  <c r="FB15" i="5" s="1"/>
  <c r="FC15" i="9"/>
  <c r="FC15" i="5" s="1"/>
  <c r="FD15" i="9"/>
  <c r="FD15" i="5" s="1"/>
  <c r="FE15" i="9"/>
  <c r="FE15" i="5" s="1"/>
  <c r="FF15" i="9"/>
  <c r="FF15" i="5" s="1"/>
  <c r="FG15" i="9"/>
  <c r="FG15" i="5" s="1"/>
  <c r="FH15" i="9"/>
  <c r="FH15" i="5" s="1"/>
  <c r="FI15" i="9"/>
  <c r="FI15" i="5" s="1"/>
  <c r="FJ15" i="9"/>
  <c r="FJ15" i="5" s="1"/>
  <c r="FK15" i="9"/>
  <c r="FK15" i="5" s="1"/>
  <c r="FL15" i="9"/>
  <c r="FL15" i="5" s="1"/>
  <c r="FM15" i="9"/>
  <c r="FM15" i="5" s="1"/>
  <c r="FN15" i="9"/>
  <c r="FN15" i="5" s="1"/>
  <c r="FO15" i="9"/>
  <c r="FO15" i="5" s="1"/>
  <c r="FP15" i="9"/>
  <c r="FP15" i="5" s="1"/>
  <c r="FQ15" i="9"/>
  <c r="FQ15" i="5" s="1"/>
  <c r="FR15" i="9"/>
  <c r="FR15" i="5" s="1"/>
  <c r="FS15" i="9"/>
  <c r="FS15" i="5" s="1"/>
  <c r="FT15" i="9"/>
  <c r="FT15" i="5" s="1"/>
  <c r="FU15" i="9"/>
  <c r="FU15" i="5" s="1"/>
  <c r="FV15" i="9"/>
  <c r="FV15" i="5" s="1"/>
  <c r="FW15" i="9"/>
  <c r="FW15" i="5" s="1"/>
  <c r="FX15" i="9"/>
  <c r="FX15" i="5" s="1"/>
  <c r="FY15" i="9"/>
  <c r="FY15" i="5" s="1"/>
  <c r="FZ15" i="9"/>
  <c r="FZ15" i="5" s="1"/>
  <c r="GA15" i="9"/>
  <c r="GA15" i="5" s="1"/>
  <c r="GB15" i="9"/>
  <c r="GB15" i="5" s="1"/>
  <c r="E16" i="9"/>
  <c r="E16" i="5" s="1"/>
  <c r="F16" i="9"/>
  <c r="F16" i="5" s="1"/>
  <c r="G16" i="9"/>
  <c r="G16" i="5" s="1"/>
  <c r="H16" i="9"/>
  <c r="H16" i="5" s="1"/>
  <c r="I16" i="9"/>
  <c r="I16" i="5" s="1"/>
  <c r="J16" i="9"/>
  <c r="J16" i="5" s="1"/>
  <c r="K16" i="9"/>
  <c r="K16" i="5" s="1"/>
  <c r="L16" i="9"/>
  <c r="L16" i="5" s="1"/>
  <c r="M16" i="9"/>
  <c r="M16" i="5" s="1"/>
  <c r="N16" i="9"/>
  <c r="N16" i="5" s="1"/>
  <c r="O16" i="9"/>
  <c r="O16" i="5" s="1"/>
  <c r="P16" i="9"/>
  <c r="P16" i="5" s="1"/>
  <c r="Q16" i="9"/>
  <c r="Q16" i="5" s="1"/>
  <c r="R16" i="9"/>
  <c r="R16" i="5" s="1"/>
  <c r="S16" i="9"/>
  <c r="S16" i="5" s="1"/>
  <c r="T16" i="9"/>
  <c r="T16" i="5" s="1"/>
  <c r="U16" i="9"/>
  <c r="U16" i="5" s="1"/>
  <c r="V16" i="9"/>
  <c r="V16" i="5" s="1"/>
  <c r="W16" i="9"/>
  <c r="W16" i="5" s="1"/>
  <c r="X16" i="9"/>
  <c r="X16" i="5" s="1"/>
  <c r="Y16" i="9"/>
  <c r="Y16" i="5" s="1"/>
  <c r="Z16" i="9"/>
  <c r="Z16" i="5" s="1"/>
  <c r="AA16" i="9"/>
  <c r="AA16" i="5" s="1"/>
  <c r="AB16" i="9"/>
  <c r="AB16" i="5" s="1"/>
  <c r="AC16" i="9"/>
  <c r="AC16" i="5" s="1"/>
  <c r="AD16" i="9"/>
  <c r="AD16" i="5" s="1"/>
  <c r="AE16" i="9"/>
  <c r="AE16" i="5" s="1"/>
  <c r="AF16" i="9"/>
  <c r="AF16" i="5" s="1"/>
  <c r="AG16" i="9"/>
  <c r="AG16" i="5" s="1"/>
  <c r="AH16" i="9"/>
  <c r="AH16" i="5" s="1"/>
  <c r="AI16" i="9"/>
  <c r="AI16" i="5" s="1"/>
  <c r="AJ16" i="9"/>
  <c r="AJ16" i="5" s="1"/>
  <c r="AK16" i="9"/>
  <c r="AK16" i="5" s="1"/>
  <c r="AL16" i="9"/>
  <c r="AL16" i="5" s="1"/>
  <c r="AM16" i="9"/>
  <c r="AM16" i="5" s="1"/>
  <c r="AN16" i="9"/>
  <c r="AN16" i="5" s="1"/>
  <c r="AO16" i="9"/>
  <c r="AO16" i="5" s="1"/>
  <c r="AP16" i="9"/>
  <c r="AP16" i="5" s="1"/>
  <c r="AQ16" i="9"/>
  <c r="AQ16" i="5" s="1"/>
  <c r="AR16" i="9"/>
  <c r="AR16" i="5" s="1"/>
  <c r="AS16" i="9"/>
  <c r="AS16" i="5" s="1"/>
  <c r="AT16" i="9"/>
  <c r="AT16" i="5" s="1"/>
  <c r="AU16" i="9"/>
  <c r="AU16" i="5" s="1"/>
  <c r="AV16" i="9"/>
  <c r="AV16" i="5" s="1"/>
  <c r="AW16" i="9"/>
  <c r="AW16" i="5" s="1"/>
  <c r="AX16" i="9"/>
  <c r="AX16" i="5" s="1"/>
  <c r="AY16" i="9"/>
  <c r="AY16" i="5" s="1"/>
  <c r="AZ16" i="9"/>
  <c r="AZ16" i="5" s="1"/>
  <c r="BA16" i="9"/>
  <c r="BA16" i="5" s="1"/>
  <c r="BB16" i="9"/>
  <c r="BB16" i="5" s="1"/>
  <c r="BC16" i="9"/>
  <c r="BC16" i="5" s="1"/>
  <c r="BD16" i="9"/>
  <c r="BD16" i="5" s="1"/>
  <c r="BE16" i="9"/>
  <c r="BE16" i="5" s="1"/>
  <c r="BF16" i="9"/>
  <c r="BF16" i="5" s="1"/>
  <c r="BG16" i="9"/>
  <c r="BG16" i="5" s="1"/>
  <c r="BH16" i="9"/>
  <c r="BH16" i="5" s="1"/>
  <c r="BI16" i="9"/>
  <c r="BI16" i="5" s="1"/>
  <c r="BJ16" i="9"/>
  <c r="BJ16" i="5" s="1"/>
  <c r="BK16" i="9"/>
  <c r="BK16" i="5" s="1"/>
  <c r="BL16" i="9"/>
  <c r="BL16" i="5" s="1"/>
  <c r="BM16" i="9"/>
  <c r="BM16" i="5" s="1"/>
  <c r="BN16" i="9"/>
  <c r="BN16" i="5" s="1"/>
  <c r="BO16" i="9"/>
  <c r="BO16" i="5" s="1"/>
  <c r="BP16" i="9"/>
  <c r="BP16" i="5" s="1"/>
  <c r="BQ16" i="9"/>
  <c r="BQ16" i="5" s="1"/>
  <c r="BR16" i="9"/>
  <c r="BR16" i="5" s="1"/>
  <c r="BS16" i="9"/>
  <c r="BS16" i="5" s="1"/>
  <c r="BT16" i="9"/>
  <c r="BT16" i="5" s="1"/>
  <c r="BU16" i="9"/>
  <c r="BU16" i="5" s="1"/>
  <c r="BV16" i="9"/>
  <c r="BV16" i="5" s="1"/>
  <c r="BW16" i="9"/>
  <c r="BW16" i="5" s="1"/>
  <c r="BX16" i="9"/>
  <c r="BX16" i="5" s="1"/>
  <c r="BY16" i="9"/>
  <c r="BY16" i="5" s="1"/>
  <c r="BZ16" i="9"/>
  <c r="BZ16" i="5" s="1"/>
  <c r="CA16" i="9"/>
  <c r="CA16" i="5" s="1"/>
  <c r="CB16" i="9"/>
  <c r="CB16" i="5" s="1"/>
  <c r="CC16" i="9"/>
  <c r="CC16" i="5" s="1"/>
  <c r="CD16" i="9"/>
  <c r="CD16" i="5" s="1"/>
  <c r="CE16" i="9"/>
  <c r="CE16" i="5" s="1"/>
  <c r="CF16" i="9"/>
  <c r="CF16" i="5" s="1"/>
  <c r="CG16" i="9"/>
  <c r="CG16" i="5" s="1"/>
  <c r="CH16" i="9"/>
  <c r="CH16" i="5" s="1"/>
  <c r="CI16" i="9"/>
  <c r="CI16" i="5" s="1"/>
  <c r="CJ16" i="9"/>
  <c r="CJ16" i="5" s="1"/>
  <c r="CK16" i="9"/>
  <c r="CK16" i="5" s="1"/>
  <c r="CL16" i="9"/>
  <c r="CL16" i="5" s="1"/>
  <c r="CM16" i="9"/>
  <c r="CM16" i="5" s="1"/>
  <c r="CN16" i="9"/>
  <c r="CN16" i="5" s="1"/>
  <c r="CO16" i="9"/>
  <c r="CO16" i="5" s="1"/>
  <c r="CP16" i="9"/>
  <c r="CP16" i="5" s="1"/>
  <c r="CQ16" i="9"/>
  <c r="CQ16" i="5" s="1"/>
  <c r="CR16" i="9"/>
  <c r="CR16" i="5" s="1"/>
  <c r="CS16" i="9"/>
  <c r="CS16" i="5" s="1"/>
  <c r="CT16" i="9"/>
  <c r="CT16" i="5" s="1"/>
  <c r="CU16" i="9"/>
  <c r="CU16" i="5" s="1"/>
  <c r="CV16" i="9"/>
  <c r="CV16" i="5" s="1"/>
  <c r="CW16" i="9"/>
  <c r="CW16" i="5" s="1"/>
  <c r="CX16" i="9"/>
  <c r="CX16" i="5" s="1"/>
  <c r="CY16" i="9"/>
  <c r="CY16" i="5" s="1"/>
  <c r="CZ16" i="9"/>
  <c r="CZ16" i="5" s="1"/>
  <c r="DA16" i="9"/>
  <c r="DA16" i="5" s="1"/>
  <c r="DB16" i="9"/>
  <c r="DB16" i="5" s="1"/>
  <c r="DC16" i="9"/>
  <c r="DC16" i="5" s="1"/>
  <c r="DD16" i="9"/>
  <c r="DD16" i="5" s="1"/>
  <c r="DE16" i="9"/>
  <c r="DE16" i="5" s="1"/>
  <c r="DF16" i="9"/>
  <c r="DF16" i="5" s="1"/>
  <c r="DG16" i="9"/>
  <c r="DG16" i="5" s="1"/>
  <c r="DH16" i="9"/>
  <c r="DH16" i="5" s="1"/>
  <c r="DI16" i="9"/>
  <c r="DI16" i="5" s="1"/>
  <c r="DJ16" i="9"/>
  <c r="DJ16" i="5" s="1"/>
  <c r="DK16" i="9"/>
  <c r="DK16" i="5" s="1"/>
  <c r="DL16" i="9"/>
  <c r="DL16" i="5" s="1"/>
  <c r="DM16" i="9"/>
  <c r="DM16" i="5" s="1"/>
  <c r="DN16" i="9"/>
  <c r="DN16" i="5" s="1"/>
  <c r="DO16" i="9"/>
  <c r="DO16" i="5" s="1"/>
  <c r="DP16" i="9"/>
  <c r="DP16" i="5" s="1"/>
  <c r="DQ16" i="9"/>
  <c r="DQ16" i="5" s="1"/>
  <c r="DR16" i="9"/>
  <c r="DR16" i="5" s="1"/>
  <c r="DS16" i="9"/>
  <c r="DS16" i="5" s="1"/>
  <c r="DT16" i="9"/>
  <c r="DT16" i="5" s="1"/>
  <c r="DU16" i="9"/>
  <c r="DU16" i="5" s="1"/>
  <c r="DV16" i="9"/>
  <c r="DV16" i="5" s="1"/>
  <c r="DW16" i="9"/>
  <c r="DW16" i="5" s="1"/>
  <c r="DX16" i="9"/>
  <c r="DX16" i="5" s="1"/>
  <c r="DY16" i="9"/>
  <c r="DY16" i="5" s="1"/>
  <c r="DZ16" i="9"/>
  <c r="DZ16" i="5" s="1"/>
  <c r="EA16" i="9"/>
  <c r="EA16" i="5" s="1"/>
  <c r="EB16" i="9"/>
  <c r="EB16" i="5" s="1"/>
  <c r="EC16" i="9"/>
  <c r="EC16" i="5" s="1"/>
  <c r="ED16" i="9"/>
  <c r="ED16" i="5" s="1"/>
  <c r="EE16" i="9"/>
  <c r="EE16" i="5" s="1"/>
  <c r="EF16" i="9"/>
  <c r="EF16" i="5" s="1"/>
  <c r="EG16" i="9"/>
  <c r="EG16" i="5" s="1"/>
  <c r="EH16" i="9"/>
  <c r="EH16" i="5" s="1"/>
  <c r="EI16" i="9"/>
  <c r="EI16" i="5" s="1"/>
  <c r="EJ16" i="9"/>
  <c r="EJ16" i="5" s="1"/>
  <c r="EK16" i="9"/>
  <c r="EK16" i="5" s="1"/>
  <c r="EL16" i="9"/>
  <c r="EL16" i="5" s="1"/>
  <c r="EM16" i="9"/>
  <c r="EM16" i="5" s="1"/>
  <c r="EN16" i="9"/>
  <c r="EN16" i="5" s="1"/>
  <c r="EO16" i="9"/>
  <c r="EO16" i="5" s="1"/>
  <c r="EP16" i="9"/>
  <c r="EP16" i="5" s="1"/>
  <c r="EQ16" i="9"/>
  <c r="EQ16" i="5" s="1"/>
  <c r="ER16" i="9"/>
  <c r="ER16" i="5" s="1"/>
  <c r="ES16" i="9"/>
  <c r="ES16" i="5" s="1"/>
  <c r="ET16" i="9"/>
  <c r="ET16" i="5" s="1"/>
  <c r="EU16" i="9"/>
  <c r="EU16" i="5" s="1"/>
  <c r="EV16" i="9"/>
  <c r="EV16" i="5" s="1"/>
  <c r="EW16" i="9"/>
  <c r="EW16" i="5" s="1"/>
  <c r="EX16" i="9"/>
  <c r="EX16" i="5" s="1"/>
  <c r="EY16" i="9"/>
  <c r="EY16" i="5" s="1"/>
  <c r="EZ16" i="9"/>
  <c r="EZ16" i="5" s="1"/>
  <c r="FA16" i="9"/>
  <c r="FA16" i="5" s="1"/>
  <c r="FB16" i="9"/>
  <c r="FB16" i="5" s="1"/>
  <c r="FC16" i="9"/>
  <c r="FC16" i="5" s="1"/>
  <c r="FD16" i="9"/>
  <c r="FD16" i="5" s="1"/>
  <c r="FE16" i="9"/>
  <c r="FE16" i="5" s="1"/>
  <c r="FF16" i="9"/>
  <c r="FF16" i="5" s="1"/>
  <c r="FG16" i="9"/>
  <c r="FG16" i="5" s="1"/>
  <c r="FH16" i="9"/>
  <c r="FH16" i="5" s="1"/>
  <c r="FI16" i="9"/>
  <c r="FI16" i="5" s="1"/>
  <c r="FJ16" i="9"/>
  <c r="FJ16" i="5" s="1"/>
  <c r="FK16" i="9"/>
  <c r="FK16" i="5" s="1"/>
  <c r="FL16" i="9"/>
  <c r="FL16" i="5" s="1"/>
  <c r="FM16" i="9"/>
  <c r="FM16" i="5" s="1"/>
  <c r="FN16" i="9"/>
  <c r="FN16" i="5" s="1"/>
  <c r="FO16" i="9"/>
  <c r="FO16" i="5" s="1"/>
  <c r="FP16" i="9"/>
  <c r="FP16" i="5" s="1"/>
  <c r="FQ16" i="9"/>
  <c r="FQ16" i="5" s="1"/>
  <c r="FR16" i="9"/>
  <c r="FR16" i="5" s="1"/>
  <c r="FS16" i="9"/>
  <c r="FS16" i="5" s="1"/>
  <c r="FT16" i="9"/>
  <c r="FT16" i="5" s="1"/>
  <c r="FU16" i="9"/>
  <c r="FU16" i="5" s="1"/>
  <c r="FV16" i="9"/>
  <c r="FV16" i="5" s="1"/>
  <c r="FW16" i="9"/>
  <c r="FW16" i="5" s="1"/>
  <c r="FX16" i="9"/>
  <c r="FX16" i="5" s="1"/>
  <c r="FY16" i="9"/>
  <c r="FY16" i="5" s="1"/>
  <c r="FZ16" i="9"/>
  <c r="FZ16" i="5" s="1"/>
  <c r="GA16" i="9"/>
  <c r="GA16" i="5" s="1"/>
  <c r="GB16" i="9"/>
  <c r="GB16" i="5" s="1"/>
  <c r="E17" i="9"/>
  <c r="E17" i="5" s="1"/>
  <c r="F17" i="9"/>
  <c r="F17" i="5" s="1"/>
  <c r="G17" i="9"/>
  <c r="G17" i="5" s="1"/>
  <c r="H17" i="9"/>
  <c r="H17" i="5" s="1"/>
  <c r="I17" i="9"/>
  <c r="I17" i="5" s="1"/>
  <c r="J17" i="9"/>
  <c r="J17" i="5" s="1"/>
  <c r="K17" i="9"/>
  <c r="K17" i="5" s="1"/>
  <c r="L17" i="9"/>
  <c r="L17" i="5" s="1"/>
  <c r="M17" i="9"/>
  <c r="M17" i="5" s="1"/>
  <c r="N17" i="9"/>
  <c r="N17" i="5" s="1"/>
  <c r="O17" i="9"/>
  <c r="O17" i="5" s="1"/>
  <c r="P17" i="9"/>
  <c r="P17" i="5" s="1"/>
  <c r="Q17" i="9"/>
  <c r="Q17" i="5" s="1"/>
  <c r="R17" i="9"/>
  <c r="R17" i="5" s="1"/>
  <c r="S17" i="9"/>
  <c r="S17" i="5" s="1"/>
  <c r="T17" i="9"/>
  <c r="T17" i="5" s="1"/>
  <c r="U17" i="9"/>
  <c r="U17" i="5" s="1"/>
  <c r="V17" i="9"/>
  <c r="V17" i="5" s="1"/>
  <c r="W17" i="9"/>
  <c r="W17" i="5" s="1"/>
  <c r="X17" i="9"/>
  <c r="X17" i="5" s="1"/>
  <c r="Y17" i="9"/>
  <c r="Y17" i="5" s="1"/>
  <c r="Z17" i="9"/>
  <c r="Z17" i="5" s="1"/>
  <c r="AA17" i="9"/>
  <c r="AA17" i="5" s="1"/>
  <c r="AB17" i="9"/>
  <c r="AB17" i="5" s="1"/>
  <c r="AC17" i="9"/>
  <c r="AC17" i="5" s="1"/>
  <c r="AD17" i="9"/>
  <c r="AD17" i="5" s="1"/>
  <c r="AE17" i="9"/>
  <c r="AE17" i="5" s="1"/>
  <c r="AF17" i="9"/>
  <c r="AF17" i="5" s="1"/>
  <c r="AG17" i="9"/>
  <c r="AG17" i="5" s="1"/>
  <c r="AH17" i="9"/>
  <c r="AH17" i="5" s="1"/>
  <c r="AI17" i="9"/>
  <c r="AI17" i="5" s="1"/>
  <c r="AJ17" i="9"/>
  <c r="AJ17" i="5" s="1"/>
  <c r="AK17" i="9"/>
  <c r="AK17" i="5" s="1"/>
  <c r="AL17" i="9"/>
  <c r="AL17" i="5" s="1"/>
  <c r="AM17" i="9"/>
  <c r="AM17" i="5" s="1"/>
  <c r="AN17" i="9"/>
  <c r="AN17" i="5" s="1"/>
  <c r="AO17" i="9"/>
  <c r="AO17" i="5" s="1"/>
  <c r="AP17" i="9"/>
  <c r="AP17" i="5" s="1"/>
  <c r="AQ17" i="9"/>
  <c r="AQ17" i="5" s="1"/>
  <c r="AR17" i="9"/>
  <c r="AR17" i="5" s="1"/>
  <c r="AS17" i="9"/>
  <c r="AS17" i="5" s="1"/>
  <c r="AT17" i="9"/>
  <c r="AT17" i="5" s="1"/>
  <c r="AU17" i="9"/>
  <c r="AU17" i="5" s="1"/>
  <c r="AV17" i="9"/>
  <c r="AV17" i="5" s="1"/>
  <c r="AW17" i="9"/>
  <c r="AW17" i="5" s="1"/>
  <c r="AX17" i="9"/>
  <c r="AX17" i="5" s="1"/>
  <c r="AY17" i="9"/>
  <c r="AY17" i="5" s="1"/>
  <c r="AZ17" i="9"/>
  <c r="AZ17" i="5" s="1"/>
  <c r="BA17" i="9"/>
  <c r="BA17" i="5" s="1"/>
  <c r="BB17" i="9"/>
  <c r="BB17" i="5" s="1"/>
  <c r="BC17" i="9"/>
  <c r="BC17" i="5" s="1"/>
  <c r="BD17" i="9"/>
  <c r="BD17" i="5" s="1"/>
  <c r="BE17" i="9"/>
  <c r="BE17" i="5" s="1"/>
  <c r="BF17" i="9"/>
  <c r="BF17" i="5" s="1"/>
  <c r="BG17" i="9"/>
  <c r="BG17" i="5" s="1"/>
  <c r="BH17" i="9"/>
  <c r="BH17" i="5" s="1"/>
  <c r="BI17" i="9"/>
  <c r="BI17" i="5" s="1"/>
  <c r="BJ17" i="9"/>
  <c r="BJ17" i="5" s="1"/>
  <c r="BK17" i="9"/>
  <c r="BK17" i="5" s="1"/>
  <c r="BL17" i="9"/>
  <c r="BL17" i="5" s="1"/>
  <c r="BM17" i="9"/>
  <c r="BM17" i="5" s="1"/>
  <c r="BN17" i="9"/>
  <c r="BN17" i="5" s="1"/>
  <c r="BO17" i="9"/>
  <c r="BO17" i="5" s="1"/>
  <c r="BP17" i="9"/>
  <c r="BP17" i="5" s="1"/>
  <c r="BQ17" i="9"/>
  <c r="BQ17" i="5" s="1"/>
  <c r="BR17" i="9"/>
  <c r="BR17" i="5" s="1"/>
  <c r="BS17" i="9"/>
  <c r="BS17" i="5" s="1"/>
  <c r="BT17" i="9"/>
  <c r="BT17" i="5" s="1"/>
  <c r="BU17" i="9"/>
  <c r="BU17" i="5" s="1"/>
  <c r="BV17" i="9"/>
  <c r="BV17" i="5" s="1"/>
  <c r="BW17" i="9"/>
  <c r="BW17" i="5" s="1"/>
  <c r="BX17" i="9"/>
  <c r="BX17" i="5" s="1"/>
  <c r="BY17" i="9"/>
  <c r="BY17" i="5" s="1"/>
  <c r="BZ17" i="9"/>
  <c r="BZ17" i="5" s="1"/>
  <c r="CA17" i="9"/>
  <c r="CA17" i="5" s="1"/>
  <c r="CB17" i="9"/>
  <c r="CB17" i="5" s="1"/>
  <c r="CC17" i="9"/>
  <c r="CC17" i="5" s="1"/>
  <c r="CD17" i="9"/>
  <c r="CD17" i="5" s="1"/>
  <c r="CE17" i="9"/>
  <c r="CE17" i="5" s="1"/>
  <c r="CF17" i="9"/>
  <c r="CF17" i="5" s="1"/>
  <c r="CG17" i="9"/>
  <c r="CG17" i="5" s="1"/>
  <c r="CH17" i="9"/>
  <c r="CH17" i="5" s="1"/>
  <c r="CI17" i="9"/>
  <c r="CI17" i="5" s="1"/>
  <c r="CJ17" i="9"/>
  <c r="CJ17" i="5" s="1"/>
  <c r="CK17" i="9"/>
  <c r="CK17" i="5" s="1"/>
  <c r="CL17" i="9"/>
  <c r="CL17" i="5" s="1"/>
  <c r="CM17" i="9"/>
  <c r="CM17" i="5" s="1"/>
  <c r="CN17" i="9"/>
  <c r="CN17" i="5" s="1"/>
  <c r="CO17" i="9"/>
  <c r="CO17" i="5" s="1"/>
  <c r="CP17" i="9"/>
  <c r="CP17" i="5" s="1"/>
  <c r="CQ17" i="9"/>
  <c r="CQ17" i="5" s="1"/>
  <c r="CR17" i="9"/>
  <c r="CR17" i="5" s="1"/>
  <c r="CS17" i="9"/>
  <c r="CS17" i="5" s="1"/>
  <c r="CT17" i="9"/>
  <c r="CT17" i="5" s="1"/>
  <c r="CU17" i="9"/>
  <c r="CU17" i="5" s="1"/>
  <c r="CV17" i="9"/>
  <c r="CV17" i="5" s="1"/>
  <c r="CW17" i="9"/>
  <c r="CW17" i="5" s="1"/>
  <c r="CX17" i="9"/>
  <c r="CX17" i="5" s="1"/>
  <c r="CY17" i="9"/>
  <c r="CY17" i="5" s="1"/>
  <c r="CZ17" i="9"/>
  <c r="CZ17" i="5" s="1"/>
  <c r="DA17" i="9"/>
  <c r="DA17" i="5" s="1"/>
  <c r="DB17" i="9"/>
  <c r="DB17" i="5" s="1"/>
  <c r="DC17" i="9"/>
  <c r="DC17" i="5" s="1"/>
  <c r="DD17" i="9"/>
  <c r="DD17" i="5" s="1"/>
  <c r="DE17" i="9"/>
  <c r="DE17" i="5" s="1"/>
  <c r="DF17" i="9"/>
  <c r="DF17" i="5" s="1"/>
  <c r="DG17" i="9"/>
  <c r="DG17" i="5" s="1"/>
  <c r="DH17" i="9"/>
  <c r="DH17" i="5" s="1"/>
  <c r="DI17" i="9"/>
  <c r="DI17" i="5" s="1"/>
  <c r="DJ17" i="9"/>
  <c r="DJ17" i="5" s="1"/>
  <c r="DK17" i="9"/>
  <c r="DK17" i="5" s="1"/>
  <c r="DL17" i="9"/>
  <c r="DL17" i="5" s="1"/>
  <c r="DM17" i="9"/>
  <c r="DM17" i="5" s="1"/>
  <c r="DN17" i="9"/>
  <c r="DN17" i="5" s="1"/>
  <c r="DO17" i="9"/>
  <c r="DO17" i="5" s="1"/>
  <c r="DP17" i="9"/>
  <c r="DP17" i="5" s="1"/>
  <c r="DQ17" i="9"/>
  <c r="DQ17" i="5" s="1"/>
  <c r="DR17" i="9"/>
  <c r="DR17" i="5" s="1"/>
  <c r="DS17" i="9"/>
  <c r="DS17" i="5" s="1"/>
  <c r="DT17" i="9"/>
  <c r="DT17" i="5" s="1"/>
  <c r="DU17" i="9"/>
  <c r="DU17" i="5" s="1"/>
  <c r="DV17" i="9"/>
  <c r="DV17" i="5" s="1"/>
  <c r="DW17" i="9"/>
  <c r="DW17" i="5" s="1"/>
  <c r="DX17" i="9"/>
  <c r="DX17" i="5" s="1"/>
  <c r="DY17" i="9"/>
  <c r="DY17" i="5" s="1"/>
  <c r="DZ17" i="9"/>
  <c r="DZ17" i="5" s="1"/>
  <c r="EA17" i="9"/>
  <c r="EA17" i="5" s="1"/>
  <c r="EB17" i="9"/>
  <c r="EB17" i="5" s="1"/>
  <c r="EC17" i="9"/>
  <c r="EC17" i="5" s="1"/>
  <c r="ED17" i="9"/>
  <c r="ED17" i="5" s="1"/>
  <c r="EE17" i="9"/>
  <c r="EE17" i="5" s="1"/>
  <c r="EF17" i="9"/>
  <c r="EF17" i="5" s="1"/>
  <c r="EG17" i="9"/>
  <c r="EG17" i="5" s="1"/>
  <c r="EH17" i="9"/>
  <c r="EH17" i="5" s="1"/>
  <c r="EI17" i="9"/>
  <c r="EI17" i="5" s="1"/>
  <c r="EJ17" i="9"/>
  <c r="EJ17" i="5" s="1"/>
  <c r="EK17" i="9"/>
  <c r="EK17" i="5" s="1"/>
  <c r="EL17" i="9"/>
  <c r="EL17" i="5" s="1"/>
  <c r="EM17" i="9"/>
  <c r="EM17" i="5" s="1"/>
  <c r="EN17" i="9"/>
  <c r="EN17" i="5" s="1"/>
  <c r="EO17" i="9"/>
  <c r="EO17" i="5" s="1"/>
  <c r="EP17" i="9"/>
  <c r="EP17" i="5" s="1"/>
  <c r="EQ17" i="9"/>
  <c r="EQ17" i="5" s="1"/>
  <c r="ER17" i="9"/>
  <c r="ER17" i="5" s="1"/>
  <c r="ES17" i="9"/>
  <c r="ES17" i="5" s="1"/>
  <c r="ET17" i="9"/>
  <c r="ET17" i="5" s="1"/>
  <c r="EU17" i="9"/>
  <c r="EU17" i="5" s="1"/>
  <c r="EV17" i="9"/>
  <c r="EV17" i="5" s="1"/>
  <c r="EW17" i="9"/>
  <c r="EW17" i="5" s="1"/>
  <c r="EX17" i="9"/>
  <c r="EX17" i="5" s="1"/>
  <c r="EY17" i="9"/>
  <c r="EY17" i="5" s="1"/>
  <c r="EZ17" i="9"/>
  <c r="EZ17" i="5" s="1"/>
  <c r="FA17" i="9"/>
  <c r="FA17" i="5" s="1"/>
  <c r="FB17" i="9"/>
  <c r="FB17" i="5" s="1"/>
  <c r="FC17" i="9"/>
  <c r="FC17" i="5" s="1"/>
  <c r="FD17" i="9"/>
  <c r="FD17" i="5" s="1"/>
  <c r="FE17" i="9"/>
  <c r="FE17" i="5" s="1"/>
  <c r="FF17" i="9"/>
  <c r="FF17" i="5" s="1"/>
  <c r="FG17" i="9"/>
  <c r="FG17" i="5" s="1"/>
  <c r="FH17" i="9"/>
  <c r="FH17" i="5" s="1"/>
  <c r="FI17" i="9"/>
  <c r="FI17" i="5" s="1"/>
  <c r="FJ17" i="9"/>
  <c r="FJ17" i="5" s="1"/>
  <c r="FK17" i="9"/>
  <c r="FK17" i="5" s="1"/>
  <c r="FL17" i="9"/>
  <c r="FL17" i="5" s="1"/>
  <c r="FM17" i="9"/>
  <c r="FM17" i="5" s="1"/>
  <c r="FN17" i="9"/>
  <c r="FN17" i="5" s="1"/>
  <c r="FO17" i="9"/>
  <c r="FO17" i="5" s="1"/>
  <c r="FP17" i="9"/>
  <c r="FP17" i="5" s="1"/>
  <c r="FQ17" i="9"/>
  <c r="FQ17" i="5" s="1"/>
  <c r="FR17" i="9"/>
  <c r="FR17" i="5" s="1"/>
  <c r="FS17" i="9"/>
  <c r="FS17" i="5" s="1"/>
  <c r="FT17" i="9"/>
  <c r="FT17" i="5" s="1"/>
  <c r="FU17" i="9"/>
  <c r="FU17" i="5" s="1"/>
  <c r="FV17" i="9"/>
  <c r="FV17" i="5" s="1"/>
  <c r="FW17" i="9"/>
  <c r="FW17" i="5" s="1"/>
  <c r="FX17" i="9"/>
  <c r="FX17" i="5" s="1"/>
  <c r="FY17" i="9"/>
  <c r="FY17" i="5" s="1"/>
  <c r="FZ17" i="9"/>
  <c r="FZ17" i="5" s="1"/>
  <c r="GA17" i="9"/>
  <c r="GA17" i="5" s="1"/>
  <c r="GB17" i="9"/>
  <c r="GB17" i="5" s="1"/>
  <c r="AY18" i="9"/>
  <c r="AY18" i="5" s="1"/>
  <c r="AZ18" i="9"/>
  <c r="AZ18" i="5" s="1"/>
  <c r="BA18" i="9"/>
  <c r="BA18" i="5" s="1"/>
  <c r="BB18" i="9"/>
  <c r="BB18" i="5" s="1"/>
  <c r="BC18" i="9"/>
  <c r="BC18" i="5" s="1"/>
  <c r="BD18" i="9"/>
  <c r="BD18" i="5" s="1"/>
  <c r="BE18" i="9"/>
  <c r="BE18" i="5" s="1"/>
  <c r="BF18" i="9"/>
  <c r="BF18" i="5" s="1"/>
  <c r="BG18" i="9"/>
  <c r="BG18" i="5" s="1"/>
  <c r="BH18" i="9"/>
  <c r="BH18" i="5" s="1"/>
  <c r="BI18" i="9"/>
  <c r="BI18" i="5" s="1"/>
  <c r="BJ18" i="9"/>
  <c r="BJ18" i="5" s="1"/>
  <c r="BK18" i="9"/>
  <c r="BK18" i="5" s="1"/>
  <c r="BL18" i="9"/>
  <c r="BL18" i="5" s="1"/>
  <c r="BM18" i="9"/>
  <c r="BM18" i="5" s="1"/>
  <c r="BN18" i="9"/>
  <c r="BN18" i="5" s="1"/>
  <c r="BO18" i="9"/>
  <c r="BO18" i="5" s="1"/>
  <c r="BP18" i="9"/>
  <c r="BP18" i="5" s="1"/>
  <c r="BQ18" i="9"/>
  <c r="BQ18" i="5" s="1"/>
  <c r="BR18" i="9"/>
  <c r="BR18" i="5" s="1"/>
  <c r="BS18" i="9"/>
  <c r="BS18" i="5" s="1"/>
  <c r="BT18" i="9"/>
  <c r="BT18" i="5" s="1"/>
  <c r="BU18" i="9"/>
  <c r="BU18" i="5" s="1"/>
  <c r="BV18" i="9"/>
  <c r="BV18" i="5" s="1"/>
  <c r="BW18" i="9"/>
  <c r="BW18" i="5" s="1"/>
  <c r="BX18" i="9"/>
  <c r="BX18" i="5" s="1"/>
  <c r="BY18" i="9"/>
  <c r="BY18" i="5" s="1"/>
  <c r="BZ18" i="9"/>
  <c r="BZ18" i="5" s="1"/>
  <c r="CA18" i="9"/>
  <c r="CA18" i="5" s="1"/>
  <c r="CB18" i="9"/>
  <c r="CB18" i="5" s="1"/>
  <c r="CC18" i="9"/>
  <c r="CC18" i="5" s="1"/>
  <c r="CD18" i="9"/>
  <c r="CD18" i="5" s="1"/>
  <c r="CE18" i="9"/>
  <c r="CE18" i="5" s="1"/>
  <c r="CF18" i="9"/>
  <c r="CF18" i="5" s="1"/>
  <c r="CG18" i="9"/>
  <c r="CG18" i="5" s="1"/>
  <c r="CH18" i="9"/>
  <c r="CH18" i="5" s="1"/>
  <c r="CI18" i="9"/>
  <c r="CI18" i="5" s="1"/>
  <c r="CJ18" i="9"/>
  <c r="CJ18" i="5" s="1"/>
  <c r="CK18" i="9"/>
  <c r="CK18" i="5" s="1"/>
  <c r="CL18" i="9"/>
  <c r="CL18" i="5" s="1"/>
  <c r="CM18" i="9"/>
  <c r="CM18" i="5" s="1"/>
  <c r="CN18" i="9"/>
  <c r="CN18" i="5" s="1"/>
  <c r="CO18" i="9"/>
  <c r="CO18" i="5" s="1"/>
  <c r="CP18" i="9"/>
  <c r="CP18" i="5" s="1"/>
  <c r="CQ18" i="9"/>
  <c r="CQ18" i="5" s="1"/>
  <c r="CR18" i="9"/>
  <c r="CR18" i="5" s="1"/>
  <c r="CS18" i="9"/>
  <c r="CS18" i="5" s="1"/>
  <c r="CT18" i="9"/>
  <c r="CT18" i="5" s="1"/>
  <c r="CU18" i="9"/>
  <c r="CU18" i="5" s="1"/>
  <c r="CV18" i="9"/>
  <c r="CV18" i="5" s="1"/>
  <c r="CW18" i="9"/>
  <c r="CW18" i="5" s="1"/>
  <c r="CX18" i="9"/>
  <c r="CX18" i="5" s="1"/>
  <c r="CY18" i="9"/>
  <c r="CY18" i="5" s="1"/>
  <c r="CZ18" i="9"/>
  <c r="CZ18" i="5" s="1"/>
  <c r="DA18" i="9"/>
  <c r="DA18" i="5" s="1"/>
  <c r="DB18" i="9"/>
  <c r="DB18" i="5" s="1"/>
  <c r="DC18" i="9"/>
  <c r="DC18" i="5" s="1"/>
  <c r="DD18" i="9"/>
  <c r="DD18" i="5" s="1"/>
  <c r="DE18" i="9"/>
  <c r="DE18" i="5" s="1"/>
  <c r="DF18" i="9"/>
  <c r="DF18" i="5" s="1"/>
  <c r="DG18" i="9"/>
  <c r="DG18" i="5" s="1"/>
  <c r="DH18" i="9"/>
  <c r="DH18" i="5" s="1"/>
  <c r="DI18" i="9"/>
  <c r="DI18" i="5" s="1"/>
  <c r="DJ18" i="9"/>
  <c r="DJ18" i="5" s="1"/>
  <c r="DK18" i="9"/>
  <c r="DK18" i="5" s="1"/>
  <c r="DL18" i="9"/>
  <c r="DL18" i="5" s="1"/>
  <c r="DM18" i="9"/>
  <c r="DM18" i="5" s="1"/>
  <c r="DN18" i="9"/>
  <c r="DN18" i="5" s="1"/>
  <c r="DO18" i="9"/>
  <c r="DO18" i="5" s="1"/>
  <c r="DP18" i="9"/>
  <c r="DP18" i="5" s="1"/>
  <c r="DQ18" i="9"/>
  <c r="DQ18" i="5" s="1"/>
  <c r="DR18" i="9"/>
  <c r="DR18" i="5" s="1"/>
  <c r="DS18" i="9"/>
  <c r="DS18" i="5" s="1"/>
  <c r="DT18" i="9"/>
  <c r="DT18" i="5" s="1"/>
  <c r="DU18" i="9"/>
  <c r="DU18" i="5" s="1"/>
  <c r="DV18" i="9"/>
  <c r="DV18" i="5" s="1"/>
  <c r="DW18" i="9"/>
  <c r="DW18" i="5" s="1"/>
  <c r="DX18" i="9"/>
  <c r="DX18" i="5" s="1"/>
  <c r="DY18" i="9"/>
  <c r="DY18" i="5" s="1"/>
  <c r="DZ18" i="9"/>
  <c r="DZ18" i="5" s="1"/>
  <c r="EA18" i="9"/>
  <c r="EA18" i="5" s="1"/>
  <c r="EB18" i="9"/>
  <c r="EB18" i="5" s="1"/>
  <c r="EC18" i="9"/>
  <c r="EC18" i="5" s="1"/>
  <c r="ED18" i="9"/>
  <c r="ED18" i="5" s="1"/>
  <c r="EE18" i="9"/>
  <c r="EE18" i="5" s="1"/>
  <c r="EF18" i="9"/>
  <c r="EF18" i="5" s="1"/>
  <c r="EG18" i="9"/>
  <c r="EG18" i="5" s="1"/>
  <c r="EH18" i="9"/>
  <c r="EH18" i="5" s="1"/>
  <c r="EI18" i="9"/>
  <c r="EI18" i="5" s="1"/>
  <c r="EJ18" i="9"/>
  <c r="EJ18" i="5" s="1"/>
  <c r="EK18" i="9"/>
  <c r="EK18" i="5" s="1"/>
  <c r="EL18" i="9"/>
  <c r="EL18" i="5" s="1"/>
  <c r="EM18" i="9"/>
  <c r="EM18" i="5" s="1"/>
  <c r="EN18" i="9"/>
  <c r="EN18" i="5" s="1"/>
  <c r="EO18" i="9"/>
  <c r="EO18" i="5" s="1"/>
  <c r="EP18" i="9"/>
  <c r="EP18" i="5" s="1"/>
  <c r="EQ18" i="9"/>
  <c r="EQ18" i="5" s="1"/>
  <c r="ER18" i="9"/>
  <c r="ER18" i="5" s="1"/>
  <c r="ES18" i="9"/>
  <c r="ES18" i="5" s="1"/>
  <c r="ET18" i="9"/>
  <c r="ET18" i="5" s="1"/>
  <c r="EU18" i="9"/>
  <c r="EU18" i="5" s="1"/>
  <c r="EV18" i="9"/>
  <c r="EV18" i="5" s="1"/>
  <c r="EW18" i="9"/>
  <c r="EW18" i="5" s="1"/>
  <c r="EX18" i="9"/>
  <c r="EX18" i="5" s="1"/>
  <c r="EY18" i="9"/>
  <c r="EY18" i="5" s="1"/>
  <c r="EZ18" i="9"/>
  <c r="EZ18" i="5" s="1"/>
  <c r="FA18" i="9"/>
  <c r="FA18" i="5" s="1"/>
  <c r="FB18" i="9"/>
  <c r="FB18" i="5" s="1"/>
  <c r="FC18" i="9"/>
  <c r="FC18" i="5" s="1"/>
  <c r="FD18" i="9"/>
  <c r="FD18" i="5" s="1"/>
  <c r="FE18" i="9"/>
  <c r="FE18" i="5" s="1"/>
  <c r="FF18" i="9"/>
  <c r="FF18" i="5" s="1"/>
  <c r="FG18" i="9"/>
  <c r="FG18" i="5" s="1"/>
  <c r="FH18" i="9"/>
  <c r="FH18" i="5" s="1"/>
  <c r="FI18" i="9"/>
  <c r="FI18" i="5" s="1"/>
  <c r="FJ18" i="9"/>
  <c r="FJ18" i="5" s="1"/>
  <c r="FK18" i="9"/>
  <c r="FK18" i="5" s="1"/>
  <c r="FL18" i="9"/>
  <c r="FL18" i="5" s="1"/>
  <c r="FM18" i="9"/>
  <c r="FM18" i="5" s="1"/>
  <c r="FN18" i="9"/>
  <c r="FN18" i="5" s="1"/>
  <c r="FO18" i="9"/>
  <c r="FO18" i="5" s="1"/>
  <c r="FP18" i="9"/>
  <c r="FP18" i="5" s="1"/>
  <c r="FQ18" i="9"/>
  <c r="FQ18" i="5" s="1"/>
  <c r="FR18" i="9"/>
  <c r="FR18" i="5" s="1"/>
  <c r="FS18" i="9"/>
  <c r="FS18" i="5" s="1"/>
  <c r="FT18" i="9"/>
  <c r="FT18" i="5" s="1"/>
  <c r="FU18" i="9"/>
  <c r="FU18" i="5" s="1"/>
  <c r="FV18" i="9"/>
  <c r="FV18" i="5" s="1"/>
  <c r="FW18" i="9"/>
  <c r="FW18" i="5" s="1"/>
  <c r="FX18" i="9"/>
  <c r="FX18" i="5" s="1"/>
  <c r="FY18" i="9"/>
  <c r="FY18" i="5" s="1"/>
  <c r="FZ18" i="9"/>
  <c r="FZ18" i="5" s="1"/>
  <c r="GA18" i="9"/>
  <c r="GA18" i="5" s="1"/>
  <c r="GB18" i="9"/>
  <c r="GB18" i="5" s="1"/>
  <c r="R19" i="9"/>
  <c r="R19" i="5" s="1"/>
  <c r="S19" i="9"/>
  <c r="S19" i="5" s="1"/>
  <c r="T19" i="9"/>
  <c r="T19" i="5" s="1"/>
  <c r="U19" i="9"/>
  <c r="U19" i="5" s="1"/>
  <c r="V19" i="9"/>
  <c r="V19" i="5" s="1"/>
  <c r="W19" i="9"/>
  <c r="W19" i="5" s="1"/>
  <c r="X19" i="9"/>
  <c r="X19" i="5" s="1"/>
  <c r="Y19" i="9"/>
  <c r="Y19" i="5" s="1"/>
  <c r="Z19" i="9"/>
  <c r="Z19" i="5" s="1"/>
  <c r="AA19" i="9"/>
  <c r="AA19" i="5" s="1"/>
  <c r="AB19" i="9"/>
  <c r="AB19" i="5" s="1"/>
  <c r="AC19" i="9"/>
  <c r="AC19" i="5" s="1"/>
  <c r="AD19" i="9"/>
  <c r="AD19" i="5" s="1"/>
  <c r="AE19" i="9"/>
  <c r="AE19" i="5" s="1"/>
  <c r="AF19" i="9"/>
  <c r="AF19" i="5" s="1"/>
  <c r="AG19" i="9"/>
  <c r="AG19" i="5" s="1"/>
  <c r="AH19" i="9"/>
  <c r="AH19" i="5" s="1"/>
  <c r="AI19" i="9"/>
  <c r="AI19" i="5" s="1"/>
  <c r="AJ19" i="9"/>
  <c r="AJ19" i="5" s="1"/>
  <c r="AK19" i="9"/>
  <c r="AK19" i="5" s="1"/>
  <c r="AL19" i="9"/>
  <c r="AL19" i="5" s="1"/>
  <c r="AM19" i="9"/>
  <c r="AM19" i="5" s="1"/>
  <c r="AN19" i="9"/>
  <c r="AN19" i="5" s="1"/>
  <c r="AO19" i="9"/>
  <c r="AO19" i="5" s="1"/>
  <c r="AP19" i="9"/>
  <c r="AP19" i="5" s="1"/>
  <c r="AQ19" i="9"/>
  <c r="AQ19" i="5" s="1"/>
  <c r="AR19" i="9"/>
  <c r="AR19" i="5" s="1"/>
  <c r="AS19" i="9"/>
  <c r="AS19" i="5" s="1"/>
  <c r="AT19" i="9"/>
  <c r="AT19" i="5" s="1"/>
  <c r="AU19" i="9"/>
  <c r="AU19" i="5" s="1"/>
  <c r="AV19" i="9"/>
  <c r="AV19" i="5" s="1"/>
  <c r="AW19" i="9"/>
  <c r="AW19" i="5" s="1"/>
  <c r="AX19" i="9"/>
  <c r="AX19" i="5" s="1"/>
  <c r="AY19" i="9"/>
  <c r="AY19" i="5" s="1"/>
  <c r="AZ19" i="9"/>
  <c r="AZ19" i="5" s="1"/>
  <c r="BA19" i="9"/>
  <c r="BA19" i="5" s="1"/>
  <c r="BB19" i="9"/>
  <c r="BB19" i="5" s="1"/>
  <c r="BC19" i="9"/>
  <c r="BC19" i="5" s="1"/>
  <c r="BD19" i="9"/>
  <c r="BD19" i="5" s="1"/>
  <c r="BE19" i="9"/>
  <c r="BE19" i="5" s="1"/>
  <c r="BF19" i="9"/>
  <c r="BF19" i="5" s="1"/>
  <c r="BG19" i="9"/>
  <c r="BG19" i="5" s="1"/>
  <c r="BH19" i="9"/>
  <c r="BH19" i="5" s="1"/>
  <c r="BI19" i="9"/>
  <c r="BI19" i="5" s="1"/>
  <c r="BJ19" i="9"/>
  <c r="BJ19" i="5" s="1"/>
  <c r="BK19" i="9"/>
  <c r="BK19" i="5" s="1"/>
  <c r="BL19" i="9"/>
  <c r="BL19" i="5" s="1"/>
  <c r="BM19" i="9"/>
  <c r="BM19" i="5" s="1"/>
  <c r="BN19" i="9"/>
  <c r="BN19" i="5" s="1"/>
  <c r="BO19" i="9"/>
  <c r="BO19" i="5" s="1"/>
  <c r="BP19" i="9"/>
  <c r="BP19" i="5" s="1"/>
  <c r="BQ19" i="9"/>
  <c r="BQ19" i="5" s="1"/>
  <c r="BR19" i="9"/>
  <c r="BR19" i="5" s="1"/>
  <c r="BS19" i="9"/>
  <c r="BS19" i="5" s="1"/>
  <c r="BT19" i="9"/>
  <c r="BT19" i="5" s="1"/>
  <c r="BU19" i="9"/>
  <c r="BU19" i="5" s="1"/>
  <c r="BV19" i="9"/>
  <c r="BV19" i="5" s="1"/>
  <c r="BW19" i="9"/>
  <c r="BW19" i="5" s="1"/>
  <c r="BX19" i="9"/>
  <c r="BX19" i="5" s="1"/>
  <c r="BY19" i="9"/>
  <c r="BY19" i="5" s="1"/>
  <c r="BZ19" i="9"/>
  <c r="BZ19" i="5" s="1"/>
  <c r="CA19" i="9"/>
  <c r="CA19" i="5" s="1"/>
  <c r="CB19" i="9"/>
  <c r="CB19" i="5" s="1"/>
  <c r="CC19" i="9"/>
  <c r="CC19" i="5" s="1"/>
  <c r="CD19" i="9"/>
  <c r="CD19" i="5" s="1"/>
  <c r="CE19" i="9"/>
  <c r="CE19" i="5" s="1"/>
  <c r="CF19" i="9"/>
  <c r="CF19" i="5" s="1"/>
  <c r="CG19" i="9"/>
  <c r="CG19" i="5" s="1"/>
  <c r="CH19" i="9"/>
  <c r="CH19" i="5" s="1"/>
  <c r="CI19" i="9"/>
  <c r="CI19" i="5" s="1"/>
  <c r="CJ19" i="9"/>
  <c r="CJ19" i="5" s="1"/>
  <c r="CK19" i="9"/>
  <c r="CK19" i="5" s="1"/>
  <c r="CL19" i="9"/>
  <c r="CL19" i="5" s="1"/>
  <c r="CM19" i="9"/>
  <c r="CM19" i="5" s="1"/>
  <c r="CN19" i="9"/>
  <c r="CN19" i="5" s="1"/>
  <c r="CO19" i="9"/>
  <c r="CO19" i="5" s="1"/>
  <c r="CP19" i="9"/>
  <c r="CP19" i="5" s="1"/>
  <c r="CQ19" i="9"/>
  <c r="CQ19" i="5" s="1"/>
  <c r="CR19" i="9"/>
  <c r="CR19" i="5" s="1"/>
  <c r="CS19" i="9"/>
  <c r="CS19" i="5" s="1"/>
  <c r="CT19" i="9"/>
  <c r="CT19" i="5" s="1"/>
  <c r="CU19" i="9"/>
  <c r="CU19" i="5" s="1"/>
  <c r="CV19" i="9"/>
  <c r="CV19" i="5" s="1"/>
  <c r="CW19" i="9"/>
  <c r="CW19" i="5" s="1"/>
  <c r="CX19" i="9"/>
  <c r="CX19" i="5" s="1"/>
  <c r="CY19" i="9"/>
  <c r="CY19" i="5" s="1"/>
  <c r="CZ19" i="9"/>
  <c r="CZ19" i="5" s="1"/>
  <c r="DA19" i="9"/>
  <c r="DA19" i="5" s="1"/>
  <c r="DB19" i="9"/>
  <c r="DB19" i="5" s="1"/>
  <c r="DC19" i="9"/>
  <c r="DC19" i="5" s="1"/>
  <c r="DD19" i="9"/>
  <c r="DD19" i="5" s="1"/>
  <c r="DE19" i="9"/>
  <c r="DE19" i="5" s="1"/>
  <c r="DF19" i="9"/>
  <c r="DF19" i="5" s="1"/>
  <c r="DG19" i="9"/>
  <c r="DG19" i="5" s="1"/>
  <c r="DH19" i="9"/>
  <c r="DH19" i="5" s="1"/>
  <c r="DI19" i="9"/>
  <c r="DI19" i="5" s="1"/>
  <c r="DJ19" i="9"/>
  <c r="DJ19" i="5" s="1"/>
  <c r="DK19" i="9"/>
  <c r="DK19" i="5" s="1"/>
  <c r="DL19" i="9"/>
  <c r="DL19" i="5" s="1"/>
  <c r="DM19" i="9"/>
  <c r="DM19" i="5" s="1"/>
  <c r="DN19" i="9"/>
  <c r="DN19" i="5" s="1"/>
  <c r="DO19" i="9"/>
  <c r="DO19" i="5" s="1"/>
  <c r="DP19" i="9"/>
  <c r="DP19" i="5" s="1"/>
  <c r="DQ19" i="9"/>
  <c r="DQ19" i="5" s="1"/>
  <c r="DR19" i="9"/>
  <c r="DR19" i="5" s="1"/>
  <c r="DS19" i="9"/>
  <c r="DS19" i="5" s="1"/>
  <c r="DT19" i="9"/>
  <c r="DT19" i="5" s="1"/>
  <c r="DU19" i="9"/>
  <c r="DU19" i="5" s="1"/>
  <c r="DV19" i="9"/>
  <c r="DV19" i="5" s="1"/>
  <c r="DW19" i="9"/>
  <c r="DW19" i="5" s="1"/>
  <c r="DX19" i="9"/>
  <c r="DX19" i="5" s="1"/>
  <c r="DY19" i="9"/>
  <c r="DY19" i="5" s="1"/>
  <c r="DZ19" i="9"/>
  <c r="DZ19" i="5" s="1"/>
  <c r="EA19" i="9"/>
  <c r="EA19" i="5" s="1"/>
  <c r="EB19" i="9"/>
  <c r="EB19" i="5" s="1"/>
  <c r="EC19" i="9"/>
  <c r="EC19" i="5" s="1"/>
  <c r="ED19" i="9"/>
  <c r="ED19" i="5" s="1"/>
  <c r="EE19" i="9"/>
  <c r="EE19" i="5" s="1"/>
  <c r="EF19" i="9"/>
  <c r="EF19" i="5" s="1"/>
  <c r="EG19" i="9"/>
  <c r="EG19" i="5" s="1"/>
  <c r="EH19" i="9"/>
  <c r="EH19" i="5" s="1"/>
  <c r="EI19" i="9"/>
  <c r="EI19" i="5" s="1"/>
  <c r="EJ19" i="9"/>
  <c r="EJ19" i="5" s="1"/>
  <c r="EK19" i="9"/>
  <c r="EK19" i="5" s="1"/>
  <c r="EL19" i="9"/>
  <c r="EL19" i="5" s="1"/>
  <c r="EM19" i="9"/>
  <c r="EM19" i="5" s="1"/>
  <c r="EN19" i="9"/>
  <c r="EN19" i="5" s="1"/>
  <c r="EO19" i="9"/>
  <c r="EO19" i="5" s="1"/>
  <c r="EP19" i="9"/>
  <c r="EP19" i="5" s="1"/>
  <c r="EQ19" i="9"/>
  <c r="EQ19" i="5" s="1"/>
  <c r="ER19" i="9"/>
  <c r="ER19" i="5" s="1"/>
  <c r="ES19" i="9"/>
  <c r="ES19" i="5" s="1"/>
  <c r="ET19" i="9"/>
  <c r="ET19" i="5" s="1"/>
  <c r="EU19" i="9"/>
  <c r="EU19" i="5" s="1"/>
  <c r="EV19" i="9"/>
  <c r="EV19" i="5" s="1"/>
  <c r="EW19" i="9"/>
  <c r="EW19" i="5" s="1"/>
  <c r="EX19" i="9"/>
  <c r="EX19" i="5" s="1"/>
  <c r="EY19" i="9"/>
  <c r="EY19" i="5" s="1"/>
  <c r="EZ19" i="9"/>
  <c r="EZ19" i="5" s="1"/>
  <c r="FA19" i="9"/>
  <c r="FA19" i="5" s="1"/>
  <c r="FB19" i="9"/>
  <c r="FB19" i="5" s="1"/>
  <c r="FC19" i="9"/>
  <c r="FC19" i="5" s="1"/>
  <c r="FD19" i="9"/>
  <c r="FD19" i="5" s="1"/>
  <c r="FE19" i="9"/>
  <c r="FE19" i="5" s="1"/>
  <c r="FF19" i="9"/>
  <c r="FF19" i="5" s="1"/>
  <c r="FG19" i="9"/>
  <c r="FG19" i="5" s="1"/>
  <c r="FH19" i="9"/>
  <c r="FH19" i="5" s="1"/>
  <c r="FI19" i="9"/>
  <c r="FI19" i="5" s="1"/>
  <c r="FJ19" i="9"/>
  <c r="FJ19" i="5" s="1"/>
  <c r="FK19" i="9"/>
  <c r="FK19" i="5" s="1"/>
  <c r="FL19" i="9"/>
  <c r="FL19" i="5" s="1"/>
  <c r="FM19" i="9"/>
  <c r="FM19" i="5" s="1"/>
  <c r="FN19" i="9"/>
  <c r="FN19" i="5" s="1"/>
  <c r="FO19" i="9"/>
  <c r="FO19" i="5" s="1"/>
  <c r="FP19" i="9"/>
  <c r="FP19" i="5" s="1"/>
  <c r="FQ19" i="9"/>
  <c r="FQ19" i="5" s="1"/>
  <c r="FR19" i="9"/>
  <c r="FR19" i="5" s="1"/>
  <c r="FS19" i="9"/>
  <c r="FS19" i="5" s="1"/>
  <c r="FT19" i="9"/>
  <c r="FT19" i="5" s="1"/>
  <c r="FU19" i="9"/>
  <c r="FU19" i="5" s="1"/>
  <c r="FV19" i="9"/>
  <c r="FV19" i="5" s="1"/>
  <c r="FW19" i="9"/>
  <c r="FW19" i="5" s="1"/>
  <c r="FX19" i="9"/>
  <c r="FX19" i="5" s="1"/>
  <c r="FY19" i="9"/>
  <c r="FY19" i="5" s="1"/>
  <c r="FZ19" i="9"/>
  <c r="FZ19" i="5" s="1"/>
  <c r="GA19" i="9"/>
  <c r="GA19" i="5" s="1"/>
  <c r="GB19" i="9"/>
  <c r="GB19" i="5" s="1"/>
  <c r="C4" i="9"/>
  <c r="C4" i="5" s="1"/>
  <c r="D4" i="9"/>
  <c r="D4" i="5" s="1"/>
  <c r="C5" i="9"/>
  <c r="C5" i="5" s="1"/>
  <c r="D5" i="9"/>
  <c r="D5" i="5" s="1"/>
  <c r="C6" i="9"/>
  <c r="C6" i="5" s="1"/>
  <c r="D6" i="9"/>
  <c r="D6" i="5" s="1"/>
  <c r="C7" i="9"/>
  <c r="C7" i="5" s="1"/>
  <c r="D7" i="9"/>
  <c r="D7" i="5" s="1"/>
  <c r="C8" i="9"/>
  <c r="C8" i="5" s="1"/>
  <c r="D8" i="9"/>
  <c r="D8" i="5" s="1"/>
  <c r="C9" i="9"/>
  <c r="C9" i="5" s="1"/>
  <c r="D9" i="9"/>
  <c r="D9" i="5" s="1"/>
  <c r="C10" i="9"/>
  <c r="C10" i="5" s="1"/>
  <c r="D10" i="9"/>
  <c r="D10" i="5" s="1"/>
  <c r="C11" i="9"/>
  <c r="C11" i="5" s="1"/>
  <c r="D11" i="9"/>
  <c r="D11" i="5" s="1"/>
  <c r="C12" i="9"/>
  <c r="C12" i="5" s="1"/>
  <c r="D12" i="9"/>
  <c r="D12" i="5" s="1"/>
  <c r="C14" i="9"/>
  <c r="C14" i="5" s="1"/>
  <c r="D14" i="9"/>
  <c r="D14" i="5" s="1"/>
  <c r="C15" i="9"/>
  <c r="C15" i="5" s="1"/>
  <c r="D15" i="9"/>
  <c r="D15" i="5" s="1"/>
  <c r="C16" i="9"/>
  <c r="C16" i="5" s="1"/>
  <c r="D16" i="9"/>
  <c r="D16" i="5" s="1"/>
  <c r="C17" i="9"/>
  <c r="C17" i="5" s="1"/>
  <c r="D17" i="9"/>
  <c r="D17" i="5" s="1"/>
  <c r="B5" i="9"/>
  <c r="B5" i="5" s="1"/>
  <c r="B6" i="9"/>
  <c r="B6" i="5" s="1"/>
  <c r="B7" i="9"/>
  <c r="B7" i="5" s="1"/>
  <c r="B8" i="9"/>
  <c r="B8" i="5" s="1"/>
  <c r="B9" i="9"/>
  <c r="B9" i="5" s="1"/>
  <c r="B10" i="9"/>
  <c r="B10" i="5" s="1"/>
  <c r="B11" i="9"/>
  <c r="B11" i="5" s="1"/>
  <c r="B12" i="9"/>
  <c r="B12" i="5" s="1"/>
  <c r="B14" i="9"/>
  <c r="B14" i="5" s="1"/>
  <c r="B15" i="9"/>
  <c r="B15" i="5" s="1"/>
  <c r="B16" i="9"/>
  <c r="B16" i="5" s="1"/>
  <c r="B17" i="9"/>
  <c r="B17" i="5" s="1"/>
  <c r="B4" i="9"/>
  <c r="B4" i="5" s="1"/>
  <c r="GH19" i="5" l="1"/>
  <c r="GJ19" i="5"/>
  <c r="GK19" i="5"/>
  <c r="GL19" i="5"/>
  <c r="GN19" i="5"/>
  <c r="GO19" i="5"/>
  <c r="GP19" i="5"/>
  <c r="GR19" i="5"/>
  <c r="GS19" i="5"/>
  <c r="GT19" i="5"/>
  <c r="GV19" i="5"/>
  <c r="GW19" i="5"/>
  <c r="GX19" i="5"/>
  <c r="GZ19" i="5"/>
  <c r="HA19" i="5"/>
  <c r="HB19" i="5"/>
  <c r="HD19" i="5"/>
  <c r="HF19" i="5"/>
  <c r="HH19" i="5"/>
  <c r="HJ19" i="5"/>
  <c r="HL19" i="5"/>
  <c r="HN19" i="5"/>
  <c r="HP19" i="5"/>
  <c r="HR19" i="5"/>
  <c r="HT19" i="5"/>
  <c r="HV19" i="5"/>
  <c r="HX19" i="5"/>
  <c r="HZ19" i="5"/>
  <c r="IB19" i="5"/>
  <c r="ID19" i="5"/>
  <c r="IF19" i="5"/>
  <c r="IH19" i="5"/>
  <c r="IJ19" i="5"/>
  <c r="IL19" i="5"/>
  <c r="IN19" i="5"/>
  <c r="IP19" i="5"/>
  <c r="IR19" i="5"/>
  <c r="GH18" i="5"/>
  <c r="GJ18" i="5"/>
  <c r="GL18" i="5"/>
  <c r="GN18" i="5"/>
  <c r="GP18" i="5"/>
  <c r="GR18" i="5"/>
  <c r="GT18" i="5"/>
  <c r="GV18" i="5"/>
  <c r="GX18" i="5"/>
  <c r="GZ18" i="5"/>
  <c r="HB18" i="5"/>
  <c r="HD18" i="5"/>
  <c r="HF18" i="5"/>
  <c r="HH18" i="5"/>
  <c r="HJ18" i="5"/>
  <c r="HL18" i="5"/>
  <c r="HN18" i="5"/>
  <c r="HP18" i="5"/>
  <c r="HR18" i="5"/>
  <c r="HT18" i="5"/>
  <c r="HV18" i="5"/>
  <c r="HX18" i="5"/>
  <c r="HZ18" i="5"/>
  <c r="IB18" i="5"/>
  <c r="ID18" i="5"/>
  <c r="IF18" i="5"/>
  <c r="IH18" i="5"/>
  <c r="IJ18" i="5"/>
  <c r="IL18" i="5"/>
  <c r="IN18" i="5"/>
  <c r="IP18" i="5"/>
  <c r="IR18" i="5"/>
  <c r="GH17" i="5"/>
  <c r="GJ17" i="5"/>
  <c r="GL17" i="5"/>
  <c r="GN17" i="5"/>
  <c r="GP17" i="5"/>
  <c r="GR17" i="5"/>
  <c r="GT17" i="5"/>
  <c r="GV17" i="5"/>
  <c r="GX17" i="5"/>
  <c r="GZ17" i="5"/>
  <c r="HB17" i="5"/>
  <c r="HD17" i="5"/>
  <c r="HF17" i="5"/>
  <c r="HH17" i="5"/>
  <c r="HJ17" i="5"/>
  <c r="HL17" i="5"/>
  <c r="HN17" i="5"/>
  <c r="HP17" i="5"/>
  <c r="HR17" i="5"/>
  <c r="HT17" i="5"/>
  <c r="HV17" i="5"/>
  <c r="HX17" i="5"/>
  <c r="HZ17" i="5"/>
  <c r="IB17" i="5"/>
  <c r="ID17" i="5"/>
  <c r="IF17" i="5"/>
  <c r="IH17" i="5"/>
  <c r="IJ17" i="5"/>
  <c r="IL17" i="5"/>
  <c r="IN17" i="5"/>
  <c r="IP17" i="5"/>
  <c r="IR17" i="5"/>
  <c r="GH16" i="5"/>
  <c r="GJ16" i="5"/>
  <c r="GL16" i="5"/>
  <c r="GN16" i="5"/>
  <c r="GP16" i="5"/>
  <c r="GR16" i="5"/>
  <c r="GT16" i="5"/>
  <c r="GV16" i="5"/>
  <c r="GX16" i="5"/>
  <c r="GY16" i="5"/>
  <c r="GZ16" i="5"/>
  <c r="HB16" i="5"/>
  <c r="HD16" i="5"/>
  <c r="HF16" i="5"/>
  <c r="HH16" i="5"/>
  <c r="HJ16" i="5"/>
  <c r="HL16" i="5"/>
  <c r="HN16" i="5"/>
  <c r="HP16" i="5"/>
  <c r="HR16" i="5"/>
  <c r="HT16" i="5"/>
  <c r="HV16" i="5"/>
  <c r="HX16" i="5"/>
  <c r="HZ16" i="5"/>
  <c r="IB16" i="5"/>
  <c r="ID16" i="5"/>
  <c r="IF16" i="5"/>
  <c r="IH16" i="5"/>
  <c r="IJ16" i="5"/>
  <c r="IL16" i="5"/>
  <c r="IN16" i="5"/>
  <c r="IP16" i="5"/>
  <c r="IR16" i="5"/>
  <c r="GH15" i="5"/>
  <c r="GJ15" i="5"/>
  <c r="GL15" i="5"/>
  <c r="GN15" i="5"/>
  <c r="GP15" i="5"/>
  <c r="GR15" i="5"/>
  <c r="GT15" i="5"/>
  <c r="GV15" i="5"/>
  <c r="GX15" i="5"/>
  <c r="GZ15" i="5"/>
  <c r="HB15" i="5"/>
  <c r="HD15" i="5"/>
  <c r="HF15" i="5"/>
  <c r="HH15" i="5"/>
  <c r="HJ15" i="5"/>
  <c r="HL15" i="5"/>
  <c r="HN15" i="5"/>
  <c r="HP15" i="5"/>
  <c r="HR15" i="5"/>
  <c r="HT15" i="5"/>
  <c r="HV15" i="5"/>
  <c r="HX15" i="5"/>
  <c r="HZ15" i="5"/>
  <c r="IB15" i="5"/>
  <c r="ID15" i="5"/>
  <c r="IF15" i="5"/>
  <c r="IH15" i="5"/>
  <c r="IJ15" i="5"/>
  <c r="IL15" i="5"/>
  <c r="IN15" i="5"/>
  <c r="IP15" i="5"/>
  <c r="IR15" i="5"/>
  <c r="GH14" i="5"/>
  <c r="GJ14" i="5"/>
  <c r="GL14" i="5"/>
  <c r="GN14" i="5"/>
  <c r="GP14" i="5"/>
  <c r="GR14" i="5"/>
  <c r="GT14" i="5"/>
  <c r="GV14" i="5"/>
  <c r="GX14" i="5"/>
  <c r="GZ14" i="5"/>
  <c r="HB14" i="5"/>
  <c r="HD14" i="5"/>
  <c r="HF14" i="5"/>
  <c r="HH14" i="5"/>
  <c r="HI14" i="5"/>
  <c r="HJ14" i="5"/>
  <c r="HL14" i="5"/>
  <c r="HN14" i="5"/>
  <c r="HP14" i="5"/>
  <c r="HR14" i="5"/>
  <c r="HT14" i="5"/>
  <c r="HV14" i="5"/>
  <c r="HX14" i="5"/>
  <c r="HZ14" i="5"/>
  <c r="IB14" i="5"/>
  <c r="ID14" i="5"/>
  <c r="IF14" i="5"/>
  <c r="IH14" i="5"/>
  <c r="IJ14" i="5"/>
  <c r="IL14" i="5"/>
  <c r="IN14" i="5"/>
  <c r="IP14" i="5"/>
  <c r="IR14" i="5"/>
  <c r="GH13" i="5"/>
  <c r="GJ13" i="5"/>
  <c r="GL13" i="5"/>
  <c r="GN13" i="5"/>
  <c r="GP13" i="5"/>
  <c r="GR13" i="5"/>
  <c r="GT13" i="5"/>
  <c r="GV13" i="5"/>
  <c r="GX13" i="5"/>
  <c r="GZ13" i="5"/>
  <c r="HB13" i="5"/>
  <c r="HD13" i="5"/>
  <c r="HF13" i="5"/>
  <c r="HH13" i="5"/>
  <c r="HJ13" i="5"/>
  <c r="HL13" i="5"/>
  <c r="HN13" i="5"/>
  <c r="HP13" i="5"/>
  <c r="HR13" i="5"/>
  <c r="HS13" i="5"/>
  <c r="HT13" i="5"/>
  <c r="HV13" i="5"/>
  <c r="HX13" i="5"/>
  <c r="HZ13" i="5"/>
  <c r="IB13" i="5"/>
  <c r="ID13" i="5"/>
  <c r="IF13" i="5"/>
  <c r="IH13" i="5"/>
  <c r="IJ13" i="5"/>
  <c r="IL13" i="5"/>
  <c r="IN13" i="5"/>
  <c r="IO13" i="5"/>
  <c r="IP13" i="5"/>
  <c r="IR13" i="5"/>
  <c r="GH12" i="5"/>
  <c r="GJ12" i="5"/>
  <c r="GL12" i="5"/>
  <c r="GN12" i="5"/>
  <c r="GP12" i="5"/>
  <c r="GR12" i="5"/>
  <c r="GT12" i="5"/>
  <c r="GV12" i="5"/>
  <c r="GX12" i="5"/>
  <c r="GZ12" i="5"/>
  <c r="HB12" i="5"/>
  <c r="HC12" i="5"/>
  <c r="HD12" i="5"/>
  <c r="HF12" i="5"/>
  <c r="HH12" i="5"/>
  <c r="HJ12" i="5"/>
  <c r="HL12" i="5"/>
  <c r="HN12" i="5"/>
  <c r="HP12" i="5"/>
  <c r="HR12" i="5"/>
  <c r="HT12" i="5"/>
  <c r="HV12" i="5"/>
  <c r="HX12" i="5"/>
  <c r="HZ12" i="5"/>
  <c r="IB12" i="5"/>
  <c r="ID12" i="5"/>
  <c r="IF12" i="5"/>
  <c r="IH12" i="5"/>
  <c r="IJ12" i="5"/>
  <c r="IL12" i="5"/>
  <c r="IN12" i="5"/>
  <c r="IP12" i="5"/>
  <c r="IR12" i="5"/>
  <c r="GH11" i="5"/>
  <c r="GJ11" i="5"/>
  <c r="GL11" i="5"/>
  <c r="GN11" i="5"/>
  <c r="GP11" i="5"/>
  <c r="GR11" i="5"/>
  <c r="GT11" i="5"/>
  <c r="GV11" i="5"/>
  <c r="GX11" i="5"/>
  <c r="GZ11" i="5"/>
  <c r="HB11" i="5"/>
  <c r="HD11" i="5"/>
  <c r="HF11" i="5"/>
  <c r="HH11" i="5"/>
  <c r="HJ11" i="5"/>
  <c r="HL11" i="5"/>
  <c r="HN11" i="5"/>
  <c r="HP11" i="5"/>
  <c r="HR11" i="5"/>
  <c r="HT11" i="5"/>
  <c r="HV11" i="5"/>
  <c r="HX11" i="5"/>
  <c r="HZ11" i="5"/>
  <c r="IB11" i="5"/>
  <c r="ID11" i="5"/>
  <c r="IF11" i="5"/>
  <c r="IH11" i="5"/>
  <c r="IJ11" i="5"/>
  <c r="IL11" i="5"/>
  <c r="IN11" i="5"/>
  <c r="IP11" i="5"/>
  <c r="IR11" i="5"/>
  <c r="GH10" i="5"/>
  <c r="GJ10" i="5"/>
  <c r="GL10" i="5"/>
  <c r="GN10" i="5"/>
  <c r="GP10" i="5"/>
  <c r="GR10" i="5"/>
  <c r="GT10" i="5"/>
  <c r="GV10" i="5"/>
  <c r="GX10" i="5"/>
  <c r="GZ10" i="5"/>
  <c r="HB10" i="5"/>
  <c r="HD10" i="5"/>
  <c r="HF10" i="5"/>
  <c r="HH10" i="5"/>
  <c r="HJ10" i="5"/>
  <c r="HL10" i="5"/>
  <c r="HN10" i="5"/>
  <c r="HP10" i="5"/>
  <c r="HR10" i="5"/>
  <c r="HT10" i="5"/>
  <c r="HV10" i="5"/>
  <c r="HX10" i="5"/>
  <c r="HZ10" i="5"/>
  <c r="IB10" i="5"/>
  <c r="ID10" i="5"/>
  <c r="IF10" i="5"/>
  <c r="IH10" i="5"/>
  <c r="IJ10" i="5"/>
  <c r="IL10" i="5"/>
  <c r="IN10" i="5"/>
  <c r="IP10" i="5"/>
  <c r="IR10" i="5"/>
  <c r="GH9" i="5"/>
  <c r="GJ9" i="5"/>
  <c r="GL9" i="5"/>
  <c r="GN9" i="5"/>
  <c r="GP9" i="5"/>
  <c r="GR9" i="5"/>
  <c r="GT9" i="5"/>
  <c r="GV9" i="5"/>
  <c r="GX9" i="5"/>
  <c r="GZ9" i="5"/>
  <c r="HB9" i="5"/>
  <c r="HD9" i="5"/>
  <c r="HF9" i="5"/>
  <c r="HH9" i="5"/>
  <c r="HJ9" i="5"/>
  <c r="HL9" i="5"/>
  <c r="HN9" i="5"/>
  <c r="HP9" i="5"/>
  <c r="HR9" i="5"/>
  <c r="HT9" i="5"/>
  <c r="HV9" i="5"/>
  <c r="HX9" i="5"/>
  <c r="HZ9" i="5"/>
  <c r="IB9" i="5"/>
  <c r="ID9" i="5"/>
  <c r="IF9" i="5"/>
  <c r="IH9" i="5"/>
  <c r="IJ9" i="5"/>
  <c r="IL9" i="5"/>
  <c r="IN9" i="5"/>
  <c r="IP9" i="5"/>
  <c r="IR9" i="5"/>
  <c r="GH8" i="5"/>
  <c r="GJ8" i="5"/>
  <c r="GL8" i="5"/>
  <c r="GN8" i="5"/>
  <c r="GP8" i="5"/>
  <c r="GR8" i="5"/>
  <c r="GT8" i="5"/>
  <c r="GV8" i="5"/>
  <c r="GX8" i="5"/>
  <c r="GZ8" i="5"/>
  <c r="HB8" i="5"/>
  <c r="HM8" i="2"/>
  <c r="HN8" i="2"/>
  <c r="HD8" i="5" s="1"/>
  <c r="HO8" i="2"/>
  <c r="HP8" i="2"/>
  <c r="HF8" i="5" s="1"/>
  <c r="HQ8" i="2"/>
  <c r="HR8" i="2"/>
  <c r="HH8" i="5" s="1"/>
  <c r="HS8" i="2"/>
  <c r="HT8" i="2"/>
  <c r="HJ8" i="5" s="1"/>
  <c r="HU8" i="2"/>
  <c r="HV8" i="2"/>
  <c r="HL8" i="5" s="1"/>
  <c r="HW8" i="2"/>
  <c r="HX8" i="2"/>
  <c r="HN8" i="5" s="1"/>
  <c r="HY8" i="2"/>
  <c r="HZ8" i="2"/>
  <c r="HP8" i="5" s="1"/>
  <c r="IA8" i="2"/>
  <c r="IB8" i="2"/>
  <c r="HR8" i="5" s="1"/>
  <c r="IC8" i="2"/>
  <c r="ID8" i="2"/>
  <c r="HT8" i="5" s="1"/>
  <c r="IE8" i="2"/>
  <c r="IF8" i="2"/>
  <c r="HV8" i="5" s="1"/>
  <c r="IG8" i="2"/>
  <c r="IH8" i="2"/>
  <c r="HX8" i="5" s="1"/>
  <c r="II8" i="2"/>
  <c r="IJ8" i="2"/>
  <c r="HZ8" i="5" s="1"/>
  <c r="IK8" i="2"/>
  <c r="IL8" i="2"/>
  <c r="IB8" i="5" s="1"/>
  <c r="IM8" i="2"/>
  <c r="IN8" i="2"/>
  <c r="ID8" i="5" s="1"/>
  <c r="IO8" i="2"/>
  <c r="IP8" i="2"/>
  <c r="IF8" i="5" s="1"/>
  <c r="IQ8" i="2"/>
  <c r="IR8" i="2"/>
  <c r="IH8" i="5" s="1"/>
  <c r="IS8" i="2"/>
  <c r="IT8" i="2"/>
  <c r="IJ8" i="5" s="1"/>
  <c r="IU8" i="2"/>
  <c r="IV8" i="2"/>
  <c r="IL8" i="5" s="1"/>
  <c r="IW8" i="2"/>
  <c r="IX8" i="2"/>
  <c r="IN8" i="5" s="1"/>
  <c r="IY8" i="2"/>
  <c r="IZ8" i="2"/>
  <c r="IP8" i="5" s="1"/>
  <c r="JA8" i="2"/>
  <c r="JB8" i="2"/>
  <c r="IR8" i="5" s="1"/>
  <c r="JC8" i="2"/>
  <c r="GH7" i="5"/>
  <c r="GJ7" i="5"/>
  <c r="GL7" i="5"/>
  <c r="GN7" i="5"/>
  <c r="GP7" i="5"/>
  <c r="GR7" i="5"/>
  <c r="GT7" i="5"/>
  <c r="GV7" i="5"/>
  <c r="GX7" i="5"/>
  <c r="GZ7" i="5"/>
  <c r="HB7" i="5"/>
  <c r="HD7" i="5"/>
  <c r="HF7" i="5"/>
  <c r="HH7" i="5"/>
  <c r="HJ7" i="5"/>
  <c r="HL7" i="5"/>
  <c r="HN7" i="5"/>
  <c r="HP7" i="5"/>
  <c r="HR7" i="5"/>
  <c r="HT7" i="5"/>
  <c r="HV7" i="5"/>
  <c r="HX7" i="5"/>
  <c r="HZ7" i="5"/>
  <c r="IB7" i="5"/>
  <c r="ID7" i="5"/>
  <c r="IF7" i="5"/>
  <c r="IH7" i="5"/>
  <c r="IJ7" i="5"/>
  <c r="IL7" i="5"/>
  <c r="IN7" i="5"/>
  <c r="IP7" i="5"/>
  <c r="IR7" i="5"/>
  <c r="GH6" i="5"/>
  <c r="GJ6" i="5"/>
  <c r="GL6" i="5"/>
  <c r="GN6" i="5"/>
  <c r="GP6" i="5"/>
  <c r="GR6" i="5"/>
  <c r="GT6" i="5"/>
  <c r="GV6" i="5"/>
  <c r="GX6" i="5"/>
  <c r="GZ6" i="5"/>
  <c r="HB6" i="5"/>
  <c r="HD6" i="5"/>
  <c r="HF6" i="5"/>
  <c r="HH6" i="5"/>
  <c r="HJ6" i="5"/>
  <c r="HL6" i="5"/>
  <c r="HN6" i="5"/>
  <c r="HP6" i="5"/>
  <c r="HR6" i="5"/>
  <c r="HT6" i="5"/>
  <c r="HV6" i="5"/>
  <c r="HX6" i="5"/>
  <c r="HZ6" i="5"/>
  <c r="IB6" i="5"/>
  <c r="ID6" i="5"/>
  <c r="IF6" i="5"/>
  <c r="IH6" i="5"/>
  <c r="IJ6" i="5"/>
  <c r="IL6" i="5"/>
  <c r="IN6" i="5"/>
  <c r="IP6" i="5"/>
  <c r="IR6" i="5"/>
  <c r="GH5" i="5"/>
  <c r="GJ5" i="5"/>
  <c r="GL5" i="5"/>
  <c r="GN5" i="5"/>
  <c r="GP5" i="5"/>
  <c r="GR5" i="5"/>
  <c r="GT5" i="5"/>
  <c r="GV5" i="5"/>
  <c r="GX5" i="5"/>
  <c r="GZ5" i="5"/>
  <c r="HB5" i="5"/>
  <c r="HD5" i="5"/>
  <c r="HF5" i="5"/>
  <c r="HH5" i="5"/>
  <c r="HJ5" i="5"/>
  <c r="HL5" i="5"/>
  <c r="HN5" i="5"/>
  <c r="HP5" i="5"/>
  <c r="HR5" i="5"/>
  <c r="HT5" i="5"/>
  <c r="HV5" i="5"/>
  <c r="HX5" i="5"/>
  <c r="HZ5" i="5"/>
  <c r="IB5" i="5"/>
  <c r="ID5" i="5"/>
  <c r="IF5" i="5"/>
  <c r="IH5" i="5"/>
  <c r="IJ5" i="5"/>
  <c r="IL5" i="5"/>
  <c r="IN5" i="5"/>
  <c r="IP5" i="5"/>
  <c r="IR5" i="5"/>
  <c r="IR4" i="5"/>
  <c r="GT4" i="5"/>
  <c r="GV4" i="5"/>
  <c r="GX4" i="5"/>
  <c r="GZ4" i="5"/>
  <c r="HB4" i="5"/>
  <c r="HD4" i="5"/>
  <c r="HF4" i="5"/>
  <c r="HH4" i="5"/>
  <c r="HJ4" i="5"/>
  <c r="HL4" i="5"/>
  <c r="HN4" i="5"/>
  <c r="HP4" i="5"/>
  <c r="HR4" i="5"/>
  <c r="HT4" i="5"/>
  <c r="HV4" i="5"/>
  <c r="HX4" i="5"/>
  <c r="HZ4" i="5"/>
  <c r="IB4" i="5"/>
  <c r="ID4" i="5"/>
  <c r="IF4" i="5"/>
  <c r="IH4" i="5"/>
  <c r="IJ4" i="5"/>
  <c r="IL4" i="5"/>
  <c r="IN4" i="5"/>
  <c r="IP4" i="5"/>
  <c r="IG4" i="5" l="1"/>
  <c r="HY4" i="5"/>
  <c r="HU4" i="5"/>
  <c r="HM4" i="5"/>
  <c r="HE4" i="5"/>
  <c r="GW4" i="5"/>
  <c r="IS4" i="5"/>
  <c r="IM5" i="5"/>
  <c r="IE5" i="5"/>
  <c r="IA5" i="5"/>
  <c r="HS5" i="5"/>
  <c r="HK5" i="5"/>
  <c r="HC5" i="5"/>
  <c r="GU5" i="5"/>
  <c r="GM5" i="5"/>
  <c r="IQ6" i="5"/>
  <c r="II6" i="5"/>
  <c r="IE6" i="5"/>
  <c r="HW6" i="5"/>
  <c r="HO6" i="5"/>
  <c r="HG6" i="5"/>
  <c r="GY6" i="5"/>
  <c r="GQ6" i="5"/>
  <c r="GI6" i="5"/>
  <c r="IQ7" i="5"/>
  <c r="II7" i="5"/>
  <c r="IA7" i="5"/>
  <c r="HO7" i="5"/>
  <c r="HG7" i="5"/>
  <c r="GY7" i="5"/>
  <c r="GU7" i="5"/>
  <c r="GM7" i="5"/>
  <c r="IQ8" i="5"/>
  <c r="II8" i="5"/>
  <c r="IA8" i="5"/>
  <c r="HW8" i="5"/>
  <c r="HO8" i="5"/>
  <c r="HG8" i="5"/>
  <c r="GU8" i="5"/>
  <c r="GM8" i="5"/>
  <c r="IM9" i="5"/>
  <c r="IE9" i="5"/>
  <c r="HW9" i="5"/>
  <c r="HO9" i="5"/>
  <c r="HK9" i="5"/>
  <c r="HC9" i="5"/>
  <c r="GU9" i="5"/>
  <c r="GM9" i="5"/>
  <c r="IM10" i="5"/>
  <c r="IE10" i="5"/>
  <c r="IA10" i="5"/>
  <c r="HS10" i="5"/>
  <c r="HK10" i="5"/>
  <c r="HC10" i="5"/>
  <c r="GU10" i="5"/>
  <c r="GM10" i="5"/>
  <c r="IQ11" i="5"/>
  <c r="II11" i="5"/>
  <c r="IE11" i="5"/>
  <c r="HW11" i="5"/>
  <c r="HO11" i="5"/>
  <c r="HG11" i="5"/>
  <c r="GY11" i="5"/>
  <c r="GQ11" i="5"/>
  <c r="GI11" i="5"/>
  <c r="GQ12" i="5"/>
  <c r="GI12" i="5"/>
  <c r="IQ13" i="5"/>
  <c r="IM13" i="5"/>
  <c r="II13" i="5"/>
  <c r="IE13" i="5"/>
  <c r="IA13" i="5"/>
  <c r="HW13" i="5"/>
  <c r="IQ14" i="5"/>
  <c r="II14" i="5"/>
  <c r="IA14" i="5"/>
  <c r="HS14" i="5"/>
  <c r="HO14" i="5"/>
  <c r="HG14" i="5"/>
  <c r="GY14" i="5"/>
  <c r="GQ14" i="5"/>
  <c r="GI14" i="5"/>
  <c r="IM15" i="5"/>
  <c r="IE15" i="5"/>
  <c r="HW15" i="5"/>
  <c r="HO15" i="5"/>
  <c r="HG15" i="5"/>
  <c r="GY15" i="5"/>
  <c r="GQ15" i="5"/>
  <c r="GI15" i="5"/>
  <c r="GU16" i="5"/>
  <c r="GM16" i="5"/>
  <c r="GI16" i="5"/>
  <c r="IM17" i="5"/>
  <c r="IA17" i="5"/>
  <c r="HS17" i="5"/>
  <c r="HK17" i="5"/>
  <c r="HC17" i="5"/>
  <c r="GY17" i="5"/>
  <c r="GQ17" i="5"/>
  <c r="GM17" i="5"/>
  <c r="IQ18" i="5"/>
  <c r="II18" i="5"/>
  <c r="IA18" i="5"/>
  <c r="HO18" i="5"/>
  <c r="HG18" i="5"/>
  <c r="GY18" i="5"/>
  <c r="GM18" i="5"/>
  <c r="II19" i="5"/>
  <c r="IA19" i="5"/>
  <c r="HS19" i="5"/>
  <c r="HK19" i="5"/>
  <c r="HC19" i="5"/>
  <c r="GU19" i="5"/>
  <c r="IO4" i="5"/>
  <c r="IK4" i="5"/>
  <c r="IC4" i="5"/>
  <c r="HQ4" i="5"/>
  <c r="HI4" i="5"/>
  <c r="HA4" i="5"/>
  <c r="IQ5" i="5"/>
  <c r="II5" i="5"/>
  <c r="HW5" i="5"/>
  <c r="HO5" i="5"/>
  <c r="HG5" i="5"/>
  <c r="GY5" i="5"/>
  <c r="GQ5" i="5"/>
  <c r="GI5" i="5"/>
  <c r="IM6" i="5"/>
  <c r="IA6" i="5"/>
  <c r="HS6" i="5"/>
  <c r="HK6" i="5"/>
  <c r="HC6" i="5"/>
  <c r="GU6" i="5"/>
  <c r="GM6" i="5"/>
  <c r="IM7" i="5"/>
  <c r="IE7" i="5"/>
  <c r="HW7" i="5"/>
  <c r="HS7" i="5"/>
  <c r="HK7" i="5"/>
  <c r="HC7" i="5"/>
  <c r="GQ7" i="5"/>
  <c r="GI7" i="5"/>
  <c r="IM8" i="5"/>
  <c r="IE8" i="5"/>
  <c r="HS8" i="5"/>
  <c r="HK8" i="5"/>
  <c r="HC8" i="5"/>
  <c r="GY8" i="5"/>
  <c r="GQ8" i="5"/>
  <c r="GI8" i="5"/>
  <c r="IQ9" i="5"/>
  <c r="II9" i="5"/>
  <c r="IA9" i="5"/>
  <c r="HS9" i="5"/>
  <c r="HG9" i="5"/>
  <c r="GY9" i="5"/>
  <c r="GQ9" i="5"/>
  <c r="GI9" i="5"/>
  <c r="IQ10" i="5"/>
  <c r="II10" i="5"/>
  <c r="HW10" i="5"/>
  <c r="HO10" i="5"/>
  <c r="HG10" i="5"/>
  <c r="GY10" i="5"/>
  <c r="GQ10" i="5"/>
  <c r="GI10" i="5"/>
  <c r="IM11" i="5"/>
  <c r="IA11" i="5"/>
  <c r="HS11" i="5"/>
  <c r="HK11" i="5"/>
  <c r="HC11" i="5"/>
  <c r="GU11" i="5"/>
  <c r="GM11" i="5"/>
  <c r="IQ12" i="5"/>
  <c r="IM12" i="5"/>
  <c r="II12" i="5"/>
  <c r="IE12" i="5"/>
  <c r="IA12" i="5"/>
  <c r="HW12" i="5"/>
  <c r="HS12" i="5"/>
  <c r="HO12" i="5"/>
  <c r="HK12" i="5"/>
  <c r="HG12" i="5"/>
  <c r="GY12" i="5"/>
  <c r="GU12" i="5"/>
  <c r="GM12" i="5"/>
  <c r="HO13" i="5"/>
  <c r="HK13" i="5"/>
  <c r="HG13" i="5"/>
  <c r="HC13" i="5"/>
  <c r="GY13" i="5"/>
  <c r="GU13" i="5"/>
  <c r="GQ13" i="5"/>
  <c r="GM13" i="5"/>
  <c r="GI13" i="5"/>
  <c r="IM14" i="5"/>
  <c r="IE14" i="5"/>
  <c r="HW14" i="5"/>
  <c r="HK14" i="5"/>
  <c r="HC14" i="5"/>
  <c r="GU14" i="5"/>
  <c r="GM14" i="5"/>
  <c r="IQ15" i="5"/>
  <c r="II15" i="5"/>
  <c r="IA15" i="5"/>
  <c r="HS15" i="5"/>
  <c r="HK15" i="5"/>
  <c r="HC15" i="5"/>
  <c r="GU15" i="5"/>
  <c r="GM15" i="5"/>
  <c r="IQ16" i="5"/>
  <c r="IM16" i="5"/>
  <c r="II16" i="5"/>
  <c r="IE16" i="5"/>
  <c r="IA16" i="5"/>
  <c r="HW16" i="5"/>
  <c r="HS16" i="5"/>
  <c r="HO16" i="5"/>
  <c r="HK16" i="5"/>
  <c r="HG16" i="5"/>
  <c r="HC16" i="5"/>
  <c r="GQ16" i="5"/>
  <c r="IQ17" i="5"/>
  <c r="II17" i="5"/>
  <c r="IE17" i="5"/>
  <c r="HW17" i="5"/>
  <c r="HO17" i="5"/>
  <c r="HG17" i="5"/>
  <c r="GU17" i="5"/>
  <c r="GI17" i="5"/>
  <c r="IM18" i="5"/>
  <c r="IE18" i="5"/>
  <c r="HW18" i="5"/>
  <c r="HS18" i="5"/>
  <c r="HK18" i="5"/>
  <c r="HC18" i="5"/>
  <c r="GU18" i="5"/>
  <c r="GQ18" i="5"/>
  <c r="GI18" i="5"/>
  <c r="IQ19" i="5"/>
  <c r="IM19" i="5"/>
  <c r="IE19" i="5"/>
  <c r="HW19" i="5"/>
  <c r="HO19" i="5"/>
  <c r="HG19" i="5"/>
  <c r="GY19" i="5"/>
  <c r="GQ19" i="5"/>
  <c r="GM19" i="5"/>
  <c r="GI19" i="5"/>
  <c r="IQ4" i="5"/>
  <c r="IM4" i="5"/>
  <c r="II4" i="5"/>
  <c r="IE4" i="5"/>
  <c r="IA4" i="5"/>
  <c r="HW4" i="5"/>
  <c r="HS4" i="5"/>
  <c r="HO4" i="5"/>
  <c r="HK4" i="5"/>
  <c r="HG4" i="5"/>
  <c r="HC4" i="5"/>
  <c r="GY4" i="5"/>
  <c r="GU4" i="5"/>
  <c r="IS5" i="5"/>
  <c r="IO5" i="5"/>
  <c r="IK5" i="5"/>
  <c r="IG5" i="5"/>
  <c r="IC5" i="5"/>
  <c r="HY5" i="5"/>
  <c r="HU5" i="5"/>
  <c r="HQ5" i="5"/>
  <c r="HM5" i="5"/>
  <c r="HI5" i="5"/>
  <c r="HE5" i="5"/>
  <c r="HA5" i="5"/>
  <c r="GW5" i="5"/>
  <c r="GS5" i="5"/>
  <c r="GO5" i="5"/>
  <c r="GK5" i="5"/>
  <c r="IS6" i="5"/>
  <c r="IO6" i="5"/>
  <c r="IK6" i="5"/>
  <c r="IG6" i="5"/>
  <c r="IC6" i="5"/>
  <c r="HY6" i="5"/>
  <c r="HU6" i="5"/>
  <c r="HQ6" i="5"/>
  <c r="HM6" i="5"/>
  <c r="HI6" i="5"/>
  <c r="HE6" i="5"/>
  <c r="HA6" i="5"/>
  <c r="GW6" i="5"/>
  <c r="GS6" i="5"/>
  <c r="GO6" i="5"/>
  <c r="GK6" i="5"/>
  <c r="IS7" i="5"/>
  <c r="IO7" i="5"/>
  <c r="IK7" i="5"/>
  <c r="IG7" i="5"/>
  <c r="IC7" i="5"/>
  <c r="HY7" i="5"/>
  <c r="HU7" i="5"/>
  <c r="HQ7" i="5"/>
  <c r="HM7" i="5"/>
  <c r="HI7" i="5"/>
  <c r="HE7" i="5"/>
  <c r="HA7" i="5"/>
  <c r="GW7" i="5"/>
  <c r="GS7" i="5"/>
  <c r="GO7" i="5"/>
  <c r="GK7" i="5"/>
  <c r="IS8" i="5"/>
  <c r="IO8" i="5"/>
  <c r="IK8" i="5"/>
  <c r="IG8" i="5"/>
  <c r="IC8" i="5"/>
  <c r="HY8" i="5"/>
  <c r="HU8" i="5"/>
  <c r="HQ8" i="5"/>
  <c r="HM8" i="5"/>
  <c r="HI8" i="5"/>
  <c r="HE8" i="5"/>
  <c r="HA8" i="5"/>
  <c r="GW8" i="5"/>
  <c r="GS8" i="5"/>
  <c r="GO8" i="5"/>
  <c r="GK8" i="5"/>
  <c r="IS9" i="5"/>
  <c r="IO9" i="5"/>
  <c r="IK9" i="5"/>
  <c r="IG9" i="5"/>
  <c r="IC9" i="5"/>
  <c r="HY9" i="5"/>
  <c r="HU9" i="5"/>
  <c r="HQ9" i="5"/>
  <c r="HM9" i="5"/>
  <c r="HI9" i="5"/>
  <c r="HE9" i="5"/>
  <c r="HA9" i="5"/>
  <c r="GW9" i="5"/>
  <c r="GS9" i="5"/>
  <c r="GO9" i="5"/>
  <c r="GK9" i="5"/>
  <c r="IS10" i="5"/>
  <c r="IO10" i="5"/>
  <c r="IK10" i="5"/>
  <c r="IG10" i="5"/>
  <c r="IC10" i="5"/>
  <c r="HY10" i="5"/>
  <c r="HU10" i="5"/>
  <c r="HQ10" i="5"/>
  <c r="HM10" i="5"/>
  <c r="HI10" i="5"/>
  <c r="HE10" i="5"/>
  <c r="HA10" i="5"/>
  <c r="GW10" i="5"/>
  <c r="GS10" i="5"/>
  <c r="GO10" i="5"/>
  <c r="GK10" i="5"/>
  <c r="IS11" i="5"/>
  <c r="IO11" i="5"/>
  <c r="IK11" i="5"/>
  <c r="IG11" i="5"/>
  <c r="IC11" i="5"/>
  <c r="HY11" i="5"/>
  <c r="HU11" i="5"/>
  <c r="HQ11" i="5"/>
  <c r="HM11" i="5"/>
  <c r="HI11" i="5"/>
  <c r="HE11" i="5"/>
  <c r="HA11" i="5"/>
  <c r="GW11" i="5"/>
  <c r="GS11" i="5"/>
  <c r="GO11" i="5"/>
  <c r="GK11" i="5"/>
  <c r="IS12" i="5"/>
  <c r="IO12" i="5"/>
  <c r="IK12" i="5"/>
  <c r="IG12" i="5"/>
  <c r="IC12" i="5"/>
  <c r="HY12" i="5"/>
  <c r="HU12" i="5"/>
  <c r="HQ12" i="5"/>
  <c r="HM12" i="5"/>
  <c r="HI12" i="5"/>
  <c r="HE12" i="5"/>
  <c r="HA12" i="5"/>
  <c r="GW12" i="5"/>
  <c r="GS12" i="5"/>
  <c r="GO12" i="5"/>
  <c r="GK12" i="5"/>
  <c r="IS13" i="5"/>
  <c r="IK13" i="5"/>
  <c r="IG13" i="5"/>
  <c r="IC13" i="5"/>
  <c r="HY13" i="5"/>
  <c r="HU13" i="5"/>
  <c r="HQ13" i="5"/>
  <c r="HM13" i="5"/>
  <c r="HI13" i="5"/>
  <c r="HE13" i="5"/>
  <c r="HA13" i="5"/>
  <c r="GW13" i="5"/>
  <c r="GS13" i="5"/>
  <c r="GO13" i="5"/>
  <c r="GK13" i="5"/>
  <c r="IS14" i="5"/>
  <c r="IO14" i="5"/>
  <c r="IK14" i="5"/>
  <c r="IG14" i="5"/>
  <c r="IC14" i="5"/>
  <c r="HY14" i="5"/>
  <c r="HU14" i="5"/>
  <c r="HQ14" i="5"/>
  <c r="HM14" i="5"/>
  <c r="HE14" i="5"/>
  <c r="HA14" i="5"/>
  <c r="GW14" i="5"/>
  <c r="GS14" i="5"/>
  <c r="GO14" i="5"/>
  <c r="GK14" i="5"/>
  <c r="IS15" i="5"/>
  <c r="IO15" i="5"/>
  <c r="IK15" i="5"/>
  <c r="IG15" i="5"/>
  <c r="IC15" i="5"/>
  <c r="HY15" i="5"/>
  <c r="HU15" i="5"/>
  <c r="HQ15" i="5"/>
  <c r="HM15" i="5"/>
  <c r="HI15" i="5"/>
  <c r="HE15" i="5"/>
  <c r="HA15" i="5"/>
  <c r="GW15" i="5"/>
  <c r="GS15" i="5"/>
  <c r="GO15" i="5"/>
  <c r="GK15" i="5"/>
  <c r="IS16" i="5"/>
  <c r="IO16" i="5"/>
  <c r="IK16" i="5"/>
  <c r="IG16" i="5"/>
  <c r="IC16" i="5"/>
  <c r="HY16" i="5"/>
  <c r="HU16" i="5"/>
  <c r="HQ16" i="5"/>
  <c r="HM16" i="5"/>
  <c r="HI16" i="5"/>
  <c r="HE16" i="5"/>
  <c r="HA16" i="5"/>
  <c r="GW16" i="5"/>
  <c r="GS16" i="5"/>
  <c r="GO16" i="5"/>
  <c r="GK16" i="5"/>
  <c r="IS17" i="5"/>
  <c r="IO17" i="5"/>
  <c r="IK17" i="5"/>
  <c r="IG17" i="5"/>
  <c r="IC17" i="5"/>
  <c r="HY17" i="5"/>
  <c r="HU17" i="5"/>
  <c r="HQ17" i="5"/>
  <c r="HM17" i="5"/>
  <c r="HI17" i="5"/>
  <c r="HE17" i="5"/>
  <c r="HA17" i="5"/>
  <c r="GW17" i="5"/>
  <c r="GS17" i="5"/>
  <c r="GO17" i="5"/>
  <c r="GK17" i="5"/>
  <c r="IS18" i="5"/>
  <c r="IO18" i="5"/>
  <c r="IK18" i="5"/>
  <c r="IG18" i="5"/>
  <c r="IC18" i="5"/>
  <c r="HY18" i="5"/>
  <c r="HU18" i="5"/>
  <c r="HQ18" i="5"/>
  <c r="HM18" i="5"/>
  <c r="HI18" i="5"/>
  <c r="HE18" i="5"/>
  <c r="HA18" i="5"/>
  <c r="GW18" i="5"/>
  <c r="GS18" i="5"/>
  <c r="GO18" i="5"/>
  <c r="GK18" i="5"/>
  <c r="IS19" i="5"/>
  <c r="IO19" i="5"/>
  <c r="IK19" i="5"/>
  <c r="IG19" i="5"/>
  <c r="IC19" i="5"/>
  <c r="HY19" i="5"/>
  <c r="HU19" i="5"/>
  <c r="HQ19" i="5"/>
  <c r="HM19" i="5"/>
  <c r="HI19" i="5"/>
  <c r="HE19" i="5"/>
</calcChain>
</file>

<file path=xl/connections.xml><?xml version="1.0" encoding="utf-8"?>
<connections xmlns="http://schemas.openxmlformats.org/spreadsheetml/2006/main">
  <connection id="1" odcFile="C:\Users\i255300\Downloads\BIE_c20150909171933.IQY" name="BIE_c20150909171933" type="4" refreshedVersion="4" background="1" saveData="1">
    <webPr consecutive="1" xl2000="1" url="http://www.inegi.org.mx/sistemas/BIE/ConsultaExporta.aspx" post="aamin=2000&amp;aamax=9999&amp;cveser=,214293,214295,214297,214299,214301,214303,214305,214307,214309,214311,214313,214315,214317,214319,214321,214323,&amp;ordena=a&amp;ordenaPeriodo=ap&amp;orientacion=h&amp;frecuencia=Todo&amp;estadistico=False&amp;esquema=&amp;bdesplaza=False&amp;FileFormat=iqy" htmlTables="1" htmlFormat="all"/>
  </connection>
  <connection id="2" odcFile="C:\Users\i255300\Downloads\BIE_c20150909171933.IQY" name="BIE_c201509091719331" type="4" refreshedVersion="4" background="1" saveData="1">
    <webPr consecutive="1" xl2000="1" url="http://www.inegi.org.mx/sistemas/BIE/ConsultaExporta.aspx" post="aamin=2000&amp;aamax=9999&amp;cveser=,214293,214295,214297,214299,214301,214303,214305,214307,214309,214311,214313,214315,214317,214319,214321,214323,&amp;ordena=a&amp;ordenaPeriodo=ap&amp;orientacion=h&amp;frecuencia=Todo&amp;estadistico=False&amp;esquema=&amp;bdesplaza=False&amp;FileFormat=iqy" htmlTables="1" htmlFormat="all"/>
  </connection>
  <connection id="3" odcFile="C:\Users\i255300\Downloads\BIE_c20150909171933.IQY" name="BIE_c2015090917193312" type="4" refreshedVersion="4" background="1" saveData="1">
    <webPr consecutive="1" xl2000="1" url="http://www.inegi.org.mx/sistemas/BIE/ConsultaExporta.aspx" post="aamin=2000&amp;aamax=9999&amp;cveser=,214293,214295,214297,214299,214301,214303,214305,214307,214309,214311,214313,214315,214317,214319,214321,214323,&amp;ordena=a&amp;ordenaPeriodo=ap&amp;orientacion=h&amp;frecuencia=Todo&amp;estadistico=False&amp;esquema=&amp;bdesplaza=False&amp;FileFormat=iqy" htmlTables="1" htmlFormat="all"/>
  </connection>
  <connection id="4" odcFile="C:\Users\i255300\Downloads\BIE_c20150910131257.IQY" name="BIE_c20150910131257" type="4" refreshedVersion="4" background="1" saveData="1">
    <webPr consecutive="1" xl2000="1" url="http://www.inegi.org.mx/sistemas/BIE/ConsultaExporta.aspx" post="aamin=2000&amp;aamax=9999&amp;cveser=,214294,214296,214298,214300,214302,214304,214306,214308,214310,214312,214314,214316,214318,214320,214322,214324,&amp;ordena=a&amp;ordenaPeriodo=ap&amp;orientacion=h&amp;frecuencia=Todo&amp;estadistico=False&amp;esquema=&amp;bdesplaza=False&amp;FileFormat=iqy" htmlTables="1" htmlFormat="all"/>
  </connection>
  <connection id="5" odcFile="C:\Users\i255300\Downloads\BIE_c20150910131257.IQY" name="BIE_c201509101312571" type="4" refreshedVersion="4" background="1" saveData="1">
    <webPr consecutive="1" xl2000="1" url="http://www.inegi.org.mx/sistemas/BIE/ConsultaExporta.aspx" post="aamin=2000&amp;aamax=9999&amp;cveser=,214294,214296,214298,214300,214302,214304,214306,214308,214310,214312,214314,214316,214318,214320,214322,214324,&amp;ordena=a&amp;ordenaPeriodo=ap&amp;orientacion=h&amp;frecuencia=Todo&amp;estadistico=False&amp;esquema=&amp;bdesplaza=False&amp;FileFormat=iqy" htmlTables="1" htmlFormat="all"/>
  </connection>
</connections>
</file>

<file path=xl/sharedStrings.xml><?xml version="1.0" encoding="utf-8"?>
<sst xmlns="http://schemas.openxmlformats.org/spreadsheetml/2006/main" count="1277" uniqueCount="302">
  <si>
    <r>
      <t>Unidad de medida:</t>
    </r>
    <r>
      <rPr>
        <sz val="11"/>
        <color theme="1"/>
        <rFont val="Calibri"/>
        <family val="2"/>
        <scheme val="minor"/>
      </rPr>
      <t xml:space="preserve"> Puntos, </t>
    </r>
    <r>
      <rPr>
        <b/>
        <sz val="11"/>
        <color theme="1"/>
        <rFont val="Calibri"/>
        <family val="2"/>
        <scheme val="minor"/>
      </rPr>
      <t>Periodicidad:</t>
    </r>
    <r>
      <rPr>
        <sz val="11"/>
        <color theme="1"/>
        <rFont val="Calibri"/>
        <family val="2"/>
        <scheme val="minor"/>
      </rPr>
      <t xml:space="preserve"> Mensual</t>
    </r>
  </si>
  <si>
    <t>Periodos</t>
  </si>
  <si>
    <t>2000/01</t>
  </si>
  <si>
    <t>2000/02</t>
  </si>
  <si>
    <t>2000/03</t>
  </si>
  <si>
    <t>2000/04</t>
  </si>
  <si>
    <t>2000/05</t>
  </si>
  <si>
    <t>2000/06</t>
  </si>
  <si>
    <t>2000/07</t>
  </si>
  <si>
    <t>2000/08</t>
  </si>
  <si>
    <t>2000/09</t>
  </si>
  <si>
    <t>2000/10</t>
  </si>
  <si>
    <t>2000/11</t>
  </si>
  <si>
    <t>2000/12</t>
  </si>
  <si>
    <t>2001/01</t>
  </si>
  <si>
    <t>2001/02</t>
  </si>
  <si>
    <t>2001/03</t>
  </si>
  <si>
    <t>2001/04</t>
  </si>
  <si>
    <t>2001/05</t>
  </si>
  <si>
    <t>2001/06</t>
  </si>
  <si>
    <t>2001/07</t>
  </si>
  <si>
    <t>2001/08</t>
  </si>
  <si>
    <t>2001/09</t>
  </si>
  <si>
    <t>2001/10</t>
  </si>
  <si>
    <t>2001/11</t>
  </si>
  <si>
    <t>2001/12</t>
  </si>
  <si>
    <t>2002/01</t>
  </si>
  <si>
    <t>2002/02</t>
  </si>
  <si>
    <t>2002/03</t>
  </si>
  <si>
    <t>2002/04</t>
  </si>
  <si>
    <t>2002/05</t>
  </si>
  <si>
    <t>2002/06</t>
  </si>
  <si>
    <t>2002/07</t>
  </si>
  <si>
    <t>2002/08</t>
  </si>
  <si>
    <t>2002/09</t>
  </si>
  <si>
    <t>2002/10</t>
  </si>
  <si>
    <t>2002/11</t>
  </si>
  <si>
    <t>2002/12</t>
  </si>
  <si>
    <t>2003/01</t>
  </si>
  <si>
    <t>2003/02</t>
  </si>
  <si>
    <t>2003/03</t>
  </si>
  <si>
    <t>2003/04</t>
  </si>
  <si>
    <t>2003/05</t>
  </si>
  <si>
    <t>2003/06</t>
  </si>
  <si>
    <t>2003/07</t>
  </si>
  <si>
    <t>2003/08</t>
  </si>
  <si>
    <t>2003/09</t>
  </si>
  <si>
    <t>2003/10</t>
  </si>
  <si>
    <t>2003/11</t>
  </si>
  <si>
    <t>2003/12</t>
  </si>
  <si>
    <t>2004/01</t>
  </si>
  <si>
    <t>2004/02</t>
  </si>
  <si>
    <t>2004/03</t>
  </si>
  <si>
    <t>2004/04</t>
  </si>
  <si>
    <t>2004/05</t>
  </si>
  <si>
    <t>2004/06</t>
  </si>
  <si>
    <t>2004/07</t>
  </si>
  <si>
    <t>2004/08</t>
  </si>
  <si>
    <t>2004/09</t>
  </si>
  <si>
    <t>2004/10</t>
  </si>
  <si>
    <t>2004/11</t>
  </si>
  <si>
    <t>2004/12</t>
  </si>
  <si>
    <t>2005/01</t>
  </si>
  <si>
    <t>2005/02</t>
  </si>
  <si>
    <t>2005/03</t>
  </si>
  <si>
    <t>2005/04</t>
  </si>
  <si>
    <t>2005/05</t>
  </si>
  <si>
    <t>2005/06</t>
  </si>
  <si>
    <t>2005/07</t>
  </si>
  <si>
    <t>2005/08</t>
  </si>
  <si>
    <t>2005/09</t>
  </si>
  <si>
    <t>2005/10</t>
  </si>
  <si>
    <t>2005/11</t>
  </si>
  <si>
    <t>2005/12</t>
  </si>
  <si>
    <t>2006/01</t>
  </si>
  <si>
    <t>2006/02</t>
  </si>
  <si>
    <t>2006/03</t>
  </si>
  <si>
    <t>2006/04</t>
  </si>
  <si>
    <t>2006/05</t>
  </si>
  <si>
    <t>2006/06</t>
  </si>
  <si>
    <t>2006/07</t>
  </si>
  <si>
    <t>2006/08</t>
  </si>
  <si>
    <t>2006/09</t>
  </si>
  <si>
    <t>2006/10</t>
  </si>
  <si>
    <t>2006/11</t>
  </si>
  <si>
    <t>2006/12</t>
  </si>
  <si>
    <t>2007/01</t>
  </si>
  <si>
    <t>2007/02</t>
  </si>
  <si>
    <t>2007/03</t>
  </si>
  <si>
    <t>2007/04</t>
  </si>
  <si>
    <t>2007/05</t>
  </si>
  <si>
    <t>2007/06</t>
  </si>
  <si>
    <t>2007/07</t>
  </si>
  <si>
    <t>2007/08</t>
  </si>
  <si>
    <t>2007/09</t>
  </si>
  <si>
    <t>2007/10</t>
  </si>
  <si>
    <t>2007/11</t>
  </si>
  <si>
    <t>2007/12</t>
  </si>
  <si>
    <t>2008/01</t>
  </si>
  <si>
    <t>2008/02</t>
  </si>
  <si>
    <t>2008/03</t>
  </si>
  <si>
    <t>2008/04</t>
  </si>
  <si>
    <t>2008/05</t>
  </si>
  <si>
    <t>2008/06</t>
  </si>
  <si>
    <t>2008/07</t>
  </si>
  <si>
    <t>2008/08</t>
  </si>
  <si>
    <t>2008/09</t>
  </si>
  <si>
    <t>2008/10</t>
  </si>
  <si>
    <t>2008/11</t>
  </si>
  <si>
    <t>2008/12</t>
  </si>
  <si>
    <t>2009/01</t>
  </si>
  <si>
    <t>2009/02</t>
  </si>
  <si>
    <t>2009/03</t>
  </si>
  <si>
    <t>2009/04</t>
  </si>
  <si>
    <t>2009/05</t>
  </si>
  <si>
    <t>2009/06</t>
  </si>
  <si>
    <t>2009/07</t>
  </si>
  <si>
    <t>2009/08</t>
  </si>
  <si>
    <t>2009/09</t>
  </si>
  <si>
    <t>2009/10</t>
  </si>
  <si>
    <t>2009/11</t>
  </si>
  <si>
    <t>2009/12</t>
  </si>
  <si>
    <t>2010/01</t>
  </si>
  <si>
    <t>2010/02</t>
  </si>
  <si>
    <t>2010/03</t>
  </si>
  <si>
    <t>2010/04</t>
  </si>
  <si>
    <t>2010/05</t>
  </si>
  <si>
    <t>2010/06</t>
  </si>
  <si>
    <t>2010/07</t>
  </si>
  <si>
    <t>2010/08</t>
  </si>
  <si>
    <t>2010/09</t>
  </si>
  <si>
    <t>2010/10</t>
  </si>
  <si>
    <t>2010/11</t>
  </si>
  <si>
    <t>2010/12</t>
  </si>
  <si>
    <t>2011/01</t>
  </si>
  <si>
    <t>2011/02</t>
  </si>
  <si>
    <t>2011/03</t>
  </si>
  <si>
    <t>2011/04</t>
  </si>
  <si>
    <t>2011/05</t>
  </si>
  <si>
    <t>2011/06</t>
  </si>
  <si>
    <t>2011/07</t>
  </si>
  <si>
    <t>2011/08</t>
  </si>
  <si>
    <t>2011/09</t>
  </si>
  <si>
    <t>2011/10</t>
  </si>
  <si>
    <t>2011/11</t>
  </si>
  <si>
    <t>2011/12</t>
  </si>
  <si>
    <t>2012/01</t>
  </si>
  <si>
    <t>2012/02</t>
  </si>
  <si>
    <t>2012/03</t>
  </si>
  <si>
    <t>2012/04</t>
  </si>
  <si>
    <t>2012/05</t>
  </si>
  <si>
    <t>2012/06</t>
  </si>
  <si>
    <t>2012/07</t>
  </si>
  <si>
    <t>2012/08</t>
  </si>
  <si>
    <t>2012/09</t>
  </si>
  <si>
    <t>2012/10</t>
  </si>
  <si>
    <t>2012/11</t>
  </si>
  <si>
    <t>2012/12</t>
  </si>
  <si>
    <t>2013/01</t>
  </si>
  <si>
    <t>2013/02</t>
  </si>
  <si>
    <t>2013/03</t>
  </si>
  <si>
    <t>2013/04</t>
  </si>
  <si>
    <t>2013/05</t>
  </si>
  <si>
    <t>2013/06</t>
  </si>
  <si>
    <t>2013/07</t>
  </si>
  <si>
    <t>2013/08</t>
  </si>
  <si>
    <t>2013/09</t>
  </si>
  <si>
    <t>2013/10</t>
  </si>
  <si>
    <t>2013/11</t>
  </si>
  <si>
    <t>2013/12</t>
  </si>
  <si>
    <t>2014/01</t>
  </si>
  <si>
    <t>2014/02</t>
  </si>
  <si>
    <t>2014/03</t>
  </si>
  <si>
    <t>2014/04</t>
  </si>
  <si>
    <t>2014/05</t>
  </si>
  <si>
    <t>2014/06</t>
  </si>
  <si>
    <t>2014/07</t>
  </si>
  <si>
    <t>2014/08</t>
  </si>
  <si>
    <t>2014/09</t>
  </si>
  <si>
    <t>2014/10</t>
  </si>
  <si>
    <t>2014/11</t>
  </si>
  <si>
    <t>2014/12</t>
  </si>
  <si>
    <t>2015/01</t>
  </si>
  <si>
    <t>2015/02</t>
  </si>
  <si>
    <t>2015/03</t>
  </si>
  <si>
    <t>2015/04</t>
  </si>
  <si>
    <t>2015/05</t>
  </si>
  <si>
    <t>2015/06</t>
  </si>
  <si>
    <t>2015/07</t>
  </si>
  <si>
    <t>2015/08</t>
  </si>
  <si>
    <t xml:space="preserve">Indicadores económicos de coyuntura &gt; Sistema de indicadores cíclicos &gt; Indicador coincidente y sus componentes &gt; Indicador coincidente Componente cíclico </t>
  </si>
  <si>
    <t xml:space="preserve">Indicadores económicos de coyuntura &gt; Sistema de indicadores cíclicos &gt; Indicador coincidente y sus componentes &gt; Indicador global de la actividad económica Componente cíclico p1 / </t>
  </si>
  <si>
    <t xml:space="preserve">Indicadores económicos de coyuntura &gt; Sistema de indicadores cíclicos &gt; Indicador coincidente y sus componentes &gt; Indicador de la actividad industrial Componente cíclico </t>
  </si>
  <si>
    <t xml:space="preserve">Indicadores económicos de coyuntura &gt; Sistema de indicadores cíclicos &gt; Indicador coincidente y sus componentes &gt; Índice de ingresos por suministro de bienes y servicios al por menor Componente cíclico </t>
  </si>
  <si>
    <t xml:space="preserve">Indicadores económicos de coyuntura &gt; Sistema de indicadores cíclicos &gt; Indicador coincidente y sus componentes &gt; Número de asegurados permanentes en el IMSS Componente cíclico </t>
  </si>
  <si>
    <t xml:space="preserve">Indicadores económicos de coyuntura &gt; Sistema de indicadores cíclicos &gt; Indicador coincidente y sus componentes &gt; Tasa de desocupación urbana Componente cíclico </t>
  </si>
  <si>
    <t xml:space="preserve">Indicadores económicos de coyuntura &gt; Sistema de indicadores cíclicos &gt; Indicador coincidente y sus componentes &gt; Importaciones totales Componente cíclico </t>
  </si>
  <si>
    <t xml:space="preserve">Indicadores económicos de coyuntura &gt; Sistema de indicadores cíclicos &gt; Indicador adelantado y sus componentes &gt; Indicador adelantado Componente cíclico </t>
  </si>
  <si>
    <t xml:space="preserve">Indicadores económicos de coyuntura &gt; Sistema de indicadores cíclicos &gt; Indicador adelantado y sus componentes &gt; Tendencia del empleo en las manufacturas Componente cíclico </t>
  </si>
  <si>
    <t xml:space="preserve">Indicadores económicos de coyuntura &gt; Sistema de indicadores cíclicos &gt; Indicador adelantado y sus componentes &gt; Indicador de confianza empresarial: Momento adecuado para invertir Componente cíclico </t>
  </si>
  <si>
    <t xml:space="preserve">Indicadores económicos de coyuntura &gt; Sistema de indicadores cíclicos &gt; Indicador adelantado y sus componentes &gt; Índice de precios y cotizaciones de la Bolsa Mexicana de Valores en términos reales Componente cíclico </t>
  </si>
  <si>
    <t xml:space="preserve">Indicadores económicos de coyuntura &gt; Sistema de indicadores cíclicos &gt; Indicador adelantado y sus componentes &gt; Tipo de cambio real bilateral México - EUA Componente cíclico </t>
  </si>
  <si>
    <t xml:space="preserve">Indicadores económicos de coyuntura &gt; Sistema de indicadores cíclicos &gt; Indicador adelantado y sus componentes &gt; Tasa de interés interbancaria de equilibrio (TIIE) Componente cíclico </t>
  </si>
  <si>
    <t xml:space="preserve">Indicadores económicos de coyuntura &gt; Sistema de indicadores cíclicos &gt; Indicador adelantado y sus componentes &gt; Índice Standard &amp; Poor´s 500 (índice bursátil de Estados Unidos) Componente cíclico </t>
  </si>
  <si>
    <t xml:space="preserve">Indicadores económicos de coyuntura &gt; Sistema de indicadores cíclicos &gt; Otros indicadores &gt; Indicador de confianza empresarial Componente cíclico </t>
  </si>
  <si>
    <t xml:space="preserve">Indicadores económicos de coyuntura &gt; Sistema de indicadores cíclicos &gt; Otros indicadores &gt; Índice de confianza del consumidor Componente cíclico </t>
  </si>
  <si>
    <t>Cifras preliminares:</t>
  </si>
  <si>
    <r>
      <t>p1/</t>
    </r>
    <r>
      <rPr>
        <sz val="11"/>
        <color theme="1"/>
        <rFont val="Calibri"/>
        <family val="2"/>
        <scheme val="minor"/>
      </rPr>
      <t xml:space="preserve"> A partir de 2012/01</t>
    </r>
  </si>
  <si>
    <r>
      <t xml:space="preserve">Fuente: </t>
    </r>
    <r>
      <rPr>
        <sz val="11"/>
        <color theme="1"/>
        <rFont val="Calibri"/>
        <family val="2"/>
        <scheme val="minor"/>
      </rPr>
      <t>INEGI. Sistema de Indicadores Cíclicos.</t>
    </r>
  </si>
  <si>
    <t>Fecha de consulta: 09/09/2015 17:21:10</t>
  </si>
  <si>
    <t>2015/09</t>
  </si>
  <si>
    <t>2015/10</t>
  </si>
  <si>
    <t>2015/11</t>
  </si>
  <si>
    <t>2015/12</t>
  </si>
  <si>
    <t>2016/01</t>
  </si>
  <si>
    <t>2016/02</t>
  </si>
  <si>
    <t>2016/03</t>
  </si>
  <si>
    <t>2016/04</t>
  </si>
  <si>
    <t>2016/05</t>
  </si>
  <si>
    <t>2016/06</t>
  </si>
  <si>
    <t>2016/07</t>
  </si>
  <si>
    <t>2016/08</t>
  </si>
  <si>
    <t>2016/09</t>
  </si>
  <si>
    <t>2016/10</t>
  </si>
  <si>
    <t>2016/11</t>
  </si>
  <si>
    <t>2016/12</t>
  </si>
  <si>
    <t>2017/01</t>
  </si>
  <si>
    <t>2017/02</t>
  </si>
  <si>
    <t>2017/03</t>
  </si>
  <si>
    <t>2017/04</t>
  </si>
  <si>
    <t>2017/05</t>
  </si>
  <si>
    <t>2017/06</t>
  </si>
  <si>
    <t>2017/07</t>
  </si>
  <si>
    <t>2017/08</t>
  </si>
  <si>
    <t>2017/09</t>
  </si>
  <si>
    <t>2017/10</t>
  </si>
  <si>
    <t>2017/11</t>
  </si>
  <si>
    <t>2017/12</t>
  </si>
  <si>
    <t>2018/01</t>
  </si>
  <si>
    <t>2018/02</t>
  </si>
  <si>
    <t>2018/03</t>
  </si>
  <si>
    <t>2018/04</t>
  </si>
  <si>
    <t>2018/05</t>
  </si>
  <si>
    <t>2018/06</t>
  </si>
  <si>
    <t>2018/07</t>
  </si>
  <si>
    <t>2018/08</t>
  </si>
  <si>
    <t>2018/09</t>
  </si>
  <si>
    <t>2018/10</t>
  </si>
  <si>
    <t>2018/11</t>
  </si>
  <si>
    <t>2018/12</t>
  </si>
  <si>
    <t>2019/01</t>
  </si>
  <si>
    <t>2019/02</t>
  </si>
  <si>
    <t>2019/03</t>
  </si>
  <si>
    <t>2019/04</t>
  </si>
  <si>
    <t>2019/05</t>
  </si>
  <si>
    <t>2019/06</t>
  </si>
  <si>
    <t>2019/07</t>
  </si>
  <si>
    <t>2019/08</t>
  </si>
  <si>
    <t>2019/09</t>
  </si>
  <si>
    <t>2019/10</t>
  </si>
  <si>
    <t>2019/11</t>
  </si>
  <si>
    <t>2019/12</t>
  </si>
  <si>
    <t>2020/01</t>
  </si>
  <si>
    <t>2020/02</t>
  </si>
  <si>
    <t>2020/03</t>
  </si>
  <si>
    <t>2020/04</t>
  </si>
  <si>
    <t>2020/05</t>
  </si>
  <si>
    <t>2020/06</t>
  </si>
  <si>
    <t>2020/07</t>
  </si>
  <si>
    <t>2020/08</t>
  </si>
  <si>
    <t>2020/09</t>
  </si>
  <si>
    <t>2020/10</t>
  </si>
  <si>
    <t>2020/11</t>
  </si>
  <si>
    <t>2020/12</t>
  </si>
  <si>
    <t>Cuando el indicador (su componente cíclico) está creciendo y se ubica por arriba de su tendencia de largo plazo.</t>
  </si>
  <si>
    <t>Cuando el componente cíclico del indicador está decreciendo y se ubica por arriba de su tendencia de largo plazo.</t>
  </si>
  <si>
    <t>Cuando el componente cíclico del indicador está decreciendo y se ubica por debajo de su tendencia de largo plazo.</t>
  </si>
  <si>
    <t>Cuando el componente cíclico del indicador está creciendo y se unica por debajo de su tendencia de largo plazo.</t>
  </si>
  <si>
    <t>(Fórmula invertida)</t>
  </si>
  <si>
    <t xml:space="preserve">Indicadores económicos de coyuntura &gt; Sistema de indicadores cíclicos &gt; Indicador coincidente y sus componentes &gt; Índice de ingresos por suministro de bienes y servicios al por menor Diferencia en puntos respecto al mes anterior </t>
  </si>
  <si>
    <t xml:space="preserve">Indicadores económicos de coyuntura &gt; Sistema de indicadores cíclicos &gt; Indicador coincidente y sus componentes &gt; Importaciones totales Diferencia en puntos respecto al mes anterior </t>
  </si>
  <si>
    <t xml:space="preserve">Indicadores económicos de coyuntura &gt; Sistema de indicadores cíclicos &gt; Otros indicadores &gt; Índice de confianza del consumidor Diferencia en puntos respecto al mes anterior </t>
  </si>
  <si>
    <t xml:space="preserve">Indicadores económicos de coyuntura &gt; Sistema de indicadores cíclicos &gt; Otros indicadores &gt; Indicador de confianza empresarial Diferencia en puntos respecto al mes anterior </t>
  </si>
  <si>
    <t xml:space="preserve">Indicadores económicos de coyuntura &gt; Sistema de indicadores cíclicos &gt; Indicador adelantado y sus componentes &gt; Tasa de interés interbancaria de equilibrio (TIIE) Diferencia en puntos respecto al mes anterior </t>
  </si>
  <si>
    <t xml:space="preserve">Indicadores económicos de coyuntura &gt; Sistema de indicadores cíclicos &gt; Indicador adelantado y sus componentes &gt; Índice de precios y cotizaciones de la Bolsa Mexicana de Valores en términos reales Diferencia en puntos respecto al mes anterior </t>
  </si>
  <si>
    <t xml:space="preserve">Indicadores económicos de coyuntura &gt; Sistema de indicadores cíclicos &gt; Indicador adelantado y sus componentes &gt; Índice Standard &amp; Poor´s 500 (índice bursátil de Estados Unidos) Diferencia en puntos respecto al mes anterior </t>
  </si>
  <si>
    <t xml:space="preserve">Indicadores económicos de coyuntura &gt; Sistema de indicadores cíclicos &gt; Indicador adelantado y sus componentes &gt; Tipo de cambio real bilateral México - EUA Diferencia en puntos respecto al mes anterior </t>
  </si>
  <si>
    <t xml:space="preserve">Indicadores económicos de coyuntura &gt; Sistema de indicadores cíclicos &gt; Indicador adelantado y sus componentes &gt; Tendencia del empleo en las manufacturas Diferencia en puntos respecto al mes anterior </t>
  </si>
  <si>
    <t xml:space="preserve">Indicadores económicos de coyuntura &gt; Sistema de indicadores cíclicos &gt; Indicador adelantado y sus componentes &gt; Indicador de confianza empresarial: Momento adecuado para invertir Diferencia en puntos respecto al mes anterior </t>
  </si>
  <si>
    <t xml:space="preserve">Indicadores económicos de coyuntura &gt; Sistema de indicadores cíclicos &gt; Indicador adelantado y sus componentes &gt; Indicador adelantado Diferencia en puntos respecto al mes anterior </t>
  </si>
  <si>
    <t xml:space="preserve">Indicadores económicos de coyuntura &gt; Sistema de indicadores cíclicos &gt; Indicador coincidente y sus componentes &gt; Tasa de desocupación urbana Diferencia en puntos respecto al mes anterior </t>
  </si>
  <si>
    <t xml:space="preserve">Indicadores económicos de coyuntura &gt; Sistema de indicadores cíclicos &gt; Indicador coincidente y sus componentes &gt; Número de asegurados permanentes en el IMSS Diferencia en puntos respecto al mes anterior </t>
  </si>
  <si>
    <t xml:space="preserve">Indicadores económicos de coyuntura &gt; Sistema de indicadores cíclicos &gt; Indicador coincidente y sus componentes &gt; Indicador de la actividad industrial Diferencia en puntos respecto al mes anterior </t>
  </si>
  <si>
    <t xml:space="preserve">Indicadores económicos de coyuntura &gt; Sistema de indicadores cíclicos &gt; Indicador coincidente y sus componentes &gt; Indicador global de la actividad económica Diferencia en puntos respecto al mes anterior </t>
  </si>
  <si>
    <t xml:space="preserve">Indicadores económicos de coyuntura &gt; Sistema de indicadores cíclicos &gt; Indicador coincidente y sus componentes &gt; Indicador coincidente Diferencia en puntos respecto al mes anterior </t>
  </si>
  <si>
    <t>Fecha de consulta: 10/09/2015 13:13:15</t>
  </si>
  <si>
    <t>Cuando el componente cíclico del indicador está creciendo y se ubica por debajo de su tendencia de largo plazo.</t>
  </si>
  <si>
    <t xml:space="preserve">Indicadores económicos de coyuntura &gt; Sistema de indicadores cíclicos &gt; Indicador coincidente y sus componentes &gt; Asegurados trabajadores permanentes en el IMSS Diferencia en puntos respecto al mes anterior </t>
  </si>
  <si>
    <t>Fecha de consulta: 06/07/2016 1:28:27</t>
  </si>
  <si>
    <t xml:space="preserve">Indicadores económicos de coyuntura &gt; Sistema de indicadores cíclicos &gt; Indicador coincidente y sus componentes &gt; Asegurados trabajadores permanentes en el IMSS Componente cíclico </t>
  </si>
  <si>
    <t>Fecha de consulta: 06/07/2016 1:29:21</t>
  </si>
  <si>
    <t>Fecha de consulta: 06/07/2016 1:29:4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name val="Arial"/>
      <family val="2"/>
    </font>
  </fonts>
  <fills count="39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C0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3" tint="0.79998168889431442"/>
        <bgColor indexed="64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/>
      <top/>
      <bottom/>
      <diagonal/>
    </border>
    <border>
      <left/>
      <right style="medium">
        <color rgb="FF000000"/>
      </right>
      <top/>
      <bottom/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rgb="FF000000"/>
      </left>
      <right/>
      <top/>
      <bottom style="medium">
        <color indexed="64"/>
      </bottom>
      <diagonal/>
    </border>
  </borders>
  <cellStyleXfs count="43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  <xf numFmtId="0" fontId="18" fillId="0" borderId="0"/>
  </cellStyleXfs>
  <cellXfs count="33">
    <xf numFmtId="0" fontId="0" fillId="0" borderId="0" xfId="0"/>
    <xf numFmtId="0" fontId="0" fillId="0" borderId="0" xfId="0" applyAlignment="1">
      <alignment vertical="center" wrapText="1"/>
    </xf>
    <xf numFmtId="0" fontId="0" fillId="0" borderId="0" xfId="0" applyAlignment="1">
      <alignment vertical="center" wrapText="1"/>
    </xf>
    <xf numFmtId="0" fontId="16" fillId="0" borderId="10" xfId="0" applyFont="1" applyBorder="1" applyAlignment="1">
      <alignment vertical="center" wrapText="1"/>
    </xf>
    <xf numFmtId="0" fontId="16" fillId="0" borderId="11" xfId="0" applyFont="1" applyBorder="1" applyAlignment="1">
      <alignment vertical="center" wrapText="1"/>
    </xf>
    <xf numFmtId="0" fontId="16" fillId="0" borderId="12" xfId="0" applyFont="1" applyBorder="1" applyAlignment="1">
      <alignment vertical="center" wrapText="1"/>
    </xf>
    <xf numFmtId="0" fontId="16" fillId="0" borderId="13" xfId="0" applyFont="1" applyBorder="1" applyAlignment="1">
      <alignment vertical="center" wrapText="1"/>
    </xf>
    <xf numFmtId="0" fontId="0" fillId="0" borderId="14" xfId="0" applyBorder="1" applyAlignment="1">
      <alignment vertical="center" wrapText="1"/>
    </xf>
    <xf numFmtId="0" fontId="16" fillId="0" borderId="15" xfId="0" applyFont="1" applyBorder="1" applyAlignment="1">
      <alignment vertical="center" wrapText="1"/>
    </xf>
    <xf numFmtId="0" fontId="0" fillId="0" borderId="16" xfId="0" applyBorder="1" applyAlignment="1">
      <alignment vertical="center" wrapText="1"/>
    </xf>
    <xf numFmtId="0" fontId="0" fillId="0" borderId="17" xfId="0" applyBorder="1" applyAlignment="1">
      <alignment vertical="center" wrapText="1"/>
    </xf>
    <xf numFmtId="0" fontId="16" fillId="36" borderId="13" xfId="0" applyFont="1" applyFill="1" applyBorder="1" applyAlignment="1">
      <alignment vertical="center" wrapText="1"/>
    </xf>
    <xf numFmtId="0" fontId="16" fillId="36" borderId="15" xfId="0" applyFont="1" applyFill="1" applyBorder="1" applyAlignment="1">
      <alignment vertical="center" wrapText="1"/>
    </xf>
    <xf numFmtId="0" fontId="0" fillId="0" borderId="0" xfId="0" applyBorder="1"/>
    <xf numFmtId="0" fontId="0" fillId="0" borderId="20" xfId="0" applyBorder="1"/>
    <xf numFmtId="0" fontId="0" fillId="34" borderId="0" xfId="0" applyFill="1"/>
    <xf numFmtId="0" fontId="0" fillId="33" borderId="0" xfId="0" applyFill="1"/>
    <xf numFmtId="0" fontId="0" fillId="35" borderId="0" xfId="0" applyFill="1"/>
    <xf numFmtId="0" fontId="0" fillId="37" borderId="0" xfId="0" applyFill="1"/>
    <xf numFmtId="0" fontId="0" fillId="0" borderId="18" xfId="0" applyBorder="1" applyAlignment="1">
      <alignment vertical="center" wrapText="1"/>
    </xf>
    <xf numFmtId="0" fontId="0" fillId="0" borderId="19" xfId="0" applyBorder="1" applyAlignment="1">
      <alignment vertical="center" wrapText="1"/>
    </xf>
    <xf numFmtId="0" fontId="0" fillId="0" borderId="0" xfId="0" applyBorder="1" applyAlignment="1">
      <alignment vertical="center" wrapText="1"/>
    </xf>
    <xf numFmtId="0" fontId="16" fillId="38" borderId="13" xfId="0" applyFont="1" applyFill="1" applyBorder="1" applyAlignment="1">
      <alignment vertical="center" wrapText="1"/>
    </xf>
    <xf numFmtId="0" fontId="0" fillId="38" borderId="0" xfId="0" applyFill="1"/>
    <xf numFmtId="0" fontId="16" fillId="36" borderId="21" xfId="0" applyFont="1" applyFill="1" applyBorder="1" applyAlignment="1">
      <alignment vertical="center" wrapText="1"/>
    </xf>
    <xf numFmtId="0" fontId="0" fillId="0" borderId="0" xfId="0" applyAlignment="1">
      <alignment vertical="center" wrapText="1"/>
    </xf>
    <xf numFmtId="0" fontId="0" fillId="0" borderId="0" xfId="0" applyAlignment="1">
      <alignment vertical="center" wrapText="1"/>
    </xf>
    <xf numFmtId="0" fontId="0" fillId="0" borderId="0" xfId="0" applyAlignment="1">
      <alignment vertical="center" wrapText="1"/>
    </xf>
    <xf numFmtId="0" fontId="0" fillId="0" borderId="11" xfId="0" applyBorder="1" applyAlignment="1">
      <alignment vertical="center" wrapText="1"/>
    </xf>
    <xf numFmtId="0" fontId="0" fillId="0" borderId="0" xfId="0" applyAlignment="1">
      <alignment vertical="center" wrapText="1"/>
    </xf>
    <xf numFmtId="0" fontId="16" fillId="0" borderId="0" xfId="0" applyFont="1" applyAlignment="1">
      <alignment vertical="center" wrapText="1"/>
    </xf>
    <xf numFmtId="0" fontId="16" fillId="0" borderId="16" xfId="0" applyFont="1" applyBorder="1" applyAlignment="1">
      <alignment vertical="center" wrapText="1"/>
    </xf>
    <xf numFmtId="0" fontId="0" fillId="0" borderId="0" xfId="0" applyBorder="1" applyAlignment="1">
      <alignment vertical="center" wrapText="1"/>
    </xf>
  </cellXfs>
  <cellStyles count="43">
    <cellStyle name="20% - Énfasis1" xfId="19" builtinId="30" customBuiltin="1"/>
    <cellStyle name="20% - Énfasis2" xfId="23" builtinId="34" customBuiltin="1"/>
    <cellStyle name="20% - Énfasis3" xfId="27" builtinId="38" customBuiltin="1"/>
    <cellStyle name="20% - Énfasis4" xfId="31" builtinId="42" customBuiltin="1"/>
    <cellStyle name="20% - Énfasis5" xfId="35" builtinId="46" customBuiltin="1"/>
    <cellStyle name="20% - Énfasis6" xfId="39" builtinId="50" customBuiltin="1"/>
    <cellStyle name="40% - Énfasis1" xfId="20" builtinId="31" customBuiltin="1"/>
    <cellStyle name="40% - Énfasis2" xfId="24" builtinId="35" customBuiltin="1"/>
    <cellStyle name="40% - Énfasis3" xfId="28" builtinId="39" customBuiltin="1"/>
    <cellStyle name="40% - Énfasis4" xfId="32" builtinId="43" customBuiltin="1"/>
    <cellStyle name="40% - Énfasis5" xfId="36" builtinId="47" customBuiltin="1"/>
    <cellStyle name="40% - Énfasis6" xfId="40" builtinId="51" customBuiltin="1"/>
    <cellStyle name="60% - Énfasis1" xfId="21" builtinId="32" customBuiltin="1"/>
    <cellStyle name="60% - Énfasis2" xfId="25" builtinId="36" customBuiltin="1"/>
    <cellStyle name="60% - Énfasis3" xfId="29" builtinId="40" customBuiltin="1"/>
    <cellStyle name="60% - Énfasis4" xfId="33" builtinId="44" customBuiltin="1"/>
    <cellStyle name="60% - Énfasis5" xfId="37" builtinId="48" customBuiltin="1"/>
    <cellStyle name="60% - Énfasis6" xfId="41" builtinId="52" customBuiltin="1"/>
    <cellStyle name="Buena" xfId="6" builtinId="26" customBuiltin="1"/>
    <cellStyle name="Cálculo" xfId="11" builtinId="22" customBuiltin="1"/>
    <cellStyle name="Celda de comprobación" xfId="13" builtinId="23" customBuiltin="1"/>
    <cellStyle name="Celda vinculada" xfId="12" builtinId="24" customBuiltin="1"/>
    <cellStyle name="Encabezado 4" xfId="5" builtinId="19" customBuiltin="1"/>
    <cellStyle name="Énfasis1" xfId="18" builtinId="29" customBuiltin="1"/>
    <cellStyle name="Énfasis2" xfId="22" builtinId="33" customBuiltin="1"/>
    <cellStyle name="Énfasis3" xfId="26" builtinId="37" customBuiltin="1"/>
    <cellStyle name="Énfasis4" xfId="30" builtinId="41" customBuiltin="1"/>
    <cellStyle name="Énfasis5" xfId="34" builtinId="45" customBuiltin="1"/>
    <cellStyle name="Énfasis6" xfId="38" builtinId="49" customBuiltin="1"/>
    <cellStyle name="Entrada" xfId="9" builtinId="20" customBuiltin="1"/>
    <cellStyle name="Incorrecto" xfId="7" builtinId="27" customBuiltin="1"/>
    <cellStyle name="Neutral" xfId="8" builtinId="28" customBuiltin="1"/>
    <cellStyle name="Normal" xfId="0" builtinId="0"/>
    <cellStyle name="Normal 2" xfId="42"/>
    <cellStyle name="Notas" xfId="15" builtinId="10" customBuiltin="1"/>
    <cellStyle name="Salida" xfId="10" builtinId="21" customBuiltin="1"/>
    <cellStyle name="Texto de advertencia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otal" xfId="17" builtinId="25" customBuiltin="1"/>
  </cellStyles>
  <dxfs count="8">
    <dxf>
      <fill>
        <patternFill>
          <bgColor rgb="FF92D050"/>
        </patternFill>
      </fill>
    </dxf>
    <dxf>
      <fill>
        <patternFill>
          <bgColor rgb="FFFFC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92D050"/>
        </patternFill>
      </fill>
    </dxf>
    <dxf>
      <fill>
        <patternFill>
          <bgColor rgb="FFFFC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connections" Target="connection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queryTables/queryTable1.xml><?xml version="1.0" encoding="utf-8"?>
<queryTable xmlns="http://schemas.openxmlformats.org/spreadsheetml/2006/main" name="BIE_c20150909171933" preserveFormatting="0" connectionId="1" autoFormatId="16" applyNumberFormats="0" applyBorderFormats="0" applyFontFormats="1" applyPatternFormats="1" applyAlignmentFormats="0" applyWidthHeightFormats="0"/>
</file>

<file path=xl/queryTables/queryTable2.xml><?xml version="1.0" encoding="utf-8"?>
<queryTable xmlns="http://schemas.openxmlformats.org/spreadsheetml/2006/main" name="BIE_c20150910131257" preserveFormatting="0" connectionId="4" autoFormatId="16" applyNumberFormats="0" applyBorderFormats="0" applyFontFormats="1" applyPatternFormats="1" applyAlignmentFormats="0" applyWidthHeightFormats="0"/>
</file>

<file path=xl/queryTables/queryTable3.xml><?xml version="1.0" encoding="utf-8"?>
<queryTable xmlns="http://schemas.openxmlformats.org/spreadsheetml/2006/main" name="BIE_c20150909171933" preserveFormatting="0" connectionId="2" autoFormatId="16" applyNumberFormats="0" applyBorderFormats="0" applyFontFormats="1" applyPatternFormats="1" applyAlignmentFormats="0" applyWidthHeightFormats="0"/>
</file>

<file path=xl/queryTables/queryTable4.xml><?xml version="1.0" encoding="utf-8"?>
<queryTable xmlns="http://schemas.openxmlformats.org/spreadsheetml/2006/main" name="BIE_c20150910131257" preserveFormatting="0" connectionId="5" autoFormatId="16" applyNumberFormats="0" applyBorderFormats="0" applyFontFormats="1" applyPatternFormats="1" applyAlignmentFormats="0" applyWidthHeightFormats="0"/>
</file>

<file path=xl/queryTables/queryTable5.xml><?xml version="1.0" encoding="utf-8"?>
<queryTable xmlns="http://schemas.openxmlformats.org/spreadsheetml/2006/main" name="BIE_c20150909171933" preserveFormatting="0" connectionId="3" autoFormatId="16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4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5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HA26"/>
  <sheetViews>
    <sheetView topLeftCell="GF1" zoomScale="85" zoomScaleNormal="85" workbookViewId="0">
      <selection activeCell="GI4" sqref="GI4"/>
    </sheetView>
  </sheetViews>
  <sheetFormatPr baseColWidth="10" defaultColWidth="9.140625" defaultRowHeight="15" x14ac:dyDescent="0.25"/>
  <cols>
    <col min="1" max="1" width="81.140625" customWidth="1"/>
    <col min="2" max="189" width="12.28515625" bestFit="1" customWidth="1"/>
    <col min="190" max="199" width="12.28515625" customWidth="1"/>
  </cols>
  <sheetData>
    <row r="1" spans="1:209" x14ac:dyDescent="0.25">
      <c r="A1" s="29"/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29"/>
      <c r="O1" s="29"/>
      <c r="P1" s="29"/>
      <c r="Q1" s="29"/>
    </row>
    <row r="2" spans="1:209" ht="15.75" thickBot="1" x14ac:dyDescent="0.3">
      <c r="A2" s="30" t="s">
        <v>0</v>
      </c>
      <c r="B2" s="30"/>
      <c r="C2" s="30"/>
      <c r="D2" s="30"/>
      <c r="E2" s="30"/>
      <c r="F2" s="30"/>
      <c r="G2" s="30"/>
      <c r="H2" s="30"/>
      <c r="I2" s="30"/>
      <c r="J2" s="30"/>
      <c r="K2" s="30"/>
      <c r="L2" s="30"/>
      <c r="M2" s="30"/>
      <c r="N2" s="30"/>
      <c r="O2" s="30"/>
      <c r="P2" s="30"/>
      <c r="Q2" s="30"/>
    </row>
    <row r="3" spans="1:209" x14ac:dyDescent="0.25">
      <c r="A3" s="3" t="s">
        <v>1</v>
      </c>
      <c r="B3" s="4" t="s">
        <v>2</v>
      </c>
      <c r="C3" s="4" t="s">
        <v>3</v>
      </c>
      <c r="D3" s="4" t="s">
        <v>4</v>
      </c>
      <c r="E3" s="4" t="s">
        <v>5</v>
      </c>
      <c r="F3" s="4" t="s">
        <v>6</v>
      </c>
      <c r="G3" s="4" t="s">
        <v>7</v>
      </c>
      <c r="H3" s="4" t="s">
        <v>8</v>
      </c>
      <c r="I3" s="4" t="s">
        <v>9</v>
      </c>
      <c r="J3" s="4" t="s">
        <v>10</v>
      </c>
      <c r="K3" s="4" t="s">
        <v>11</v>
      </c>
      <c r="L3" s="4" t="s">
        <v>12</v>
      </c>
      <c r="M3" s="4" t="s">
        <v>13</v>
      </c>
      <c r="N3" s="4" t="s">
        <v>14</v>
      </c>
      <c r="O3" s="4" t="s">
        <v>15</v>
      </c>
      <c r="P3" s="4" t="s">
        <v>16</v>
      </c>
      <c r="Q3" s="4" t="s">
        <v>17</v>
      </c>
      <c r="R3" s="4" t="s">
        <v>18</v>
      </c>
      <c r="S3" s="4" t="s">
        <v>19</v>
      </c>
      <c r="T3" s="4" t="s">
        <v>20</v>
      </c>
      <c r="U3" s="4" t="s">
        <v>21</v>
      </c>
      <c r="V3" s="4" t="s">
        <v>22</v>
      </c>
      <c r="W3" s="4" t="s">
        <v>23</v>
      </c>
      <c r="X3" s="4" t="s">
        <v>24</v>
      </c>
      <c r="Y3" s="4" t="s">
        <v>25</v>
      </c>
      <c r="Z3" s="4" t="s">
        <v>26</v>
      </c>
      <c r="AA3" s="4" t="s">
        <v>27</v>
      </c>
      <c r="AB3" s="4" t="s">
        <v>28</v>
      </c>
      <c r="AC3" s="4" t="s">
        <v>29</v>
      </c>
      <c r="AD3" s="4" t="s">
        <v>30</v>
      </c>
      <c r="AE3" s="4" t="s">
        <v>31</v>
      </c>
      <c r="AF3" s="4" t="s">
        <v>32</v>
      </c>
      <c r="AG3" s="4" t="s">
        <v>33</v>
      </c>
      <c r="AH3" s="4" t="s">
        <v>34</v>
      </c>
      <c r="AI3" s="4" t="s">
        <v>35</v>
      </c>
      <c r="AJ3" s="4" t="s">
        <v>36</v>
      </c>
      <c r="AK3" s="4" t="s">
        <v>37</v>
      </c>
      <c r="AL3" s="4" t="s">
        <v>38</v>
      </c>
      <c r="AM3" s="4" t="s">
        <v>39</v>
      </c>
      <c r="AN3" s="4" t="s">
        <v>40</v>
      </c>
      <c r="AO3" s="4" t="s">
        <v>41</v>
      </c>
      <c r="AP3" s="4" t="s">
        <v>42</v>
      </c>
      <c r="AQ3" s="4" t="s">
        <v>43</v>
      </c>
      <c r="AR3" s="4" t="s">
        <v>44</v>
      </c>
      <c r="AS3" s="4" t="s">
        <v>45</v>
      </c>
      <c r="AT3" s="4" t="s">
        <v>46</v>
      </c>
      <c r="AU3" s="4" t="s">
        <v>47</v>
      </c>
      <c r="AV3" s="4" t="s">
        <v>48</v>
      </c>
      <c r="AW3" s="4" t="s">
        <v>49</v>
      </c>
      <c r="AX3" s="4" t="s">
        <v>50</v>
      </c>
      <c r="AY3" s="4" t="s">
        <v>51</v>
      </c>
      <c r="AZ3" s="4" t="s">
        <v>52</v>
      </c>
      <c r="BA3" s="4" t="s">
        <v>53</v>
      </c>
      <c r="BB3" s="4" t="s">
        <v>54</v>
      </c>
      <c r="BC3" s="4" t="s">
        <v>55</v>
      </c>
      <c r="BD3" s="4" t="s">
        <v>56</v>
      </c>
      <c r="BE3" s="4" t="s">
        <v>57</v>
      </c>
      <c r="BF3" s="4" t="s">
        <v>58</v>
      </c>
      <c r="BG3" s="4" t="s">
        <v>59</v>
      </c>
      <c r="BH3" s="4" t="s">
        <v>60</v>
      </c>
      <c r="BI3" s="4" t="s">
        <v>61</v>
      </c>
      <c r="BJ3" s="4" t="s">
        <v>62</v>
      </c>
      <c r="BK3" s="4" t="s">
        <v>63</v>
      </c>
      <c r="BL3" s="4" t="s">
        <v>64</v>
      </c>
      <c r="BM3" s="4" t="s">
        <v>65</v>
      </c>
      <c r="BN3" s="4" t="s">
        <v>66</v>
      </c>
      <c r="BO3" s="4" t="s">
        <v>67</v>
      </c>
      <c r="BP3" s="4" t="s">
        <v>68</v>
      </c>
      <c r="BQ3" s="4" t="s">
        <v>69</v>
      </c>
      <c r="BR3" s="4" t="s">
        <v>70</v>
      </c>
      <c r="BS3" s="4" t="s">
        <v>71</v>
      </c>
      <c r="BT3" s="4" t="s">
        <v>72</v>
      </c>
      <c r="BU3" s="4" t="s">
        <v>73</v>
      </c>
      <c r="BV3" s="4" t="s">
        <v>74</v>
      </c>
      <c r="BW3" s="4" t="s">
        <v>75</v>
      </c>
      <c r="BX3" s="4" t="s">
        <v>76</v>
      </c>
      <c r="BY3" s="4" t="s">
        <v>77</v>
      </c>
      <c r="BZ3" s="4" t="s">
        <v>78</v>
      </c>
      <c r="CA3" s="4" t="s">
        <v>79</v>
      </c>
      <c r="CB3" s="4" t="s">
        <v>80</v>
      </c>
      <c r="CC3" s="4" t="s">
        <v>81</v>
      </c>
      <c r="CD3" s="4" t="s">
        <v>82</v>
      </c>
      <c r="CE3" s="4" t="s">
        <v>83</v>
      </c>
      <c r="CF3" s="4" t="s">
        <v>84</v>
      </c>
      <c r="CG3" s="4" t="s">
        <v>85</v>
      </c>
      <c r="CH3" s="4" t="s">
        <v>86</v>
      </c>
      <c r="CI3" s="4" t="s">
        <v>87</v>
      </c>
      <c r="CJ3" s="4" t="s">
        <v>88</v>
      </c>
      <c r="CK3" s="4" t="s">
        <v>89</v>
      </c>
      <c r="CL3" s="4" t="s">
        <v>90</v>
      </c>
      <c r="CM3" s="4" t="s">
        <v>91</v>
      </c>
      <c r="CN3" s="4" t="s">
        <v>92</v>
      </c>
      <c r="CO3" s="4" t="s">
        <v>93</v>
      </c>
      <c r="CP3" s="4" t="s">
        <v>94</v>
      </c>
      <c r="CQ3" s="4" t="s">
        <v>95</v>
      </c>
      <c r="CR3" s="4" t="s">
        <v>96</v>
      </c>
      <c r="CS3" s="4" t="s">
        <v>97</v>
      </c>
      <c r="CT3" s="4" t="s">
        <v>98</v>
      </c>
      <c r="CU3" s="4" t="s">
        <v>99</v>
      </c>
      <c r="CV3" s="4" t="s">
        <v>100</v>
      </c>
      <c r="CW3" s="4" t="s">
        <v>101</v>
      </c>
      <c r="CX3" s="4" t="s">
        <v>102</v>
      </c>
      <c r="CY3" s="4" t="s">
        <v>103</v>
      </c>
      <c r="CZ3" s="4" t="s">
        <v>104</v>
      </c>
      <c r="DA3" s="4" t="s">
        <v>105</v>
      </c>
      <c r="DB3" s="4" t="s">
        <v>106</v>
      </c>
      <c r="DC3" s="4" t="s">
        <v>107</v>
      </c>
      <c r="DD3" s="4" t="s">
        <v>108</v>
      </c>
      <c r="DE3" s="4" t="s">
        <v>109</v>
      </c>
      <c r="DF3" s="4" t="s">
        <v>110</v>
      </c>
      <c r="DG3" s="4" t="s">
        <v>111</v>
      </c>
      <c r="DH3" s="4" t="s">
        <v>112</v>
      </c>
      <c r="DI3" s="4" t="s">
        <v>113</v>
      </c>
      <c r="DJ3" s="4" t="s">
        <v>114</v>
      </c>
      <c r="DK3" s="4" t="s">
        <v>115</v>
      </c>
      <c r="DL3" s="4" t="s">
        <v>116</v>
      </c>
      <c r="DM3" s="4" t="s">
        <v>117</v>
      </c>
      <c r="DN3" s="4" t="s">
        <v>118</v>
      </c>
      <c r="DO3" s="4" t="s">
        <v>119</v>
      </c>
      <c r="DP3" s="4" t="s">
        <v>120</v>
      </c>
      <c r="DQ3" s="4" t="s">
        <v>121</v>
      </c>
      <c r="DR3" s="4" t="s">
        <v>122</v>
      </c>
      <c r="DS3" s="4" t="s">
        <v>123</v>
      </c>
      <c r="DT3" s="4" t="s">
        <v>124</v>
      </c>
      <c r="DU3" s="4" t="s">
        <v>125</v>
      </c>
      <c r="DV3" s="4" t="s">
        <v>126</v>
      </c>
      <c r="DW3" s="4" t="s">
        <v>127</v>
      </c>
      <c r="DX3" s="4" t="s">
        <v>128</v>
      </c>
      <c r="DY3" s="4" t="s">
        <v>129</v>
      </c>
      <c r="DZ3" s="4" t="s">
        <v>130</v>
      </c>
      <c r="EA3" s="4" t="s">
        <v>131</v>
      </c>
      <c r="EB3" s="4" t="s">
        <v>132</v>
      </c>
      <c r="EC3" s="4" t="s">
        <v>133</v>
      </c>
      <c r="ED3" s="4" t="s">
        <v>134</v>
      </c>
      <c r="EE3" s="4" t="s">
        <v>135</v>
      </c>
      <c r="EF3" s="4" t="s">
        <v>136</v>
      </c>
      <c r="EG3" s="4" t="s">
        <v>137</v>
      </c>
      <c r="EH3" s="4" t="s">
        <v>138</v>
      </c>
      <c r="EI3" s="4" t="s">
        <v>139</v>
      </c>
      <c r="EJ3" s="4" t="s">
        <v>140</v>
      </c>
      <c r="EK3" s="4" t="s">
        <v>141</v>
      </c>
      <c r="EL3" s="4" t="s">
        <v>142</v>
      </c>
      <c r="EM3" s="4" t="s">
        <v>143</v>
      </c>
      <c r="EN3" s="4" t="s">
        <v>144</v>
      </c>
      <c r="EO3" s="4" t="s">
        <v>145</v>
      </c>
      <c r="EP3" s="4" t="s">
        <v>146</v>
      </c>
      <c r="EQ3" s="4" t="s">
        <v>147</v>
      </c>
      <c r="ER3" s="4" t="s">
        <v>148</v>
      </c>
      <c r="ES3" s="4" t="s">
        <v>149</v>
      </c>
      <c r="ET3" s="4" t="s">
        <v>150</v>
      </c>
      <c r="EU3" s="4" t="s">
        <v>151</v>
      </c>
      <c r="EV3" s="4" t="s">
        <v>152</v>
      </c>
      <c r="EW3" s="4" t="s">
        <v>153</v>
      </c>
      <c r="EX3" s="4" t="s">
        <v>154</v>
      </c>
      <c r="EY3" s="4" t="s">
        <v>155</v>
      </c>
      <c r="EZ3" s="4" t="s">
        <v>156</v>
      </c>
      <c r="FA3" s="4" t="s">
        <v>157</v>
      </c>
      <c r="FB3" s="4" t="s">
        <v>158</v>
      </c>
      <c r="FC3" s="4" t="s">
        <v>159</v>
      </c>
      <c r="FD3" s="4" t="s">
        <v>160</v>
      </c>
      <c r="FE3" s="4" t="s">
        <v>161</v>
      </c>
      <c r="FF3" s="4" t="s">
        <v>162</v>
      </c>
      <c r="FG3" s="4" t="s">
        <v>163</v>
      </c>
      <c r="FH3" s="4" t="s">
        <v>164</v>
      </c>
      <c r="FI3" s="4" t="s">
        <v>165</v>
      </c>
      <c r="FJ3" s="4" t="s">
        <v>166</v>
      </c>
      <c r="FK3" s="4" t="s">
        <v>167</v>
      </c>
      <c r="FL3" s="4" t="s">
        <v>168</v>
      </c>
      <c r="FM3" s="4" t="s">
        <v>169</v>
      </c>
      <c r="FN3" s="4" t="s">
        <v>170</v>
      </c>
      <c r="FO3" s="4" t="s">
        <v>171</v>
      </c>
      <c r="FP3" s="4" t="s">
        <v>172</v>
      </c>
      <c r="FQ3" s="4" t="s">
        <v>173</v>
      </c>
      <c r="FR3" s="4" t="s">
        <v>174</v>
      </c>
      <c r="FS3" s="4" t="s">
        <v>175</v>
      </c>
      <c r="FT3" s="4" t="s">
        <v>176</v>
      </c>
      <c r="FU3" s="4" t="s">
        <v>177</v>
      </c>
      <c r="FV3" s="4" t="s">
        <v>178</v>
      </c>
      <c r="FW3" s="4" t="s">
        <v>179</v>
      </c>
      <c r="FX3" s="4" t="s">
        <v>180</v>
      </c>
      <c r="FY3" s="4" t="s">
        <v>181</v>
      </c>
      <c r="FZ3" s="4" t="s">
        <v>182</v>
      </c>
      <c r="GA3" s="4" t="s">
        <v>183</v>
      </c>
      <c r="GB3" s="4" t="s">
        <v>184</v>
      </c>
      <c r="GC3" s="4" t="s">
        <v>185</v>
      </c>
      <c r="GD3" s="4" t="s">
        <v>186</v>
      </c>
      <c r="GE3" s="4" t="s">
        <v>187</v>
      </c>
      <c r="GF3" s="4" t="s">
        <v>188</v>
      </c>
      <c r="GG3" s="4" t="s">
        <v>189</v>
      </c>
      <c r="GH3" s="4" t="s">
        <v>210</v>
      </c>
      <c r="GI3" s="4" t="s">
        <v>211</v>
      </c>
      <c r="GJ3" s="4" t="s">
        <v>212</v>
      </c>
      <c r="GK3" s="4" t="s">
        <v>213</v>
      </c>
      <c r="GL3" s="4" t="s">
        <v>214</v>
      </c>
      <c r="GM3" s="4" t="s">
        <v>215</v>
      </c>
      <c r="GN3" s="4" t="s">
        <v>216</v>
      </c>
      <c r="GO3" s="4" t="s">
        <v>217</v>
      </c>
      <c r="GP3" s="4" t="s">
        <v>218</v>
      </c>
      <c r="GQ3" s="5" t="s">
        <v>219</v>
      </c>
    </row>
    <row r="4" spans="1:209" ht="30" x14ac:dyDescent="0.25">
      <c r="A4" s="6" t="s">
        <v>190</v>
      </c>
      <c r="B4" s="27">
        <v>101.115402362514</v>
      </c>
      <c r="C4" s="27">
        <v>101.24753499385299</v>
      </c>
      <c r="D4" s="27">
        <v>101.374546958935</v>
      </c>
      <c r="E4" s="27">
        <v>101.505467983996</v>
      </c>
      <c r="F4" s="27">
        <v>101.640566797368</v>
      </c>
      <c r="G4" s="27">
        <v>101.760947658308</v>
      </c>
      <c r="H4" s="27">
        <v>101.842891813254</v>
      </c>
      <c r="I4" s="27">
        <v>101.87828068767899</v>
      </c>
      <c r="J4" s="27">
        <v>101.86604671500599</v>
      </c>
      <c r="K4" s="27">
        <v>101.80013816462299</v>
      </c>
      <c r="L4" s="27">
        <v>101.66937911941</v>
      </c>
      <c r="M4" s="27">
        <v>101.490654859152</v>
      </c>
      <c r="N4" s="27">
        <v>101.29183893263701</v>
      </c>
      <c r="O4" s="27">
        <v>101.094728376394</v>
      </c>
      <c r="P4" s="27">
        <v>100.918698405149</v>
      </c>
      <c r="Q4" s="27">
        <v>100.759513666559</v>
      </c>
      <c r="R4" s="27">
        <v>100.620677980978</v>
      </c>
      <c r="S4" s="27">
        <v>100.50448355611999</v>
      </c>
      <c r="T4" s="27">
        <v>100.393259198867</v>
      </c>
      <c r="U4" s="27">
        <v>100.27207893660599</v>
      </c>
      <c r="V4" s="27">
        <v>100.12945660571999</v>
      </c>
      <c r="W4" s="27">
        <v>99.971937412520006</v>
      </c>
      <c r="X4" s="27">
        <v>99.822884507758999</v>
      </c>
      <c r="Y4" s="27">
        <v>99.685885487668003</v>
      </c>
      <c r="Z4" s="27">
        <v>99.579929939975997</v>
      </c>
      <c r="AA4" s="27">
        <v>99.522136156906996</v>
      </c>
      <c r="AB4" s="27">
        <v>99.503893606464004</v>
      </c>
      <c r="AC4" s="27">
        <v>99.510826414933007</v>
      </c>
      <c r="AD4" s="27">
        <v>99.524287127229996</v>
      </c>
      <c r="AE4" s="27">
        <v>99.531412935747994</v>
      </c>
      <c r="AF4" s="27">
        <v>99.526227546008002</v>
      </c>
      <c r="AG4" s="27">
        <v>99.511065541459999</v>
      </c>
      <c r="AH4" s="27">
        <v>99.482948273919007</v>
      </c>
      <c r="AI4" s="27">
        <v>99.446285070851999</v>
      </c>
      <c r="AJ4" s="27">
        <v>99.396683013176997</v>
      </c>
      <c r="AK4" s="27">
        <v>99.338273746772998</v>
      </c>
      <c r="AL4" s="27">
        <v>99.262729645451998</v>
      </c>
      <c r="AM4" s="27">
        <v>99.170272094254997</v>
      </c>
      <c r="AN4" s="27">
        <v>99.056809785400006</v>
      </c>
      <c r="AO4" s="27">
        <v>98.931056140164998</v>
      </c>
      <c r="AP4" s="27">
        <v>98.800305930492996</v>
      </c>
      <c r="AQ4" s="27">
        <v>98.672533688987002</v>
      </c>
      <c r="AR4" s="27">
        <v>98.562138073072006</v>
      </c>
      <c r="AS4" s="27">
        <v>98.485176834729003</v>
      </c>
      <c r="AT4" s="27">
        <v>98.463004175866004</v>
      </c>
      <c r="AU4" s="27">
        <v>98.498958864295005</v>
      </c>
      <c r="AV4" s="27">
        <v>98.583342449412996</v>
      </c>
      <c r="AW4" s="27">
        <v>98.701490163371005</v>
      </c>
      <c r="AX4" s="27">
        <v>98.826060277159996</v>
      </c>
      <c r="AY4" s="27">
        <v>98.941088047674995</v>
      </c>
      <c r="AZ4" s="27">
        <v>99.037843145096005</v>
      </c>
      <c r="BA4" s="27">
        <v>99.107496275330007</v>
      </c>
      <c r="BB4" s="27">
        <v>99.150299632663007</v>
      </c>
      <c r="BC4" s="27">
        <v>99.173921458340999</v>
      </c>
      <c r="BD4" s="27">
        <v>99.198025995739002</v>
      </c>
      <c r="BE4" s="27">
        <v>99.233145073933002</v>
      </c>
      <c r="BF4" s="27">
        <v>99.293668014789006</v>
      </c>
      <c r="BG4" s="27">
        <v>99.368815031409</v>
      </c>
      <c r="BH4" s="27">
        <v>99.438991913178</v>
      </c>
      <c r="BI4" s="27">
        <v>99.494363558200007</v>
      </c>
      <c r="BJ4" s="27">
        <v>99.535070792900996</v>
      </c>
      <c r="BK4" s="27">
        <v>99.557964360015006</v>
      </c>
      <c r="BL4" s="27">
        <v>99.566462918745003</v>
      </c>
      <c r="BM4" s="27">
        <v>99.566149851486998</v>
      </c>
      <c r="BN4" s="27">
        <v>99.569612480703</v>
      </c>
      <c r="BO4" s="27">
        <v>99.586931403893999</v>
      </c>
      <c r="BP4" s="27">
        <v>99.644194991606</v>
      </c>
      <c r="BQ4" s="27">
        <v>99.757617629044006</v>
      </c>
      <c r="BR4" s="27">
        <v>99.903908571939994</v>
      </c>
      <c r="BS4" s="27">
        <v>100.061966239622</v>
      </c>
      <c r="BT4" s="27">
        <v>100.2218053456</v>
      </c>
      <c r="BU4" s="27">
        <v>100.363404292941</v>
      </c>
      <c r="BV4" s="27">
        <v>100.478825178195</v>
      </c>
      <c r="BW4" s="27">
        <v>100.57090047709799</v>
      </c>
      <c r="BX4" s="27">
        <v>100.650741692878</v>
      </c>
      <c r="BY4" s="27">
        <v>100.71550281765499</v>
      </c>
      <c r="BZ4" s="27">
        <v>100.75569253300201</v>
      </c>
      <c r="CA4" s="27">
        <v>100.762495051027</v>
      </c>
      <c r="CB4" s="27">
        <v>100.75141058537901</v>
      </c>
      <c r="CC4" s="27">
        <v>100.734931897172</v>
      </c>
      <c r="CD4" s="27">
        <v>100.711884475913</v>
      </c>
      <c r="CE4" s="27">
        <v>100.689749908495</v>
      </c>
      <c r="CF4" s="27">
        <v>100.679040167259</v>
      </c>
      <c r="CG4" s="27">
        <v>100.690501326424</v>
      </c>
      <c r="CH4" s="27">
        <v>100.728290348264</v>
      </c>
      <c r="CI4" s="27">
        <v>100.792852932912</v>
      </c>
      <c r="CJ4" s="27">
        <v>100.876483559623</v>
      </c>
      <c r="CK4" s="27">
        <v>100.97110461794399</v>
      </c>
      <c r="CL4" s="27">
        <v>101.064655378208</v>
      </c>
      <c r="CM4" s="27">
        <v>101.146449599137</v>
      </c>
      <c r="CN4" s="27">
        <v>101.210229615</v>
      </c>
      <c r="CO4" s="27">
        <v>101.254729318109</v>
      </c>
      <c r="CP4" s="27">
        <v>101.28864954092499</v>
      </c>
      <c r="CQ4" s="27">
        <v>101.320758562416</v>
      </c>
      <c r="CR4" s="27">
        <v>101.360556665161</v>
      </c>
      <c r="CS4" s="27">
        <v>101.414075882359</v>
      </c>
      <c r="CT4" s="27">
        <v>101.479013564534</v>
      </c>
      <c r="CU4" s="27">
        <v>101.544054686587</v>
      </c>
      <c r="CV4" s="27">
        <v>101.598223038348</v>
      </c>
      <c r="CW4" s="27">
        <v>101.629782059839</v>
      </c>
      <c r="CX4" s="27">
        <v>101.619407451675</v>
      </c>
      <c r="CY4" s="27">
        <v>101.54481100289701</v>
      </c>
      <c r="CZ4" s="27">
        <v>101.38390560824899</v>
      </c>
      <c r="DA4" s="27">
        <v>101.12708440308199</v>
      </c>
      <c r="DB4" s="27">
        <v>100.77243331892601</v>
      </c>
      <c r="DC4" s="27">
        <v>100.32811323140599</v>
      </c>
      <c r="DD4" s="27">
        <v>99.813542879945999</v>
      </c>
      <c r="DE4" s="27">
        <v>99.275479315919995</v>
      </c>
      <c r="DF4" s="27">
        <v>98.767351311791003</v>
      </c>
      <c r="DG4" s="27">
        <v>98.330219868358</v>
      </c>
      <c r="DH4" s="27">
        <v>97.979063017862998</v>
      </c>
      <c r="DI4" s="27">
        <v>97.724190272539005</v>
      </c>
      <c r="DJ4" s="27">
        <v>97.575410119020006</v>
      </c>
      <c r="DK4" s="27">
        <v>97.533911086052996</v>
      </c>
      <c r="DL4" s="27">
        <v>97.568091785076007</v>
      </c>
      <c r="DM4" s="27">
        <v>97.655735010932005</v>
      </c>
      <c r="DN4" s="27">
        <v>97.792804652683998</v>
      </c>
      <c r="DO4" s="27">
        <v>97.972618288475999</v>
      </c>
      <c r="DP4" s="27">
        <v>98.174168219126997</v>
      </c>
      <c r="DQ4" s="27">
        <v>98.368851145500997</v>
      </c>
      <c r="DR4" s="27">
        <v>98.548437947183999</v>
      </c>
      <c r="DS4" s="27">
        <v>98.719968325826997</v>
      </c>
      <c r="DT4" s="27">
        <v>98.875426805055994</v>
      </c>
      <c r="DU4" s="27">
        <v>99.005220124784003</v>
      </c>
      <c r="DV4" s="27">
        <v>99.108804262351001</v>
      </c>
      <c r="DW4" s="27">
        <v>99.189082058671005</v>
      </c>
      <c r="DX4" s="27">
        <v>99.258425863374001</v>
      </c>
      <c r="DY4" s="27">
        <v>99.314859644204006</v>
      </c>
      <c r="DZ4" s="27">
        <v>99.350397963149007</v>
      </c>
      <c r="EA4" s="27">
        <v>99.382953638209003</v>
      </c>
      <c r="EB4" s="27">
        <v>99.426036200701006</v>
      </c>
      <c r="EC4" s="27">
        <v>99.490732403487002</v>
      </c>
      <c r="ED4" s="27">
        <v>99.571757740525996</v>
      </c>
      <c r="EE4" s="27">
        <v>99.653921996253004</v>
      </c>
      <c r="EF4" s="27">
        <v>99.734611183518993</v>
      </c>
      <c r="EG4" s="27">
        <v>99.805748544010996</v>
      </c>
      <c r="EH4" s="27">
        <v>99.861097453011993</v>
      </c>
      <c r="EI4" s="27">
        <v>99.907701047762998</v>
      </c>
      <c r="EJ4" s="27">
        <v>99.956228923132997</v>
      </c>
      <c r="EK4" s="27">
        <v>100.01187939052799</v>
      </c>
      <c r="EL4" s="27">
        <v>100.07627026692499</v>
      </c>
      <c r="EM4" s="27">
        <v>100.14134539896899</v>
      </c>
      <c r="EN4" s="27">
        <v>100.206143795038</v>
      </c>
      <c r="EO4" s="27">
        <v>100.273793424993</v>
      </c>
      <c r="EP4" s="27">
        <v>100.334542441355</v>
      </c>
      <c r="EQ4" s="27">
        <v>100.384490812968</v>
      </c>
      <c r="ER4" s="27">
        <v>100.42791124899399</v>
      </c>
      <c r="ES4" s="27">
        <v>100.460996433934</v>
      </c>
      <c r="ET4" s="27">
        <v>100.477245083132</v>
      </c>
      <c r="EU4" s="27">
        <v>100.47991422666099</v>
      </c>
      <c r="EV4" s="27">
        <v>100.466798473407</v>
      </c>
      <c r="EW4" s="27">
        <v>100.441863825132</v>
      </c>
      <c r="EX4" s="27">
        <v>100.409058927872</v>
      </c>
      <c r="EY4" s="27">
        <v>100.359969045976</v>
      </c>
      <c r="EZ4" s="27">
        <v>100.30026041740599</v>
      </c>
      <c r="FA4" s="27">
        <v>100.22958812021</v>
      </c>
      <c r="FB4" s="27">
        <v>100.165323952618</v>
      </c>
      <c r="FC4" s="27">
        <v>100.110948308866</v>
      </c>
      <c r="FD4" s="27">
        <v>100.060415462961</v>
      </c>
      <c r="FE4" s="27">
        <v>100.01400269687301</v>
      </c>
      <c r="FF4" s="27">
        <v>99.982522025123998</v>
      </c>
      <c r="FG4" s="27">
        <v>99.955018932314999</v>
      </c>
      <c r="FH4" s="27">
        <v>99.929623462180999</v>
      </c>
      <c r="FI4" s="27">
        <v>99.899696308057003</v>
      </c>
      <c r="FJ4" s="27">
        <v>99.869474408022</v>
      </c>
      <c r="FK4" s="27">
        <v>99.845813424411006</v>
      </c>
      <c r="FL4" s="27">
        <v>99.825273445999997</v>
      </c>
      <c r="FM4" s="27">
        <v>99.799011515063</v>
      </c>
      <c r="FN4" s="27">
        <v>99.777399434011002</v>
      </c>
      <c r="FO4" s="27">
        <v>99.769940496133998</v>
      </c>
      <c r="FP4" s="27">
        <v>99.776100532960996</v>
      </c>
      <c r="FQ4" s="27">
        <v>99.797332385415004</v>
      </c>
      <c r="FR4" s="27">
        <v>99.826261344011996</v>
      </c>
      <c r="FS4" s="27">
        <v>99.852444687542004</v>
      </c>
      <c r="FT4" s="27">
        <v>99.876319165818003</v>
      </c>
      <c r="FU4" s="27">
        <v>99.906315831852993</v>
      </c>
      <c r="FV4" s="27">
        <v>99.942645245707993</v>
      </c>
      <c r="FW4" s="27">
        <v>99.984337636830006</v>
      </c>
      <c r="FX4" s="27">
        <v>100.023323786817</v>
      </c>
      <c r="FY4" s="27">
        <v>100.047528621982</v>
      </c>
      <c r="FZ4" s="27">
        <v>100.05206900001799</v>
      </c>
      <c r="GA4" s="27">
        <v>100.046221179106</v>
      </c>
      <c r="GB4" s="27">
        <v>100.040266880544</v>
      </c>
      <c r="GC4" s="27">
        <v>100.036535700675</v>
      </c>
      <c r="GD4" s="27">
        <v>100.03540380936199</v>
      </c>
      <c r="GE4" s="27">
        <v>100.044615953868</v>
      </c>
      <c r="GF4" s="27">
        <v>100.054759494121</v>
      </c>
      <c r="GG4" s="27">
        <v>100.058366424927</v>
      </c>
      <c r="GH4" s="27">
        <v>100.053052434623</v>
      </c>
      <c r="GI4" s="27">
        <v>100.04214893227299</v>
      </c>
      <c r="GJ4" s="27">
        <v>100.027731308536</v>
      </c>
      <c r="GK4" s="27">
        <v>100.00886039802501</v>
      </c>
      <c r="GL4" s="27">
        <v>99.991669574496996</v>
      </c>
      <c r="GM4" s="27">
        <v>99.959413131630996</v>
      </c>
      <c r="GN4" s="27">
        <v>99.907567700645004</v>
      </c>
      <c r="GO4" s="27">
        <v>99.833932734547005</v>
      </c>
      <c r="GP4" s="27"/>
      <c r="GQ4" s="7"/>
      <c r="GR4" s="27">
        <v>100.128863213964</v>
      </c>
      <c r="GS4" s="27">
        <v>100.152014143155</v>
      </c>
      <c r="GT4" s="27">
        <v>100.175165072346</v>
      </c>
      <c r="GU4" s="27">
        <v>100.19831600153699</v>
      </c>
      <c r="GV4" s="27">
        <v>100.221466930728</v>
      </c>
      <c r="GW4" s="27">
        <v>100.244617859919</v>
      </c>
      <c r="GX4" s="27">
        <v>100.26776878910999</v>
      </c>
      <c r="GY4" s="27">
        <v>100.290919718301</v>
      </c>
      <c r="GZ4" s="27">
        <v>100.314070647492</v>
      </c>
      <c r="HA4" s="27">
        <v>100.33722157668301</v>
      </c>
    </row>
    <row r="5" spans="1:209" ht="45" x14ac:dyDescent="0.25">
      <c r="A5" s="6" t="s">
        <v>191</v>
      </c>
      <c r="B5" s="27">
        <v>101.268201065073</v>
      </c>
      <c r="C5" s="27">
        <v>101.483421563218</v>
      </c>
      <c r="D5" s="27">
        <v>101.665831422338</v>
      </c>
      <c r="E5" s="27">
        <v>101.830670695989</v>
      </c>
      <c r="F5" s="27">
        <v>101.972735528473</v>
      </c>
      <c r="G5" s="27">
        <v>102.068781744398</v>
      </c>
      <c r="H5" s="27">
        <v>102.09771028612801</v>
      </c>
      <c r="I5" s="27">
        <v>102.055271477315</v>
      </c>
      <c r="J5" s="27">
        <v>101.930615139444</v>
      </c>
      <c r="K5" s="27">
        <v>101.721955274062</v>
      </c>
      <c r="L5" s="27">
        <v>101.451681155621</v>
      </c>
      <c r="M5" s="27">
        <v>101.159696954702</v>
      </c>
      <c r="N5" s="27">
        <v>100.886452252157</v>
      </c>
      <c r="O5" s="27">
        <v>100.661035028822</v>
      </c>
      <c r="P5" s="27">
        <v>100.497350408085</v>
      </c>
      <c r="Q5" s="27">
        <v>100.385304625356</v>
      </c>
      <c r="R5" s="27">
        <v>100.316953754667</v>
      </c>
      <c r="S5" s="27">
        <v>100.272360677424</v>
      </c>
      <c r="T5" s="27">
        <v>100.215422384687</v>
      </c>
      <c r="U5" s="27">
        <v>100.118333559289</v>
      </c>
      <c r="V5" s="27">
        <v>99.964808248701999</v>
      </c>
      <c r="W5" s="27">
        <v>99.764870926664003</v>
      </c>
      <c r="X5" s="27">
        <v>99.550785083014006</v>
      </c>
      <c r="Y5" s="27">
        <v>99.337797661416005</v>
      </c>
      <c r="Z5" s="27">
        <v>99.160205617795</v>
      </c>
      <c r="AA5" s="27">
        <v>99.066801243732002</v>
      </c>
      <c r="AB5" s="27">
        <v>99.061740862201006</v>
      </c>
      <c r="AC5" s="27">
        <v>99.110779546567997</v>
      </c>
      <c r="AD5" s="27">
        <v>99.169504623430996</v>
      </c>
      <c r="AE5" s="27">
        <v>99.214308428742996</v>
      </c>
      <c r="AF5" s="27">
        <v>99.239781075468002</v>
      </c>
      <c r="AG5" s="27">
        <v>99.235496104720994</v>
      </c>
      <c r="AH5" s="27">
        <v>99.191314582027999</v>
      </c>
      <c r="AI5" s="27">
        <v>99.117955047199999</v>
      </c>
      <c r="AJ5" s="27">
        <v>99.027516079573005</v>
      </c>
      <c r="AK5" s="27">
        <v>98.950177257682995</v>
      </c>
      <c r="AL5" s="27">
        <v>98.884230572071004</v>
      </c>
      <c r="AM5" s="27">
        <v>98.824161932744005</v>
      </c>
      <c r="AN5" s="27">
        <v>98.758298827014002</v>
      </c>
      <c r="AO5" s="27">
        <v>98.687251175903</v>
      </c>
      <c r="AP5" s="27">
        <v>98.6110395348</v>
      </c>
      <c r="AQ5" s="27">
        <v>98.533137303483997</v>
      </c>
      <c r="AR5" s="27">
        <v>98.455665495207001</v>
      </c>
      <c r="AS5" s="27">
        <v>98.406379050975005</v>
      </c>
      <c r="AT5" s="27">
        <v>98.425037344610004</v>
      </c>
      <c r="AU5" s="27">
        <v>98.526769598981005</v>
      </c>
      <c r="AV5" s="27">
        <v>98.702975893653999</v>
      </c>
      <c r="AW5" s="27">
        <v>98.932293453273999</v>
      </c>
      <c r="AX5" s="27">
        <v>99.170125927387005</v>
      </c>
      <c r="AY5" s="27">
        <v>99.372071261673</v>
      </c>
      <c r="AZ5" s="27">
        <v>99.508262270602998</v>
      </c>
      <c r="BA5" s="27">
        <v>99.567726195256</v>
      </c>
      <c r="BB5" s="27">
        <v>99.562338673086003</v>
      </c>
      <c r="BC5" s="27">
        <v>99.519050750142</v>
      </c>
      <c r="BD5" s="27">
        <v>99.472928981774004</v>
      </c>
      <c r="BE5" s="27">
        <v>99.451982108487996</v>
      </c>
      <c r="BF5" s="27">
        <v>99.471551873031999</v>
      </c>
      <c r="BG5" s="27">
        <v>99.526592281366007</v>
      </c>
      <c r="BH5" s="27">
        <v>99.594734659321006</v>
      </c>
      <c r="BI5" s="27">
        <v>99.650116205355005</v>
      </c>
      <c r="BJ5" s="27">
        <v>99.681905223382003</v>
      </c>
      <c r="BK5" s="27">
        <v>99.682280603890007</v>
      </c>
      <c r="BL5" s="27">
        <v>99.654773697657006</v>
      </c>
      <c r="BM5" s="27">
        <v>99.616760055224006</v>
      </c>
      <c r="BN5" s="27">
        <v>99.575365275322994</v>
      </c>
      <c r="BO5" s="27">
        <v>99.543678437408005</v>
      </c>
      <c r="BP5" s="27">
        <v>99.569207071172997</v>
      </c>
      <c r="BQ5" s="27">
        <v>99.667373311760002</v>
      </c>
      <c r="BR5" s="27">
        <v>99.816927290715</v>
      </c>
      <c r="BS5" s="27">
        <v>100.00592849928699</v>
      </c>
      <c r="BT5" s="27">
        <v>100.22470839053901</v>
      </c>
      <c r="BU5" s="27">
        <v>100.45388801990801</v>
      </c>
      <c r="BV5" s="27">
        <v>100.66639773318001</v>
      </c>
      <c r="BW5" s="27">
        <v>100.839174170001</v>
      </c>
      <c r="BX5" s="27">
        <v>100.984514595048</v>
      </c>
      <c r="BY5" s="27">
        <v>101.10234871098299</v>
      </c>
      <c r="BZ5" s="27">
        <v>101.178986020868</v>
      </c>
      <c r="CA5" s="27">
        <v>101.19794882746299</v>
      </c>
      <c r="CB5" s="27">
        <v>101.178162136013</v>
      </c>
      <c r="CC5" s="27">
        <v>101.14137350374899</v>
      </c>
      <c r="CD5" s="27">
        <v>101.098833387868</v>
      </c>
      <c r="CE5" s="27">
        <v>101.06510892671901</v>
      </c>
      <c r="CF5" s="27">
        <v>101.053853291569</v>
      </c>
      <c r="CG5" s="27">
        <v>101.076875629062</v>
      </c>
      <c r="CH5" s="27">
        <v>101.131558011105</v>
      </c>
      <c r="CI5" s="27">
        <v>101.216012369257</v>
      </c>
      <c r="CJ5" s="27">
        <v>101.323001583669</v>
      </c>
      <c r="CK5" s="27">
        <v>101.433610158066</v>
      </c>
      <c r="CL5" s="27">
        <v>101.529815289452</v>
      </c>
      <c r="CM5" s="27">
        <v>101.60427552090501</v>
      </c>
      <c r="CN5" s="27">
        <v>101.655379629758</v>
      </c>
      <c r="CO5" s="27">
        <v>101.688712051679</v>
      </c>
      <c r="CP5" s="27">
        <v>101.71147753155699</v>
      </c>
      <c r="CQ5" s="27">
        <v>101.726529867639</v>
      </c>
      <c r="CR5" s="27">
        <v>101.736756087713</v>
      </c>
      <c r="CS5" s="27">
        <v>101.75678822984</v>
      </c>
      <c r="CT5" s="27">
        <v>101.782626703053</v>
      </c>
      <c r="CU5" s="27">
        <v>101.80463804575901</v>
      </c>
      <c r="CV5" s="27">
        <v>101.819900843563</v>
      </c>
      <c r="CW5" s="27">
        <v>101.828826348959</v>
      </c>
      <c r="CX5" s="27">
        <v>101.798610085188</v>
      </c>
      <c r="CY5" s="27">
        <v>101.699572998992</v>
      </c>
      <c r="CZ5" s="27">
        <v>101.49762703436799</v>
      </c>
      <c r="DA5" s="27">
        <v>101.17676648640401</v>
      </c>
      <c r="DB5" s="27">
        <v>100.741797678937</v>
      </c>
      <c r="DC5" s="27">
        <v>100.203448890432</v>
      </c>
      <c r="DD5" s="27">
        <v>99.573868213598999</v>
      </c>
      <c r="DE5" s="27">
        <v>98.900501970548007</v>
      </c>
      <c r="DF5" s="27">
        <v>98.255665593258996</v>
      </c>
      <c r="DG5" s="27">
        <v>97.714215988120998</v>
      </c>
      <c r="DH5" s="27">
        <v>97.300524593359995</v>
      </c>
      <c r="DI5" s="27">
        <v>97.039115820540999</v>
      </c>
      <c r="DJ5" s="27">
        <v>96.936522141959003</v>
      </c>
      <c r="DK5" s="27">
        <v>96.989423621558998</v>
      </c>
      <c r="DL5" s="27">
        <v>97.139350253800004</v>
      </c>
      <c r="DM5" s="27">
        <v>97.330237435513993</v>
      </c>
      <c r="DN5" s="27">
        <v>97.551938435983004</v>
      </c>
      <c r="DO5" s="27">
        <v>97.789581569226996</v>
      </c>
      <c r="DP5" s="27">
        <v>98.024511634573997</v>
      </c>
      <c r="DQ5" s="27">
        <v>98.238810317214998</v>
      </c>
      <c r="DR5" s="27">
        <v>98.441804553183005</v>
      </c>
      <c r="DS5" s="27">
        <v>98.650719705775003</v>
      </c>
      <c r="DT5" s="27">
        <v>98.856458942711001</v>
      </c>
      <c r="DU5" s="27">
        <v>99.033872386612003</v>
      </c>
      <c r="DV5" s="27">
        <v>99.176470958199999</v>
      </c>
      <c r="DW5" s="27">
        <v>99.278848896780005</v>
      </c>
      <c r="DX5" s="27">
        <v>99.353102328663994</v>
      </c>
      <c r="DY5" s="27">
        <v>99.407317751392995</v>
      </c>
      <c r="DZ5" s="27">
        <v>99.443833133153007</v>
      </c>
      <c r="EA5" s="27">
        <v>99.471464850090996</v>
      </c>
      <c r="EB5" s="27">
        <v>99.504177346386996</v>
      </c>
      <c r="EC5" s="27">
        <v>99.549604180537997</v>
      </c>
      <c r="ED5" s="27">
        <v>99.607129446376007</v>
      </c>
      <c r="EE5" s="27">
        <v>99.673844354371994</v>
      </c>
      <c r="EF5" s="27">
        <v>99.753369953095998</v>
      </c>
      <c r="EG5" s="27">
        <v>99.839898792880007</v>
      </c>
      <c r="EH5" s="27">
        <v>99.936064364699007</v>
      </c>
      <c r="EI5" s="27">
        <v>100.03771398828</v>
      </c>
      <c r="EJ5" s="27">
        <v>100.14724002366</v>
      </c>
      <c r="EK5" s="27">
        <v>100.25454182614099</v>
      </c>
      <c r="EL5" s="27">
        <v>100.352287495371</v>
      </c>
      <c r="EM5" s="27">
        <v>100.43231643061701</v>
      </c>
      <c r="EN5" s="27">
        <v>100.501162924121</v>
      </c>
      <c r="EO5" s="27">
        <v>100.574737991397</v>
      </c>
      <c r="EP5" s="27">
        <v>100.65336168296299</v>
      </c>
      <c r="EQ5" s="27">
        <v>100.73231043691899</v>
      </c>
      <c r="ER5" s="27">
        <v>100.80356637497501</v>
      </c>
      <c r="ES5" s="27">
        <v>100.862073932192</v>
      </c>
      <c r="ET5" s="27">
        <v>100.901074815141</v>
      </c>
      <c r="EU5" s="27">
        <v>100.921663072453</v>
      </c>
      <c r="EV5" s="27">
        <v>100.915882583851</v>
      </c>
      <c r="EW5" s="27">
        <v>100.89541752305399</v>
      </c>
      <c r="EX5" s="27">
        <v>100.870556213326</v>
      </c>
      <c r="EY5" s="27">
        <v>100.839395488958</v>
      </c>
      <c r="EZ5" s="27">
        <v>100.797036232933</v>
      </c>
      <c r="FA5" s="27">
        <v>100.713550692563</v>
      </c>
      <c r="FB5" s="27">
        <v>100.602131286184</v>
      </c>
      <c r="FC5" s="27">
        <v>100.481928549356</v>
      </c>
      <c r="FD5" s="27">
        <v>100.364936824094</v>
      </c>
      <c r="FE5" s="27">
        <v>100.260504406134</v>
      </c>
      <c r="FF5" s="27">
        <v>100.187422723103</v>
      </c>
      <c r="FG5" s="27">
        <v>100.137867100995</v>
      </c>
      <c r="FH5" s="27">
        <v>100.10764337728</v>
      </c>
      <c r="FI5" s="27">
        <v>100.084055132975</v>
      </c>
      <c r="FJ5" s="27">
        <v>100.057579438038</v>
      </c>
      <c r="FK5" s="27">
        <v>100.031523776634</v>
      </c>
      <c r="FL5" s="27">
        <v>100.006971076898</v>
      </c>
      <c r="FM5" s="27">
        <v>99.980238157566006</v>
      </c>
      <c r="FN5" s="27">
        <v>99.957050642458</v>
      </c>
      <c r="FO5" s="27">
        <v>99.948982683202004</v>
      </c>
      <c r="FP5" s="27">
        <v>99.955405990649993</v>
      </c>
      <c r="FQ5" s="27">
        <v>99.977756044719001</v>
      </c>
      <c r="FR5" s="27">
        <v>100.00232103536599</v>
      </c>
      <c r="FS5" s="27">
        <v>100.018095432743</v>
      </c>
      <c r="FT5" s="27">
        <v>100.020188684041</v>
      </c>
      <c r="FU5" s="27">
        <v>100.01040937336199</v>
      </c>
      <c r="FV5" s="27">
        <v>99.998791684761002</v>
      </c>
      <c r="FW5" s="27">
        <v>99.989584283829998</v>
      </c>
      <c r="FX5" s="27">
        <v>99.976107878152007</v>
      </c>
      <c r="FY5" s="27">
        <v>99.953266550544996</v>
      </c>
      <c r="FZ5" s="27">
        <v>99.928190054297005</v>
      </c>
      <c r="GA5" s="27">
        <v>99.907896750611997</v>
      </c>
      <c r="GB5" s="27">
        <v>99.900222781826997</v>
      </c>
      <c r="GC5" s="27">
        <v>99.915435482836997</v>
      </c>
      <c r="GD5" s="27">
        <v>99.943886007779</v>
      </c>
      <c r="GE5" s="27">
        <v>99.985321776473</v>
      </c>
      <c r="GF5" s="27">
        <v>100.036061597491</v>
      </c>
      <c r="GG5" s="27">
        <v>100.088742678073</v>
      </c>
      <c r="GH5" s="27">
        <v>100.12535499955401</v>
      </c>
      <c r="GI5" s="27">
        <v>100.136801902042</v>
      </c>
      <c r="GJ5" s="27">
        <v>100.121186611561</v>
      </c>
      <c r="GK5" s="27">
        <v>100.079356104829</v>
      </c>
      <c r="GL5" s="27">
        <v>100.003395848146</v>
      </c>
      <c r="GM5" s="27">
        <v>99.874557425171005</v>
      </c>
      <c r="GN5" s="27">
        <v>99.691129807964003</v>
      </c>
      <c r="GO5" s="27">
        <v>99.471020183353005</v>
      </c>
      <c r="GP5" s="27"/>
      <c r="GQ5" s="7"/>
    </row>
    <row r="6" spans="1:209" ht="30" x14ac:dyDescent="0.25">
      <c r="A6" s="6" t="s">
        <v>192</v>
      </c>
      <c r="B6" s="27">
        <v>101.026962761375</v>
      </c>
      <c r="C6" s="27">
        <v>101.280963083393</v>
      </c>
      <c r="D6" s="27">
        <v>101.505503465079</v>
      </c>
      <c r="E6" s="27">
        <v>101.691166310561</v>
      </c>
      <c r="F6" s="27">
        <v>101.831641329371</v>
      </c>
      <c r="G6" s="27">
        <v>101.901817722922</v>
      </c>
      <c r="H6" s="27">
        <v>101.88676722432599</v>
      </c>
      <c r="I6" s="27">
        <v>101.78959847057099</v>
      </c>
      <c r="J6" s="27">
        <v>101.59945653121601</v>
      </c>
      <c r="K6" s="27">
        <v>101.324362208678</v>
      </c>
      <c r="L6" s="27">
        <v>101.000670698392</v>
      </c>
      <c r="M6" s="27">
        <v>100.671178830201</v>
      </c>
      <c r="N6" s="27">
        <v>100.373438330616</v>
      </c>
      <c r="O6" s="27">
        <v>100.11368960293299</v>
      </c>
      <c r="P6" s="27">
        <v>99.907536915803007</v>
      </c>
      <c r="Q6" s="27">
        <v>99.770095758321006</v>
      </c>
      <c r="R6" s="27">
        <v>99.733392943674005</v>
      </c>
      <c r="S6" s="27">
        <v>99.757372762870006</v>
      </c>
      <c r="T6" s="27">
        <v>99.785815623638001</v>
      </c>
      <c r="U6" s="27">
        <v>99.767950491974005</v>
      </c>
      <c r="V6" s="27">
        <v>99.697937761847996</v>
      </c>
      <c r="W6" s="27">
        <v>99.585015146897007</v>
      </c>
      <c r="X6" s="27">
        <v>99.461990170335994</v>
      </c>
      <c r="Y6" s="27">
        <v>99.309974373179003</v>
      </c>
      <c r="Z6" s="27">
        <v>99.146386036669</v>
      </c>
      <c r="AA6" s="27">
        <v>99.014531871296001</v>
      </c>
      <c r="AB6" s="27">
        <v>98.950451738929004</v>
      </c>
      <c r="AC6" s="27">
        <v>98.945668407808</v>
      </c>
      <c r="AD6" s="27">
        <v>98.972049997983007</v>
      </c>
      <c r="AE6" s="27">
        <v>99.009560757184005</v>
      </c>
      <c r="AF6" s="27">
        <v>99.048823404345001</v>
      </c>
      <c r="AG6" s="27">
        <v>99.074394558061002</v>
      </c>
      <c r="AH6" s="27">
        <v>99.077503648207994</v>
      </c>
      <c r="AI6" s="27">
        <v>99.058740978857003</v>
      </c>
      <c r="AJ6" s="27">
        <v>99.015794517377003</v>
      </c>
      <c r="AK6" s="27">
        <v>98.963418385938994</v>
      </c>
      <c r="AL6" s="27">
        <v>98.908022713096997</v>
      </c>
      <c r="AM6" s="27">
        <v>98.851341502124001</v>
      </c>
      <c r="AN6" s="27">
        <v>98.777060604132004</v>
      </c>
      <c r="AO6" s="27">
        <v>98.699719383181005</v>
      </c>
      <c r="AP6" s="27">
        <v>98.634628208318006</v>
      </c>
      <c r="AQ6" s="27">
        <v>98.588757175211001</v>
      </c>
      <c r="AR6" s="27">
        <v>98.562265744906995</v>
      </c>
      <c r="AS6" s="27">
        <v>98.567446632699998</v>
      </c>
      <c r="AT6" s="27">
        <v>98.624586090435002</v>
      </c>
      <c r="AU6" s="27">
        <v>98.746649136515998</v>
      </c>
      <c r="AV6" s="27">
        <v>98.929423532140007</v>
      </c>
      <c r="AW6" s="27">
        <v>99.155365699794004</v>
      </c>
      <c r="AX6" s="27">
        <v>99.383003932107002</v>
      </c>
      <c r="AY6" s="27">
        <v>99.577057023978995</v>
      </c>
      <c r="AZ6" s="27">
        <v>99.710403062186003</v>
      </c>
      <c r="BA6" s="27">
        <v>99.757653900980003</v>
      </c>
      <c r="BB6" s="27">
        <v>99.739901651159002</v>
      </c>
      <c r="BC6" s="27">
        <v>99.690549136285995</v>
      </c>
      <c r="BD6" s="27">
        <v>99.637506593905997</v>
      </c>
      <c r="BE6" s="27">
        <v>99.605665196239002</v>
      </c>
      <c r="BF6" s="27">
        <v>99.606959205455993</v>
      </c>
      <c r="BG6" s="27">
        <v>99.631173671802003</v>
      </c>
      <c r="BH6" s="27">
        <v>99.662882509693006</v>
      </c>
      <c r="BI6" s="27">
        <v>99.697493278965993</v>
      </c>
      <c r="BJ6" s="27">
        <v>99.736482792961993</v>
      </c>
      <c r="BK6" s="27">
        <v>99.761052194515003</v>
      </c>
      <c r="BL6" s="27">
        <v>99.768764895076998</v>
      </c>
      <c r="BM6" s="27">
        <v>99.759213361193005</v>
      </c>
      <c r="BN6" s="27">
        <v>99.729652919711995</v>
      </c>
      <c r="BO6" s="27">
        <v>99.679626086159999</v>
      </c>
      <c r="BP6" s="27">
        <v>99.674684018657004</v>
      </c>
      <c r="BQ6" s="27">
        <v>99.770723681378001</v>
      </c>
      <c r="BR6" s="27">
        <v>99.941105417765996</v>
      </c>
      <c r="BS6" s="27">
        <v>100.174370460559</v>
      </c>
      <c r="BT6" s="27">
        <v>100.45495725959</v>
      </c>
      <c r="BU6" s="27">
        <v>100.733204144048</v>
      </c>
      <c r="BV6" s="27">
        <v>100.97492654031601</v>
      </c>
      <c r="BW6" s="27">
        <v>101.179289859324</v>
      </c>
      <c r="BX6" s="27">
        <v>101.364635127375</v>
      </c>
      <c r="BY6" s="27">
        <v>101.515183088255</v>
      </c>
      <c r="BZ6" s="27">
        <v>101.62072256229401</v>
      </c>
      <c r="CA6" s="27">
        <v>101.665490310718</v>
      </c>
      <c r="CB6" s="27">
        <v>101.656773863448</v>
      </c>
      <c r="CC6" s="27">
        <v>101.608961967016</v>
      </c>
      <c r="CD6" s="27">
        <v>101.523740657459</v>
      </c>
      <c r="CE6" s="27">
        <v>101.423796270504</v>
      </c>
      <c r="CF6" s="27">
        <v>101.346641580659</v>
      </c>
      <c r="CG6" s="27">
        <v>101.317225885868</v>
      </c>
      <c r="CH6" s="27">
        <v>101.351907859181</v>
      </c>
      <c r="CI6" s="27">
        <v>101.437615414913</v>
      </c>
      <c r="CJ6" s="27">
        <v>101.53935796634801</v>
      </c>
      <c r="CK6" s="27">
        <v>101.614954228362</v>
      </c>
      <c r="CL6" s="27">
        <v>101.660882985041</v>
      </c>
      <c r="CM6" s="27">
        <v>101.683402531689</v>
      </c>
      <c r="CN6" s="27">
        <v>101.685903057361</v>
      </c>
      <c r="CO6" s="27">
        <v>101.67165723473801</v>
      </c>
      <c r="CP6" s="27">
        <v>101.66401269453399</v>
      </c>
      <c r="CQ6" s="27">
        <v>101.660189059481</v>
      </c>
      <c r="CR6" s="27">
        <v>101.675164756021</v>
      </c>
      <c r="CS6" s="27">
        <v>101.72262512769601</v>
      </c>
      <c r="CT6" s="27">
        <v>101.76452372608399</v>
      </c>
      <c r="CU6" s="27">
        <v>101.776980483497</v>
      </c>
      <c r="CV6" s="27">
        <v>101.742817369021</v>
      </c>
      <c r="CW6" s="27">
        <v>101.66902507598699</v>
      </c>
      <c r="CX6" s="27">
        <v>101.560486746328</v>
      </c>
      <c r="CY6" s="27">
        <v>101.39700322816699</v>
      </c>
      <c r="CZ6" s="27">
        <v>101.149253358661</v>
      </c>
      <c r="DA6" s="27">
        <v>100.804315909482</v>
      </c>
      <c r="DB6" s="27">
        <v>100.357537959098</v>
      </c>
      <c r="DC6" s="27">
        <v>99.826660913734997</v>
      </c>
      <c r="DD6" s="27">
        <v>99.223718318150006</v>
      </c>
      <c r="DE6" s="27">
        <v>98.593487686892004</v>
      </c>
      <c r="DF6" s="27">
        <v>97.995284187020999</v>
      </c>
      <c r="DG6" s="27">
        <v>97.500195576370999</v>
      </c>
      <c r="DH6" s="27">
        <v>97.121674314531006</v>
      </c>
      <c r="DI6" s="27">
        <v>96.868946465576997</v>
      </c>
      <c r="DJ6" s="27">
        <v>96.734342093636997</v>
      </c>
      <c r="DK6" s="27">
        <v>96.711952723137998</v>
      </c>
      <c r="DL6" s="27">
        <v>96.782296371887995</v>
      </c>
      <c r="DM6" s="27">
        <v>96.915297717198996</v>
      </c>
      <c r="DN6" s="27">
        <v>97.116258929332005</v>
      </c>
      <c r="DO6" s="27">
        <v>97.374492061845999</v>
      </c>
      <c r="DP6" s="27">
        <v>97.659158016752997</v>
      </c>
      <c r="DQ6" s="27">
        <v>97.932963908199994</v>
      </c>
      <c r="DR6" s="27">
        <v>98.193867274335005</v>
      </c>
      <c r="DS6" s="27">
        <v>98.438322969303002</v>
      </c>
      <c r="DT6" s="27">
        <v>98.664498760808996</v>
      </c>
      <c r="DU6" s="27">
        <v>98.861738023133995</v>
      </c>
      <c r="DV6" s="27">
        <v>99.022910592989007</v>
      </c>
      <c r="DW6" s="27">
        <v>99.158442586419994</v>
      </c>
      <c r="DX6" s="27">
        <v>99.276999370401001</v>
      </c>
      <c r="DY6" s="27">
        <v>99.374587679643</v>
      </c>
      <c r="DZ6" s="27">
        <v>99.436384266836995</v>
      </c>
      <c r="EA6" s="27">
        <v>99.480468061848995</v>
      </c>
      <c r="EB6" s="27">
        <v>99.532415993211998</v>
      </c>
      <c r="EC6" s="27">
        <v>99.604745534331002</v>
      </c>
      <c r="ED6" s="27">
        <v>99.690524849539003</v>
      </c>
      <c r="EE6" s="27">
        <v>99.784600686288996</v>
      </c>
      <c r="EF6" s="27">
        <v>99.882701891097994</v>
      </c>
      <c r="EG6" s="27">
        <v>99.975949391016997</v>
      </c>
      <c r="EH6" s="27">
        <v>100.06586835698501</v>
      </c>
      <c r="EI6" s="27">
        <v>100.14919161349501</v>
      </c>
      <c r="EJ6" s="27">
        <v>100.24028405605399</v>
      </c>
      <c r="EK6" s="27">
        <v>100.346629288494</v>
      </c>
      <c r="EL6" s="27">
        <v>100.470196857491</v>
      </c>
      <c r="EM6" s="27">
        <v>100.60053791455501</v>
      </c>
      <c r="EN6" s="27">
        <v>100.72552413749899</v>
      </c>
      <c r="EO6" s="27">
        <v>100.84028578841</v>
      </c>
      <c r="EP6" s="27">
        <v>100.939972385196</v>
      </c>
      <c r="EQ6" s="27">
        <v>101.026008933871</v>
      </c>
      <c r="ER6" s="27">
        <v>101.09832111356501</v>
      </c>
      <c r="ES6" s="27">
        <v>101.151366017451</v>
      </c>
      <c r="ET6" s="27">
        <v>101.17159791577799</v>
      </c>
      <c r="EU6" s="27">
        <v>101.149752806794</v>
      </c>
      <c r="EV6" s="27">
        <v>101.077919605129</v>
      </c>
      <c r="EW6" s="27">
        <v>100.968758630875</v>
      </c>
      <c r="EX6" s="27">
        <v>100.840735816753</v>
      </c>
      <c r="EY6" s="27">
        <v>100.68645282286199</v>
      </c>
      <c r="EZ6" s="27">
        <v>100.528654668809</v>
      </c>
      <c r="FA6" s="27">
        <v>100.35358052617499</v>
      </c>
      <c r="FB6" s="27">
        <v>100.183889907268</v>
      </c>
      <c r="FC6" s="27">
        <v>100.031124787908</v>
      </c>
      <c r="FD6" s="27">
        <v>99.887911204914005</v>
      </c>
      <c r="FE6" s="27">
        <v>99.751610234623996</v>
      </c>
      <c r="FF6" s="27">
        <v>99.647847179419998</v>
      </c>
      <c r="FG6" s="27">
        <v>99.5833296598</v>
      </c>
      <c r="FH6" s="27">
        <v>99.553229874810995</v>
      </c>
      <c r="FI6" s="27">
        <v>99.552392991312999</v>
      </c>
      <c r="FJ6" s="27">
        <v>99.579317290050994</v>
      </c>
      <c r="FK6" s="27">
        <v>99.641368735333003</v>
      </c>
      <c r="FL6" s="27">
        <v>99.733663761648998</v>
      </c>
      <c r="FM6" s="27">
        <v>99.844991261632998</v>
      </c>
      <c r="FN6" s="27">
        <v>99.967246662570005</v>
      </c>
      <c r="FO6" s="27">
        <v>100.08821219942899</v>
      </c>
      <c r="FP6" s="27">
        <v>100.204652185504</v>
      </c>
      <c r="FQ6" s="27">
        <v>100.308765160221</v>
      </c>
      <c r="FR6" s="27">
        <v>100.389190487638</v>
      </c>
      <c r="FS6" s="27">
        <v>100.43751049582799</v>
      </c>
      <c r="FT6" s="27">
        <v>100.46029073438601</v>
      </c>
      <c r="FU6" s="27">
        <v>100.466142786565</v>
      </c>
      <c r="FV6" s="27">
        <v>100.462592948885</v>
      </c>
      <c r="FW6" s="27">
        <v>100.45279103268901</v>
      </c>
      <c r="FX6" s="27">
        <v>100.430592414527</v>
      </c>
      <c r="FY6" s="27">
        <v>100.388645374022</v>
      </c>
      <c r="FZ6" s="27">
        <v>100.332135366291</v>
      </c>
      <c r="GA6" s="27">
        <v>100.274889655414</v>
      </c>
      <c r="GB6" s="27">
        <v>100.220698612121</v>
      </c>
      <c r="GC6" s="27">
        <v>100.170282256383</v>
      </c>
      <c r="GD6" s="27">
        <v>100.12531903256099</v>
      </c>
      <c r="GE6" s="27">
        <v>100.106096593206</v>
      </c>
      <c r="GF6" s="27">
        <v>100.10414888888199</v>
      </c>
      <c r="GG6" s="27">
        <v>100.09980556518001</v>
      </c>
      <c r="GH6" s="27">
        <v>100.075719141638</v>
      </c>
      <c r="GI6" s="27">
        <v>100.023432188039</v>
      </c>
      <c r="GJ6" s="27">
        <v>99.951424300892</v>
      </c>
      <c r="GK6" s="27">
        <v>99.870291538383</v>
      </c>
      <c r="GL6" s="27">
        <v>99.775116091393002</v>
      </c>
      <c r="GM6" s="27">
        <v>99.641273066210999</v>
      </c>
      <c r="GN6" s="27">
        <v>99.475370015156003</v>
      </c>
      <c r="GO6" s="27">
        <v>99.292099113430993</v>
      </c>
      <c r="GP6" s="27"/>
      <c r="GQ6" s="7"/>
    </row>
    <row r="7" spans="1:209" ht="45" x14ac:dyDescent="0.25">
      <c r="A7" s="6" t="s">
        <v>193</v>
      </c>
      <c r="B7" s="27">
        <v>100.460224450021</v>
      </c>
      <c r="C7" s="27">
        <v>100.596603856238</v>
      </c>
      <c r="D7" s="27">
        <v>100.764239177435</v>
      </c>
      <c r="E7" s="27">
        <v>100.96774311236101</v>
      </c>
      <c r="F7" s="27">
        <v>101.17627452864799</v>
      </c>
      <c r="G7" s="27">
        <v>101.360678338591</v>
      </c>
      <c r="H7" s="27">
        <v>101.49484461034901</v>
      </c>
      <c r="I7" s="27">
        <v>101.57400548237</v>
      </c>
      <c r="J7" s="27">
        <v>101.59921719491101</v>
      </c>
      <c r="K7" s="27">
        <v>101.57306642123601</v>
      </c>
      <c r="L7" s="27">
        <v>101.51508281341199</v>
      </c>
      <c r="M7" s="27">
        <v>101.45082005483199</v>
      </c>
      <c r="N7" s="27">
        <v>101.39162211271</v>
      </c>
      <c r="O7" s="27">
        <v>101.309322689357</v>
      </c>
      <c r="P7" s="27">
        <v>101.18770712466799</v>
      </c>
      <c r="Q7" s="27">
        <v>101.031877484921</v>
      </c>
      <c r="R7" s="27">
        <v>100.864054686919</v>
      </c>
      <c r="S7" s="27">
        <v>100.70600106443401</v>
      </c>
      <c r="T7" s="27">
        <v>100.569214922497</v>
      </c>
      <c r="U7" s="27">
        <v>100.461732203907</v>
      </c>
      <c r="V7" s="27">
        <v>100.37542486815001</v>
      </c>
      <c r="W7" s="27">
        <v>100.29905720756</v>
      </c>
      <c r="X7" s="27">
        <v>100.230625779961</v>
      </c>
      <c r="Y7" s="27">
        <v>100.164468684757</v>
      </c>
      <c r="Z7" s="27">
        <v>100.104823288509</v>
      </c>
      <c r="AA7" s="27">
        <v>100.054845267093</v>
      </c>
      <c r="AB7" s="27">
        <v>100.00580679153801</v>
      </c>
      <c r="AC7" s="27">
        <v>99.950828896569007</v>
      </c>
      <c r="AD7" s="27">
        <v>99.889729898742004</v>
      </c>
      <c r="AE7" s="27">
        <v>99.820219326323993</v>
      </c>
      <c r="AF7" s="27">
        <v>99.748536024944997</v>
      </c>
      <c r="AG7" s="27">
        <v>99.672750256192003</v>
      </c>
      <c r="AH7" s="27">
        <v>99.589362088711994</v>
      </c>
      <c r="AI7" s="27">
        <v>99.506253258209995</v>
      </c>
      <c r="AJ7" s="27">
        <v>99.427189431881999</v>
      </c>
      <c r="AK7" s="27">
        <v>99.348047613309006</v>
      </c>
      <c r="AL7" s="27">
        <v>99.266874129320001</v>
      </c>
      <c r="AM7" s="27">
        <v>99.191922906578995</v>
      </c>
      <c r="AN7" s="27">
        <v>99.129597479856997</v>
      </c>
      <c r="AO7" s="27">
        <v>99.091942142690002</v>
      </c>
      <c r="AP7" s="27">
        <v>99.078710016868996</v>
      </c>
      <c r="AQ7" s="27">
        <v>99.086180800432999</v>
      </c>
      <c r="AR7" s="27">
        <v>99.105500184910994</v>
      </c>
      <c r="AS7" s="27">
        <v>99.137631330340994</v>
      </c>
      <c r="AT7" s="27">
        <v>99.189406188419994</v>
      </c>
      <c r="AU7" s="27">
        <v>99.266294008119004</v>
      </c>
      <c r="AV7" s="27">
        <v>99.366004605642999</v>
      </c>
      <c r="AW7" s="27">
        <v>99.485241212917003</v>
      </c>
      <c r="AX7" s="27">
        <v>99.614993742297997</v>
      </c>
      <c r="AY7" s="27">
        <v>99.749954113266</v>
      </c>
      <c r="AZ7" s="27">
        <v>99.890115271585998</v>
      </c>
      <c r="BA7" s="27">
        <v>100.017762917356</v>
      </c>
      <c r="BB7" s="27">
        <v>100.120790542336</v>
      </c>
      <c r="BC7" s="27">
        <v>100.20699289276</v>
      </c>
      <c r="BD7" s="27">
        <v>100.29030844174299</v>
      </c>
      <c r="BE7" s="27">
        <v>100.367369639945</v>
      </c>
      <c r="BF7" s="27">
        <v>100.449981651337</v>
      </c>
      <c r="BG7" s="27">
        <v>100.52483457253901</v>
      </c>
      <c r="BH7" s="27">
        <v>100.571775665602</v>
      </c>
      <c r="BI7" s="27">
        <v>100.573409214561</v>
      </c>
      <c r="BJ7" s="27">
        <v>100.544853172289</v>
      </c>
      <c r="BK7" s="27">
        <v>100.49590059323501</v>
      </c>
      <c r="BL7" s="27">
        <v>100.42997032182799</v>
      </c>
      <c r="BM7" s="27">
        <v>100.346028541415</v>
      </c>
      <c r="BN7" s="27">
        <v>100.27312904401499</v>
      </c>
      <c r="BO7" s="27">
        <v>100.225980373425</v>
      </c>
      <c r="BP7" s="27">
        <v>100.226867665911</v>
      </c>
      <c r="BQ7" s="27">
        <v>100.262517069477</v>
      </c>
      <c r="BR7" s="27">
        <v>100.307006551586</v>
      </c>
      <c r="BS7" s="27">
        <v>100.327598979329</v>
      </c>
      <c r="BT7" s="27">
        <v>100.333230842421</v>
      </c>
      <c r="BU7" s="27">
        <v>100.33446191112201</v>
      </c>
      <c r="BV7" s="27">
        <v>100.331941369055</v>
      </c>
      <c r="BW7" s="27">
        <v>100.32026683663899</v>
      </c>
      <c r="BX7" s="27">
        <v>100.30014125243601</v>
      </c>
      <c r="BY7" s="27">
        <v>100.281817121904</v>
      </c>
      <c r="BZ7" s="27">
        <v>100.26042055991999</v>
      </c>
      <c r="CA7" s="27">
        <v>100.239585383838</v>
      </c>
      <c r="CB7" s="27">
        <v>100.225682895316</v>
      </c>
      <c r="CC7" s="27">
        <v>100.225075750202</v>
      </c>
      <c r="CD7" s="27">
        <v>100.234576687871</v>
      </c>
      <c r="CE7" s="27">
        <v>100.243994002462</v>
      </c>
      <c r="CF7" s="27">
        <v>100.256162255462</v>
      </c>
      <c r="CG7" s="27">
        <v>100.272406323239</v>
      </c>
      <c r="CH7" s="27">
        <v>100.2921323098</v>
      </c>
      <c r="CI7" s="27">
        <v>100.315868443184</v>
      </c>
      <c r="CJ7" s="27">
        <v>100.346172603928</v>
      </c>
      <c r="CK7" s="27">
        <v>100.393092962243</v>
      </c>
      <c r="CL7" s="27">
        <v>100.45937716320699</v>
      </c>
      <c r="CM7" s="27">
        <v>100.537831067518</v>
      </c>
      <c r="CN7" s="27">
        <v>100.612428086759</v>
      </c>
      <c r="CO7" s="27">
        <v>100.67159292833701</v>
      </c>
      <c r="CP7" s="27">
        <v>100.710123118751</v>
      </c>
      <c r="CQ7" s="27">
        <v>100.72892522240301</v>
      </c>
      <c r="CR7" s="27">
        <v>100.737550005597</v>
      </c>
      <c r="CS7" s="27">
        <v>100.74761154522901</v>
      </c>
      <c r="CT7" s="27">
        <v>100.774045451628</v>
      </c>
      <c r="CU7" s="27">
        <v>100.80081650524799</v>
      </c>
      <c r="CV7" s="27">
        <v>100.81386793777099</v>
      </c>
      <c r="CW7" s="27">
        <v>100.79760663007301</v>
      </c>
      <c r="CX7" s="27">
        <v>100.76405163907</v>
      </c>
      <c r="CY7" s="27">
        <v>100.702426860247</v>
      </c>
      <c r="CZ7" s="27">
        <v>100.60319511105899</v>
      </c>
      <c r="DA7" s="27">
        <v>100.48123597797699</v>
      </c>
      <c r="DB7" s="27">
        <v>100.350907747668</v>
      </c>
      <c r="DC7" s="27">
        <v>100.225506665772</v>
      </c>
      <c r="DD7" s="27">
        <v>100.111141608606</v>
      </c>
      <c r="DE7" s="27">
        <v>100.011880459925</v>
      </c>
      <c r="DF7" s="27">
        <v>99.925419142536995</v>
      </c>
      <c r="DG7" s="27">
        <v>99.841789399922007</v>
      </c>
      <c r="DH7" s="27">
        <v>99.753544645215001</v>
      </c>
      <c r="DI7" s="27">
        <v>99.654263768581004</v>
      </c>
      <c r="DJ7" s="27">
        <v>99.559009983256004</v>
      </c>
      <c r="DK7" s="27">
        <v>99.487330818401006</v>
      </c>
      <c r="DL7" s="27">
        <v>99.437557196691998</v>
      </c>
      <c r="DM7" s="27">
        <v>99.405052146274002</v>
      </c>
      <c r="DN7" s="27">
        <v>99.386071992067002</v>
      </c>
      <c r="DO7" s="27">
        <v>99.380081961201995</v>
      </c>
      <c r="DP7" s="27">
        <v>99.389472009176998</v>
      </c>
      <c r="DQ7" s="27">
        <v>99.409080680377997</v>
      </c>
      <c r="DR7" s="27">
        <v>99.424239455008006</v>
      </c>
      <c r="DS7" s="27">
        <v>99.442194460132001</v>
      </c>
      <c r="DT7" s="27">
        <v>99.459478889517996</v>
      </c>
      <c r="DU7" s="27">
        <v>99.479023714177004</v>
      </c>
      <c r="DV7" s="27">
        <v>99.500806899504994</v>
      </c>
      <c r="DW7" s="27">
        <v>99.517370032646994</v>
      </c>
      <c r="DX7" s="27">
        <v>99.524621261386997</v>
      </c>
      <c r="DY7" s="27">
        <v>99.514323572205001</v>
      </c>
      <c r="DZ7" s="27">
        <v>99.480116373458998</v>
      </c>
      <c r="EA7" s="27">
        <v>99.436092542650997</v>
      </c>
      <c r="EB7" s="27">
        <v>99.398692201290004</v>
      </c>
      <c r="EC7" s="27">
        <v>99.394961578386003</v>
      </c>
      <c r="ED7" s="27">
        <v>99.403187133811997</v>
      </c>
      <c r="EE7" s="27">
        <v>99.406882759368003</v>
      </c>
      <c r="EF7" s="27">
        <v>99.421464429460002</v>
      </c>
      <c r="EG7" s="27">
        <v>99.447251744667994</v>
      </c>
      <c r="EH7" s="27">
        <v>99.473099571237</v>
      </c>
      <c r="EI7" s="27">
        <v>99.499663685295999</v>
      </c>
      <c r="EJ7" s="27">
        <v>99.535388749039996</v>
      </c>
      <c r="EK7" s="27">
        <v>99.591294586084004</v>
      </c>
      <c r="EL7" s="27">
        <v>99.669254913676994</v>
      </c>
      <c r="EM7" s="27">
        <v>99.759266019680993</v>
      </c>
      <c r="EN7" s="27">
        <v>99.854300715384994</v>
      </c>
      <c r="EO7" s="27">
        <v>99.950495329115995</v>
      </c>
      <c r="EP7" s="27">
        <v>100.03681097921201</v>
      </c>
      <c r="EQ7" s="27">
        <v>100.10900910041801</v>
      </c>
      <c r="ER7" s="27">
        <v>100.164435790033</v>
      </c>
      <c r="ES7" s="27">
        <v>100.20246324847599</v>
      </c>
      <c r="ET7" s="27">
        <v>100.224434630141</v>
      </c>
      <c r="EU7" s="27">
        <v>100.235148609131</v>
      </c>
      <c r="EV7" s="27">
        <v>100.239715288676</v>
      </c>
      <c r="EW7" s="27">
        <v>100.24077175521199</v>
      </c>
      <c r="EX7" s="27">
        <v>100.22586405671299</v>
      </c>
      <c r="EY7" s="27">
        <v>100.172294917768</v>
      </c>
      <c r="EZ7" s="27">
        <v>100.08696855993399</v>
      </c>
      <c r="FA7" s="27">
        <v>99.992838605303007</v>
      </c>
      <c r="FB7" s="27">
        <v>99.931778283987001</v>
      </c>
      <c r="FC7" s="27">
        <v>99.893639252038</v>
      </c>
      <c r="FD7" s="27">
        <v>99.869721806561003</v>
      </c>
      <c r="FE7" s="27">
        <v>99.855891742419004</v>
      </c>
      <c r="FF7" s="27">
        <v>99.852106797111006</v>
      </c>
      <c r="FG7" s="27">
        <v>99.838741357654996</v>
      </c>
      <c r="FH7" s="27">
        <v>99.812312915922007</v>
      </c>
      <c r="FI7" s="27">
        <v>99.764893131042001</v>
      </c>
      <c r="FJ7" s="27">
        <v>99.731879494755006</v>
      </c>
      <c r="FK7" s="27">
        <v>99.722035708931003</v>
      </c>
      <c r="FL7" s="27">
        <v>99.732168427621005</v>
      </c>
      <c r="FM7" s="27">
        <v>99.730304260427999</v>
      </c>
      <c r="FN7" s="27">
        <v>99.711818682227999</v>
      </c>
      <c r="FO7" s="27">
        <v>99.693331947138006</v>
      </c>
      <c r="FP7" s="27">
        <v>99.686814831302996</v>
      </c>
      <c r="FQ7" s="27">
        <v>99.697374114854995</v>
      </c>
      <c r="FR7" s="27">
        <v>99.719087063670003</v>
      </c>
      <c r="FS7" s="27">
        <v>99.750624313423998</v>
      </c>
      <c r="FT7" s="27">
        <v>99.778316857928004</v>
      </c>
      <c r="FU7" s="27">
        <v>99.796704970679997</v>
      </c>
      <c r="FV7" s="27">
        <v>99.811253437106004</v>
      </c>
      <c r="FW7" s="27">
        <v>99.828999819242</v>
      </c>
      <c r="FX7" s="27">
        <v>99.855643332569997</v>
      </c>
      <c r="FY7" s="27">
        <v>99.893258870687006</v>
      </c>
      <c r="FZ7" s="27">
        <v>99.942623017886007</v>
      </c>
      <c r="GA7" s="27">
        <v>99.992293561769998</v>
      </c>
      <c r="GB7" s="27">
        <v>100.03531945614</v>
      </c>
      <c r="GC7" s="27">
        <v>100.075456815826</v>
      </c>
      <c r="GD7" s="27">
        <v>100.116826010818</v>
      </c>
      <c r="GE7" s="27">
        <v>100.15952874861701</v>
      </c>
      <c r="GF7" s="27">
        <v>100.192998400345</v>
      </c>
      <c r="GG7" s="27">
        <v>100.213280717901</v>
      </c>
      <c r="GH7" s="27">
        <v>100.22144639182299</v>
      </c>
      <c r="GI7" s="27">
        <v>100.236679508241</v>
      </c>
      <c r="GJ7" s="27">
        <v>100.27761182418401</v>
      </c>
      <c r="GK7" s="27">
        <v>100.357522565273</v>
      </c>
      <c r="GL7" s="27">
        <v>100.486512924594</v>
      </c>
      <c r="GM7" s="27">
        <v>100.638730865356</v>
      </c>
      <c r="GN7" s="27">
        <v>100.793127480858</v>
      </c>
      <c r="GO7" s="27">
        <v>100.924434840537</v>
      </c>
      <c r="GP7" s="27"/>
      <c r="GQ7" s="7"/>
    </row>
    <row r="8" spans="1:209" ht="45" x14ac:dyDescent="0.25">
      <c r="A8" s="6" t="s">
        <v>299</v>
      </c>
      <c r="B8" s="27">
        <v>101.347417439626</v>
      </c>
      <c r="C8" s="27">
        <v>101.468705223348</v>
      </c>
      <c r="D8" s="27">
        <v>101.59158373999399</v>
      </c>
      <c r="E8" s="27">
        <v>101.721105277541</v>
      </c>
      <c r="F8" s="27">
        <v>101.863798727137</v>
      </c>
      <c r="G8" s="27">
        <v>102.01507334514299</v>
      </c>
      <c r="H8" s="27">
        <v>102.163775749181</v>
      </c>
      <c r="I8" s="27">
        <v>102.29648402808699</v>
      </c>
      <c r="J8" s="27">
        <v>102.395928663048</v>
      </c>
      <c r="K8" s="27">
        <v>102.451632569957</v>
      </c>
      <c r="L8" s="27">
        <v>102.45429046978499</v>
      </c>
      <c r="M8" s="27">
        <v>102.40467874944601</v>
      </c>
      <c r="N8" s="27">
        <v>102.310811985548</v>
      </c>
      <c r="O8" s="27">
        <v>102.175526075316</v>
      </c>
      <c r="P8" s="27">
        <v>102.003279720225</v>
      </c>
      <c r="Q8" s="27">
        <v>101.80304388202499</v>
      </c>
      <c r="R8" s="27">
        <v>101.577185108626</v>
      </c>
      <c r="S8" s="27">
        <v>101.333770436203</v>
      </c>
      <c r="T8" s="27">
        <v>101.082877631185</v>
      </c>
      <c r="U8" s="27">
        <v>100.834418904364</v>
      </c>
      <c r="V8" s="27">
        <v>100.60109388339799</v>
      </c>
      <c r="W8" s="27">
        <v>100.39828309390001</v>
      </c>
      <c r="X8" s="27">
        <v>100.229638238316</v>
      </c>
      <c r="Y8" s="27">
        <v>100.09460626502801</v>
      </c>
      <c r="Z8" s="27">
        <v>99.988970499421995</v>
      </c>
      <c r="AA8" s="27">
        <v>99.912778402007007</v>
      </c>
      <c r="AB8" s="27">
        <v>99.863888041482994</v>
      </c>
      <c r="AC8" s="27">
        <v>99.838269785234999</v>
      </c>
      <c r="AD8" s="27">
        <v>99.824632738534007</v>
      </c>
      <c r="AE8" s="27">
        <v>99.809884035482995</v>
      </c>
      <c r="AF8" s="27">
        <v>99.788362834389005</v>
      </c>
      <c r="AG8" s="27">
        <v>99.752522115285004</v>
      </c>
      <c r="AH8" s="27">
        <v>99.704468567592997</v>
      </c>
      <c r="AI8" s="27">
        <v>99.642484612635997</v>
      </c>
      <c r="AJ8" s="27">
        <v>99.569542947868001</v>
      </c>
      <c r="AK8" s="27">
        <v>99.487628068058996</v>
      </c>
      <c r="AL8" s="27">
        <v>99.395329509888995</v>
      </c>
      <c r="AM8" s="27">
        <v>99.290346899588997</v>
      </c>
      <c r="AN8" s="27">
        <v>99.172816010250003</v>
      </c>
      <c r="AO8" s="27">
        <v>99.044596698730999</v>
      </c>
      <c r="AP8" s="27">
        <v>98.912743925350995</v>
      </c>
      <c r="AQ8" s="27">
        <v>98.789173148645006</v>
      </c>
      <c r="AR8" s="27">
        <v>98.683805639363996</v>
      </c>
      <c r="AS8" s="27">
        <v>98.606902260813996</v>
      </c>
      <c r="AT8" s="27">
        <v>98.565625159413003</v>
      </c>
      <c r="AU8" s="27">
        <v>98.554431335060997</v>
      </c>
      <c r="AV8" s="27">
        <v>98.565677803918007</v>
      </c>
      <c r="AW8" s="27">
        <v>98.592599798378998</v>
      </c>
      <c r="AX8" s="27">
        <v>98.629490083529006</v>
      </c>
      <c r="AY8" s="27">
        <v>98.675306688451997</v>
      </c>
      <c r="AZ8" s="27">
        <v>98.728273507761003</v>
      </c>
      <c r="BA8" s="27">
        <v>98.779301543445001</v>
      </c>
      <c r="BB8" s="27">
        <v>98.824971888291003</v>
      </c>
      <c r="BC8" s="27">
        <v>98.864387806058005</v>
      </c>
      <c r="BD8" s="27">
        <v>98.899097461419004</v>
      </c>
      <c r="BE8" s="27">
        <v>98.931811472308993</v>
      </c>
      <c r="BF8" s="27">
        <v>98.964419113003999</v>
      </c>
      <c r="BG8" s="27">
        <v>99.000208197804</v>
      </c>
      <c r="BH8" s="27">
        <v>99.042741589410994</v>
      </c>
      <c r="BI8" s="27">
        <v>99.085497681511001</v>
      </c>
      <c r="BJ8" s="27">
        <v>99.124826266034006</v>
      </c>
      <c r="BK8" s="27">
        <v>99.158855148293</v>
      </c>
      <c r="BL8" s="27">
        <v>99.188698475585994</v>
      </c>
      <c r="BM8" s="27">
        <v>99.219369714476997</v>
      </c>
      <c r="BN8" s="27">
        <v>99.256230593094003</v>
      </c>
      <c r="BO8" s="27">
        <v>99.298973287072002</v>
      </c>
      <c r="BP8" s="27">
        <v>99.348901684694994</v>
      </c>
      <c r="BQ8" s="27">
        <v>99.408901907300006</v>
      </c>
      <c r="BR8" s="27">
        <v>99.474860513690999</v>
      </c>
      <c r="BS8" s="27">
        <v>99.544609995662</v>
      </c>
      <c r="BT8" s="27">
        <v>99.618936303056003</v>
      </c>
      <c r="BU8" s="27">
        <v>99.70025101892</v>
      </c>
      <c r="BV8" s="27">
        <v>99.791571711968999</v>
      </c>
      <c r="BW8" s="27">
        <v>99.891657610495002</v>
      </c>
      <c r="BX8" s="27">
        <v>99.998266516303005</v>
      </c>
      <c r="BY8" s="27">
        <v>100.107216793669</v>
      </c>
      <c r="BZ8" s="27">
        <v>100.215511782864</v>
      </c>
      <c r="CA8" s="27">
        <v>100.319579655125</v>
      </c>
      <c r="CB8" s="27">
        <v>100.416882030831</v>
      </c>
      <c r="CC8" s="27">
        <v>100.507069310612</v>
      </c>
      <c r="CD8" s="27">
        <v>100.59225811102699</v>
      </c>
      <c r="CE8" s="27">
        <v>100.675902211657</v>
      </c>
      <c r="CF8" s="27">
        <v>100.761251844017</v>
      </c>
      <c r="CG8" s="27">
        <v>100.850237958327</v>
      </c>
      <c r="CH8" s="27">
        <v>100.945376850776</v>
      </c>
      <c r="CI8" s="27">
        <v>101.04109906768601</v>
      </c>
      <c r="CJ8" s="27">
        <v>101.132771023994</v>
      </c>
      <c r="CK8" s="27">
        <v>101.218161490055</v>
      </c>
      <c r="CL8" s="27">
        <v>101.296774073359</v>
      </c>
      <c r="CM8" s="27">
        <v>101.371333263849</v>
      </c>
      <c r="CN8" s="27">
        <v>101.447497719418</v>
      </c>
      <c r="CO8" s="27">
        <v>101.524273316193</v>
      </c>
      <c r="CP8" s="27">
        <v>101.60096935083899</v>
      </c>
      <c r="CQ8" s="27">
        <v>101.676527593407</v>
      </c>
      <c r="CR8" s="27">
        <v>101.74498101918699</v>
      </c>
      <c r="CS8" s="27">
        <v>101.799743274959</v>
      </c>
      <c r="CT8" s="27">
        <v>101.841840128173</v>
      </c>
      <c r="CU8" s="27">
        <v>101.869893895993</v>
      </c>
      <c r="CV8" s="27">
        <v>101.88289463865399</v>
      </c>
      <c r="CW8" s="27">
        <v>101.87758897757701</v>
      </c>
      <c r="CX8" s="27">
        <v>101.848197711878</v>
      </c>
      <c r="CY8" s="27">
        <v>101.785820542538</v>
      </c>
      <c r="CZ8" s="27">
        <v>101.680043318778</v>
      </c>
      <c r="DA8" s="27">
        <v>101.5235007988</v>
      </c>
      <c r="DB8" s="27">
        <v>101.312874479402</v>
      </c>
      <c r="DC8" s="27">
        <v>101.04492817915001</v>
      </c>
      <c r="DD8" s="27">
        <v>100.72251654847599</v>
      </c>
      <c r="DE8" s="27">
        <v>100.359956237467</v>
      </c>
      <c r="DF8" s="27">
        <v>99.972369729679997</v>
      </c>
      <c r="DG8" s="27">
        <v>99.587128868278995</v>
      </c>
      <c r="DH8" s="27">
        <v>99.228558853802994</v>
      </c>
      <c r="DI8" s="27">
        <v>98.911477638592004</v>
      </c>
      <c r="DJ8" s="27">
        <v>98.644638153768994</v>
      </c>
      <c r="DK8" s="27">
        <v>98.437083276180005</v>
      </c>
      <c r="DL8" s="27">
        <v>98.290194305366001</v>
      </c>
      <c r="DM8" s="27">
        <v>98.200825158864006</v>
      </c>
      <c r="DN8" s="27">
        <v>98.163870285979996</v>
      </c>
      <c r="DO8" s="27">
        <v>98.175105393116993</v>
      </c>
      <c r="DP8" s="27">
        <v>98.230461600143002</v>
      </c>
      <c r="DQ8" s="27">
        <v>98.320171484826005</v>
      </c>
      <c r="DR8" s="27">
        <v>98.431408421417004</v>
      </c>
      <c r="DS8" s="27">
        <v>98.554194410340003</v>
      </c>
      <c r="DT8" s="27">
        <v>98.677891004684</v>
      </c>
      <c r="DU8" s="27">
        <v>98.793669081494997</v>
      </c>
      <c r="DV8" s="27">
        <v>98.897316092265996</v>
      </c>
      <c r="DW8" s="27">
        <v>98.987565897216996</v>
      </c>
      <c r="DX8" s="27">
        <v>99.067110643389995</v>
      </c>
      <c r="DY8" s="27">
        <v>99.139458881107998</v>
      </c>
      <c r="DZ8" s="27">
        <v>99.206972785868004</v>
      </c>
      <c r="EA8" s="27">
        <v>99.271957676477996</v>
      </c>
      <c r="EB8" s="27">
        <v>99.333225512972007</v>
      </c>
      <c r="EC8" s="27">
        <v>99.389247538796994</v>
      </c>
      <c r="ED8" s="27">
        <v>99.439023632662995</v>
      </c>
      <c r="EE8" s="27">
        <v>99.482948542678997</v>
      </c>
      <c r="EF8" s="27">
        <v>99.520434297711006</v>
      </c>
      <c r="EG8" s="27">
        <v>99.549944356056002</v>
      </c>
      <c r="EH8" s="27">
        <v>99.570524578291995</v>
      </c>
      <c r="EI8" s="27">
        <v>99.586974229014999</v>
      </c>
      <c r="EJ8" s="27">
        <v>99.604414681064</v>
      </c>
      <c r="EK8" s="27">
        <v>99.627045628372002</v>
      </c>
      <c r="EL8" s="27">
        <v>99.657134283027005</v>
      </c>
      <c r="EM8" s="27">
        <v>99.695249674940996</v>
      </c>
      <c r="EN8" s="27">
        <v>99.742177237678007</v>
      </c>
      <c r="EO8" s="27">
        <v>99.798052883809007</v>
      </c>
      <c r="EP8" s="27">
        <v>99.860482058406006</v>
      </c>
      <c r="EQ8" s="27">
        <v>99.924328602567002</v>
      </c>
      <c r="ER8" s="27">
        <v>99.984807012730002</v>
      </c>
      <c r="ES8" s="27">
        <v>100.040505120387</v>
      </c>
      <c r="ET8" s="27">
        <v>100.09516788405701</v>
      </c>
      <c r="EU8" s="27">
        <v>100.150104341214</v>
      </c>
      <c r="EV8" s="27">
        <v>100.202969779876</v>
      </c>
      <c r="EW8" s="27">
        <v>100.251790355144</v>
      </c>
      <c r="EX8" s="27">
        <v>100.29506774667701</v>
      </c>
      <c r="EY8" s="27">
        <v>100.331313068451</v>
      </c>
      <c r="EZ8" s="27">
        <v>100.359769885285</v>
      </c>
      <c r="FA8" s="27">
        <v>100.379667023103</v>
      </c>
      <c r="FB8" s="27">
        <v>100.389059318067</v>
      </c>
      <c r="FC8" s="27">
        <v>100.38578148724</v>
      </c>
      <c r="FD8" s="27">
        <v>100.369919711725</v>
      </c>
      <c r="FE8" s="27">
        <v>100.343528483825</v>
      </c>
      <c r="FF8" s="27">
        <v>100.30870978588401</v>
      </c>
      <c r="FG8" s="27">
        <v>100.267718647545</v>
      </c>
      <c r="FH8" s="27">
        <v>100.223921281312</v>
      </c>
      <c r="FI8" s="27">
        <v>100.179531093062</v>
      </c>
      <c r="FJ8" s="27">
        <v>100.135439126744</v>
      </c>
      <c r="FK8" s="27">
        <v>100.09318553196699</v>
      </c>
      <c r="FL8" s="27">
        <v>100.053216587441</v>
      </c>
      <c r="FM8" s="27">
        <v>100.01636732048</v>
      </c>
      <c r="FN8" s="27">
        <v>99.986049591790007</v>
      </c>
      <c r="FO8" s="27">
        <v>99.967110517782999</v>
      </c>
      <c r="FP8" s="27">
        <v>99.961100200551002</v>
      </c>
      <c r="FQ8" s="27">
        <v>99.965738923608995</v>
      </c>
      <c r="FR8" s="27">
        <v>99.972922122282995</v>
      </c>
      <c r="FS8" s="27">
        <v>99.979499530194005</v>
      </c>
      <c r="FT8" s="27">
        <v>99.984872616196995</v>
      </c>
      <c r="FU8" s="27">
        <v>99.990831951824006</v>
      </c>
      <c r="FV8" s="27">
        <v>100.000820359223</v>
      </c>
      <c r="FW8" s="27">
        <v>100.016075547984</v>
      </c>
      <c r="FX8" s="27">
        <v>100.03594028317301</v>
      </c>
      <c r="FY8" s="27">
        <v>100.059442869691</v>
      </c>
      <c r="FZ8" s="27">
        <v>100.08401320301</v>
      </c>
      <c r="GA8" s="27">
        <v>100.107602240554</v>
      </c>
      <c r="GB8" s="27">
        <v>100.129057119122</v>
      </c>
      <c r="GC8" s="27">
        <v>100.147214308713</v>
      </c>
      <c r="GD8" s="27">
        <v>100.165556081041</v>
      </c>
      <c r="GE8" s="27">
        <v>100.187884783302</v>
      </c>
      <c r="GF8" s="27">
        <v>100.21155519238501</v>
      </c>
      <c r="GG8" s="27">
        <v>100.233269526418</v>
      </c>
      <c r="GH8" s="27">
        <v>100.249575540648</v>
      </c>
      <c r="GI8" s="27">
        <v>100.258711571524</v>
      </c>
      <c r="GJ8" s="27">
        <v>100.26115256738601</v>
      </c>
      <c r="GK8" s="27">
        <v>100.25795495212201</v>
      </c>
      <c r="GL8" s="27">
        <v>100.251405931945</v>
      </c>
      <c r="GM8" s="27">
        <v>100.241869785288</v>
      </c>
      <c r="GN8" s="27">
        <v>100.22886009857901</v>
      </c>
      <c r="GO8" s="27">
        <v>100.213676313237</v>
      </c>
      <c r="GP8" s="27">
        <v>100.197421480066</v>
      </c>
      <c r="GQ8" s="7"/>
    </row>
    <row r="9" spans="1:209" ht="30" x14ac:dyDescent="0.25">
      <c r="A9" s="6" t="s">
        <v>195</v>
      </c>
      <c r="B9" s="27">
        <v>98.156852403486994</v>
      </c>
      <c r="C9" s="27">
        <v>98.252560252386004</v>
      </c>
      <c r="D9" s="27">
        <v>98.338277184285005</v>
      </c>
      <c r="E9" s="27">
        <v>98.401447224782999</v>
      </c>
      <c r="F9" s="27">
        <v>98.399130498996996</v>
      </c>
      <c r="G9" s="27">
        <v>98.338825736542006</v>
      </c>
      <c r="H9" s="27">
        <v>98.271220857060001</v>
      </c>
      <c r="I9" s="27">
        <v>98.207866137294999</v>
      </c>
      <c r="J9" s="27">
        <v>98.105159586593999</v>
      </c>
      <c r="K9" s="27">
        <v>97.993896541349997</v>
      </c>
      <c r="L9" s="27">
        <v>98.001612384145005</v>
      </c>
      <c r="M9" s="27">
        <v>98.147582339497006</v>
      </c>
      <c r="N9" s="27">
        <v>98.379637290662004</v>
      </c>
      <c r="O9" s="27">
        <v>98.604538179982001</v>
      </c>
      <c r="P9" s="27">
        <v>98.739980711417999</v>
      </c>
      <c r="Q9" s="27">
        <v>98.822025957980003</v>
      </c>
      <c r="R9" s="27">
        <v>98.879501899768002</v>
      </c>
      <c r="S9" s="27">
        <v>98.892940317251004</v>
      </c>
      <c r="T9" s="27">
        <v>98.909265719377004</v>
      </c>
      <c r="U9" s="27">
        <v>98.966034865395997</v>
      </c>
      <c r="V9" s="27">
        <v>99.108109295549994</v>
      </c>
      <c r="W9" s="27">
        <v>99.314593417205998</v>
      </c>
      <c r="X9" s="27">
        <v>99.517558143914997</v>
      </c>
      <c r="Y9" s="27">
        <v>99.694642313458004</v>
      </c>
      <c r="Z9" s="27">
        <v>99.793116746999004</v>
      </c>
      <c r="AA9" s="27">
        <v>99.810423832853999</v>
      </c>
      <c r="AB9" s="27">
        <v>99.794562226474994</v>
      </c>
      <c r="AC9" s="27">
        <v>99.747716154065003</v>
      </c>
      <c r="AD9" s="27">
        <v>99.682641657822998</v>
      </c>
      <c r="AE9" s="27">
        <v>99.612430905891003</v>
      </c>
      <c r="AF9" s="27">
        <v>99.564304350659</v>
      </c>
      <c r="AG9" s="27">
        <v>99.492499858810007</v>
      </c>
      <c r="AH9" s="27">
        <v>99.398373533362999</v>
      </c>
      <c r="AI9" s="27">
        <v>99.278719164856</v>
      </c>
      <c r="AJ9" s="27">
        <v>99.186271860402002</v>
      </c>
      <c r="AK9" s="27">
        <v>99.145520931863004</v>
      </c>
      <c r="AL9" s="27">
        <v>99.206169469486994</v>
      </c>
      <c r="AM9" s="27">
        <v>99.366229785404002</v>
      </c>
      <c r="AN9" s="27">
        <v>99.626243973987997</v>
      </c>
      <c r="AO9" s="27">
        <v>99.959762866521999</v>
      </c>
      <c r="AP9" s="27">
        <v>100.347529764518</v>
      </c>
      <c r="AQ9" s="27">
        <v>100.778301002883</v>
      </c>
      <c r="AR9" s="27">
        <v>101.180798939881</v>
      </c>
      <c r="AS9" s="27">
        <v>101.51860839810701</v>
      </c>
      <c r="AT9" s="27">
        <v>101.756370679124</v>
      </c>
      <c r="AU9" s="27">
        <v>101.90130621118</v>
      </c>
      <c r="AV9" s="27">
        <v>101.976944927091</v>
      </c>
      <c r="AW9" s="27">
        <v>102.007058600327</v>
      </c>
      <c r="AX9" s="27">
        <v>102.041885094351</v>
      </c>
      <c r="AY9" s="27">
        <v>102.09011083968301</v>
      </c>
      <c r="AZ9" s="27">
        <v>102.124434667814</v>
      </c>
      <c r="BA9" s="27">
        <v>102.121318768546</v>
      </c>
      <c r="BB9" s="27">
        <v>102.090771764979</v>
      </c>
      <c r="BC9" s="27">
        <v>102.047490938192</v>
      </c>
      <c r="BD9" s="27">
        <v>101.96982658557199</v>
      </c>
      <c r="BE9" s="27">
        <v>101.859900742693</v>
      </c>
      <c r="BF9" s="27">
        <v>101.687464160883</v>
      </c>
      <c r="BG9" s="27">
        <v>101.501572312652</v>
      </c>
      <c r="BH9" s="27">
        <v>101.34288794245001</v>
      </c>
      <c r="BI9" s="27">
        <v>101.185261201088</v>
      </c>
      <c r="BJ9" s="27">
        <v>101.038586339266</v>
      </c>
      <c r="BK9" s="27">
        <v>100.90522456815</v>
      </c>
      <c r="BL9" s="27">
        <v>100.780142673336</v>
      </c>
      <c r="BM9" s="27">
        <v>100.665819116392</v>
      </c>
      <c r="BN9" s="27">
        <v>100.53554580756899</v>
      </c>
      <c r="BO9" s="27">
        <v>100.3707311819</v>
      </c>
      <c r="BP9" s="27">
        <v>100.16482630425099</v>
      </c>
      <c r="BQ9" s="27">
        <v>99.894021685530006</v>
      </c>
      <c r="BR9" s="27">
        <v>99.612814171891998</v>
      </c>
      <c r="BS9" s="27">
        <v>99.376223315253995</v>
      </c>
      <c r="BT9" s="27">
        <v>99.196442756248004</v>
      </c>
      <c r="BU9" s="27">
        <v>99.103018346539002</v>
      </c>
      <c r="BV9" s="27">
        <v>99.074982805773004</v>
      </c>
      <c r="BW9" s="27">
        <v>99.081419746223006</v>
      </c>
      <c r="BX9" s="27">
        <v>99.096419792570998</v>
      </c>
      <c r="BY9" s="27">
        <v>99.128873233150003</v>
      </c>
      <c r="BZ9" s="27">
        <v>99.196180853949997</v>
      </c>
      <c r="CA9" s="27">
        <v>99.311176143275006</v>
      </c>
      <c r="CB9" s="27">
        <v>99.421784870165993</v>
      </c>
      <c r="CC9" s="27">
        <v>99.503843067622995</v>
      </c>
      <c r="CD9" s="27">
        <v>99.572861163498004</v>
      </c>
      <c r="CE9" s="27">
        <v>99.616190911041997</v>
      </c>
      <c r="CF9" s="27">
        <v>99.639649899375001</v>
      </c>
      <c r="CG9" s="27">
        <v>99.643195189219995</v>
      </c>
      <c r="CH9" s="27">
        <v>99.629678238455995</v>
      </c>
      <c r="CI9" s="27">
        <v>99.584700770100994</v>
      </c>
      <c r="CJ9" s="27">
        <v>99.502790447859994</v>
      </c>
      <c r="CK9" s="27">
        <v>99.367788281117001</v>
      </c>
      <c r="CL9" s="27">
        <v>99.210190181182995</v>
      </c>
      <c r="CM9" s="27">
        <v>99.070296674361998</v>
      </c>
      <c r="CN9" s="27">
        <v>98.972326924339995</v>
      </c>
      <c r="CO9" s="27">
        <v>98.930041560670006</v>
      </c>
      <c r="CP9" s="27">
        <v>98.919949501616003</v>
      </c>
      <c r="CQ9" s="27">
        <v>98.895566526408004</v>
      </c>
      <c r="CR9" s="27">
        <v>98.837452303929993</v>
      </c>
      <c r="CS9" s="27">
        <v>98.755923022027005</v>
      </c>
      <c r="CT9" s="27">
        <v>98.638886169578001</v>
      </c>
      <c r="CU9" s="27">
        <v>98.48713777108</v>
      </c>
      <c r="CV9" s="27">
        <v>98.318139713228007</v>
      </c>
      <c r="CW9" s="27">
        <v>98.173984222762002</v>
      </c>
      <c r="CX9" s="27">
        <v>98.110419025748996</v>
      </c>
      <c r="CY9" s="27">
        <v>98.159361083994995</v>
      </c>
      <c r="CZ9" s="27">
        <v>98.318073361369002</v>
      </c>
      <c r="DA9" s="27">
        <v>98.557761285881</v>
      </c>
      <c r="DB9" s="27">
        <v>98.875943157771999</v>
      </c>
      <c r="DC9" s="27">
        <v>99.278761315845998</v>
      </c>
      <c r="DD9" s="27">
        <v>99.737614490615002</v>
      </c>
      <c r="DE9" s="27">
        <v>100.189082209158</v>
      </c>
      <c r="DF9" s="27">
        <v>100.60346969171999</v>
      </c>
      <c r="DG9" s="27">
        <v>100.985316764998</v>
      </c>
      <c r="DH9" s="27">
        <v>101.333631816417</v>
      </c>
      <c r="DI9" s="27">
        <v>101.640217746602</v>
      </c>
      <c r="DJ9" s="27">
        <v>101.864887344797</v>
      </c>
      <c r="DK9" s="27">
        <v>101.998849982027</v>
      </c>
      <c r="DL9" s="27">
        <v>102.08060297974301</v>
      </c>
      <c r="DM9" s="27">
        <v>102.094920421789</v>
      </c>
      <c r="DN9" s="27">
        <v>102.01462391377</v>
      </c>
      <c r="DO9" s="27">
        <v>101.82040986539</v>
      </c>
      <c r="DP9" s="27">
        <v>101.571185526413</v>
      </c>
      <c r="DQ9" s="27">
        <v>101.338791072177</v>
      </c>
      <c r="DR9" s="27">
        <v>101.15130615959799</v>
      </c>
      <c r="DS9" s="27">
        <v>100.991381913396</v>
      </c>
      <c r="DT9" s="27">
        <v>100.87402321505201</v>
      </c>
      <c r="DU9" s="27">
        <v>100.791116010865</v>
      </c>
      <c r="DV9" s="27">
        <v>100.719133066876</v>
      </c>
      <c r="DW9" s="27">
        <v>100.659741279521</v>
      </c>
      <c r="DX9" s="27">
        <v>100.597260639041</v>
      </c>
      <c r="DY9" s="27">
        <v>100.556345333865</v>
      </c>
      <c r="DZ9" s="27">
        <v>100.567229043948</v>
      </c>
      <c r="EA9" s="27">
        <v>100.576585137842</v>
      </c>
      <c r="EB9" s="27">
        <v>100.55415428798</v>
      </c>
      <c r="EC9" s="27">
        <v>100.47966819761599</v>
      </c>
      <c r="ED9" s="27">
        <v>100.343150175925</v>
      </c>
      <c r="EE9" s="27">
        <v>100.198076915076</v>
      </c>
      <c r="EF9" s="27">
        <v>100.075144170591</v>
      </c>
      <c r="EG9" s="27">
        <v>100.002465838308</v>
      </c>
      <c r="EH9" s="27">
        <v>99.999065452533003</v>
      </c>
      <c r="EI9" s="27">
        <v>100.005821630249</v>
      </c>
      <c r="EJ9" s="27">
        <v>99.985443095909005</v>
      </c>
      <c r="EK9" s="27">
        <v>99.931941928086999</v>
      </c>
      <c r="EL9" s="27">
        <v>99.857047423731004</v>
      </c>
      <c r="EM9" s="27">
        <v>99.782799966102004</v>
      </c>
      <c r="EN9" s="27">
        <v>99.722194824561001</v>
      </c>
      <c r="EO9" s="27">
        <v>99.674303844812997</v>
      </c>
      <c r="EP9" s="27">
        <v>99.667590684282999</v>
      </c>
      <c r="EQ9" s="27">
        <v>99.699888098233004</v>
      </c>
      <c r="ER9" s="27">
        <v>99.708003260357003</v>
      </c>
      <c r="ES9" s="27">
        <v>99.692680072089004</v>
      </c>
      <c r="ET9" s="27">
        <v>99.668610823303993</v>
      </c>
      <c r="EU9" s="27">
        <v>99.639716383838007</v>
      </c>
      <c r="EV9" s="27">
        <v>99.635732351561003</v>
      </c>
      <c r="EW9" s="27">
        <v>99.671939594698998</v>
      </c>
      <c r="EX9" s="27">
        <v>99.738164400247001</v>
      </c>
      <c r="EY9" s="27">
        <v>99.841520219421994</v>
      </c>
      <c r="EZ9" s="27">
        <v>99.952685817892998</v>
      </c>
      <c r="FA9" s="27">
        <v>100.04387157223501</v>
      </c>
      <c r="FB9" s="27">
        <v>100.096598198</v>
      </c>
      <c r="FC9" s="27">
        <v>100.09605254972</v>
      </c>
      <c r="FD9" s="27">
        <v>100.068420450293</v>
      </c>
      <c r="FE9" s="27">
        <v>100.01203665861701</v>
      </c>
      <c r="FF9" s="27">
        <v>99.911543390055996</v>
      </c>
      <c r="FG9" s="27">
        <v>99.818885932167007</v>
      </c>
      <c r="FH9" s="27">
        <v>99.748160856965995</v>
      </c>
      <c r="FI9" s="27">
        <v>99.719140649742002</v>
      </c>
      <c r="FJ9" s="27">
        <v>99.744225482526005</v>
      </c>
      <c r="FK9" s="27">
        <v>99.819782624973001</v>
      </c>
      <c r="FL9" s="27">
        <v>99.968414450886002</v>
      </c>
      <c r="FM9" s="27">
        <v>100.20307521481401</v>
      </c>
      <c r="FN9" s="27">
        <v>100.45696060218999</v>
      </c>
      <c r="FO9" s="27">
        <v>100.664593944876</v>
      </c>
      <c r="FP9" s="27">
        <v>100.827966610934</v>
      </c>
      <c r="FQ9" s="27">
        <v>100.923952592253</v>
      </c>
      <c r="FR9" s="27">
        <v>100.94220373241301</v>
      </c>
      <c r="FS9" s="27">
        <v>100.912253474482</v>
      </c>
      <c r="FT9" s="27">
        <v>100.82599168566701</v>
      </c>
      <c r="FU9" s="27">
        <v>100.652088672676</v>
      </c>
      <c r="FV9" s="27">
        <v>100.41830226026001</v>
      </c>
      <c r="FW9" s="27">
        <v>100.158088256178</v>
      </c>
      <c r="FX9" s="27">
        <v>99.899055025924</v>
      </c>
      <c r="FY9" s="27">
        <v>99.69297897013</v>
      </c>
      <c r="FZ9" s="27">
        <v>99.591612505824003</v>
      </c>
      <c r="GA9" s="27">
        <v>99.563579449786999</v>
      </c>
      <c r="GB9" s="27">
        <v>99.573490246823994</v>
      </c>
      <c r="GC9" s="27">
        <v>99.614761900971004</v>
      </c>
      <c r="GD9" s="27">
        <v>99.665612929575005</v>
      </c>
      <c r="GE9" s="27">
        <v>99.701778429570993</v>
      </c>
      <c r="GF9" s="27">
        <v>99.732558234026001</v>
      </c>
      <c r="GG9" s="27">
        <v>99.748516720930994</v>
      </c>
      <c r="GH9" s="27">
        <v>99.734514824322005</v>
      </c>
      <c r="GI9" s="27">
        <v>99.681694723060005</v>
      </c>
      <c r="GJ9" s="27">
        <v>99.605481026109999</v>
      </c>
      <c r="GK9" s="27">
        <v>99.549321648521996</v>
      </c>
      <c r="GL9" s="27">
        <v>99.485492717276998</v>
      </c>
      <c r="GM9" s="27">
        <v>99.438027611460001</v>
      </c>
      <c r="GN9" s="27">
        <v>99.415068097356993</v>
      </c>
      <c r="GO9" s="27">
        <v>99.432674375968006</v>
      </c>
      <c r="GP9" s="27">
        <v>99.496201388353995</v>
      </c>
      <c r="GQ9" s="7"/>
    </row>
    <row r="10" spans="1:209" ht="30" x14ac:dyDescent="0.25">
      <c r="A10" s="6" t="s">
        <v>196</v>
      </c>
      <c r="B10" s="27">
        <v>100.922219751635</v>
      </c>
      <c r="C10" s="27">
        <v>101.04311979912799</v>
      </c>
      <c r="D10" s="27">
        <v>101.154306754562</v>
      </c>
      <c r="E10" s="27">
        <v>101.27913312094699</v>
      </c>
      <c r="F10" s="27">
        <v>101.412014974377</v>
      </c>
      <c r="G10" s="27">
        <v>101.534999971815</v>
      </c>
      <c r="H10" s="27">
        <v>101.63706288833799</v>
      </c>
      <c r="I10" s="27">
        <v>101.702875037315</v>
      </c>
      <c r="J10" s="27">
        <v>101.720676377961</v>
      </c>
      <c r="K10" s="27">
        <v>101.688472260707</v>
      </c>
      <c r="L10" s="27">
        <v>101.60121748906199</v>
      </c>
      <c r="M10" s="27">
        <v>101.465264835978</v>
      </c>
      <c r="N10" s="27">
        <v>101.28973762235201</v>
      </c>
      <c r="O10" s="27">
        <v>101.09546444919999</v>
      </c>
      <c r="P10" s="27">
        <v>100.892668562983</v>
      </c>
      <c r="Q10" s="27">
        <v>100.674209258986</v>
      </c>
      <c r="R10" s="27">
        <v>100.44018741418</v>
      </c>
      <c r="S10" s="27">
        <v>100.21434518808201</v>
      </c>
      <c r="T10" s="27">
        <v>100.01377169293001</v>
      </c>
      <c r="U10" s="27">
        <v>99.851695365096006</v>
      </c>
      <c r="V10" s="27">
        <v>99.725154101010006</v>
      </c>
      <c r="W10" s="27">
        <v>99.627099689304998</v>
      </c>
      <c r="X10" s="27">
        <v>99.555863512726006</v>
      </c>
      <c r="Y10" s="27">
        <v>99.519360965822003</v>
      </c>
      <c r="Z10" s="27">
        <v>99.521212982349994</v>
      </c>
      <c r="AA10" s="27">
        <v>99.560994705111995</v>
      </c>
      <c r="AB10" s="27">
        <v>99.608368437343998</v>
      </c>
      <c r="AC10" s="27">
        <v>99.637323726033998</v>
      </c>
      <c r="AD10" s="27">
        <v>99.638495073710004</v>
      </c>
      <c r="AE10" s="27">
        <v>99.610788124785998</v>
      </c>
      <c r="AF10" s="27">
        <v>99.561616274735997</v>
      </c>
      <c r="AG10" s="27">
        <v>99.493852106998006</v>
      </c>
      <c r="AH10" s="27">
        <v>99.412200427852</v>
      </c>
      <c r="AI10" s="27">
        <v>99.321079293878</v>
      </c>
      <c r="AJ10" s="27">
        <v>99.231695028093</v>
      </c>
      <c r="AK10" s="27">
        <v>99.149258485999994</v>
      </c>
      <c r="AL10" s="27">
        <v>99.074735107372007</v>
      </c>
      <c r="AM10" s="27">
        <v>99.005223830434005</v>
      </c>
      <c r="AN10" s="27">
        <v>98.939426959295005</v>
      </c>
      <c r="AO10" s="27">
        <v>98.871437448608006</v>
      </c>
      <c r="AP10" s="27">
        <v>98.801380401255003</v>
      </c>
      <c r="AQ10" s="27">
        <v>98.744763409363998</v>
      </c>
      <c r="AR10" s="27">
        <v>98.708916511774007</v>
      </c>
      <c r="AS10" s="27">
        <v>98.697551299630007</v>
      </c>
      <c r="AT10" s="27">
        <v>98.722814441173</v>
      </c>
      <c r="AU10" s="27">
        <v>98.782909667637</v>
      </c>
      <c r="AV10" s="27">
        <v>98.868910032573993</v>
      </c>
      <c r="AW10" s="27">
        <v>98.970085418029001</v>
      </c>
      <c r="AX10" s="27">
        <v>99.081833821833996</v>
      </c>
      <c r="AY10" s="27">
        <v>99.208005930498999</v>
      </c>
      <c r="AZ10" s="27">
        <v>99.330381034016</v>
      </c>
      <c r="BA10" s="27">
        <v>99.438330434291998</v>
      </c>
      <c r="BB10" s="27">
        <v>99.525855875746998</v>
      </c>
      <c r="BC10" s="27">
        <v>99.584049302115005</v>
      </c>
      <c r="BD10" s="27">
        <v>99.624723666118996</v>
      </c>
      <c r="BE10" s="27">
        <v>99.657703700293993</v>
      </c>
      <c r="BF10" s="27">
        <v>99.693671693279995</v>
      </c>
      <c r="BG10" s="27">
        <v>99.745609131397998</v>
      </c>
      <c r="BH10" s="27">
        <v>99.797035924623003</v>
      </c>
      <c r="BI10" s="27">
        <v>99.820194781812006</v>
      </c>
      <c r="BJ10" s="27">
        <v>99.823668655665003</v>
      </c>
      <c r="BK10" s="27">
        <v>99.810592738292996</v>
      </c>
      <c r="BL10" s="27">
        <v>99.789764584940997</v>
      </c>
      <c r="BM10" s="27">
        <v>99.774494811379</v>
      </c>
      <c r="BN10" s="27">
        <v>99.770924137419996</v>
      </c>
      <c r="BO10" s="27">
        <v>99.790806015791006</v>
      </c>
      <c r="BP10" s="27">
        <v>99.839435106310006</v>
      </c>
      <c r="BQ10" s="27">
        <v>99.924360533536003</v>
      </c>
      <c r="BR10" s="27">
        <v>100.04543652729301</v>
      </c>
      <c r="BS10" s="27">
        <v>100.195879350437</v>
      </c>
      <c r="BT10" s="27">
        <v>100.34655546580601</v>
      </c>
      <c r="BU10" s="27">
        <v>100.469119895296</v>
      </c>
      <c r="BV10" s="27">
        <v>100.555011412765</v>
      </c>
      <c r="BW10" s="27">
        <v>100.61997678159599</v>
      </c>
      <c r="BX10" s="27">
        <v>100.672252696521</v>
      </c>
      <c r="BY10" s="27">
        <v>100.714309056239</v>
      </c>
      <c r="BZ10" s="27">
        <v>100.741295629047</v>
      </c>
      <c r="CA10" s="27">
        <v>100.74804663556201</v>
      </c>
      <c r="CB10" s="27">
        <v>100.740667406664</v>
      </c>
      <c r="CC10" s="27">
        <v>100.723951640618</v>
      </c>
      <c r="CD10" s="27">
        <v>100.694858768854</v>
      </c>
      <c r="CE10" s="27">
        <v>100.65280912896</v>
      </c>
      <c r="CF10" s="27">
        <v>100.60620222784</v>
      </c>
      <c r="CG10" s="27">
        <v>100.576145986323</v>
      </c>
      <c r="CH10" s="27">
        <v>100.573489557176</v>
      </c>
      <c r="CI10" s="27">
        <v>100.606372905163</v>
      </c>
      <c r="CJ10" s="27">
        <v>100.66976837319601</v>
      </c>
      <c r="CK10" s="27">
        <v>100.754820197748</v>
      </c>
      <c r="CL10" s="27">
        <v>100.842669092731</v>
      </c>
      <c r="CM10" s="27">
        <v>100.918343824773</v>
      </c>
      <c r="CN10" s="27">
        <v>100.979034775332</v>
      </c>
      <c r="CO10" s="27">
        <v>101.035008376585</v>
      </c>
      <c r="CP10" s="27">
        <v>101.087638253107</v>
      </c>
      <c r="CQ10" s="27">
        <v>101.140426229746</v>
      </c>
      <c r="CR10" s="27">
        <v>101.206557041398</v>
      </c>
      <c r="CS10" s="27">
        <v>101.29733524860499</v>
      </c>
      <c r="CT10" s="27">
        <v>101.413646647413</v>
      </c>
      <c r="CU10" s="27">
        <v>101.542810174952</v>
      </c>
      <c r="CV10" s="27">
        <v>101.674978838824</v>
      </c>
      <c r="CW10" s="27">
        <v>101.79688658182</v>
      </c>
      <c r="CX10" s="27">
        <v>101.875971435803</v>
      </c>
      <c r="CY10" s="27">
        <v>101.88684363365699</v>
      </c>
      <c r="CZ10" s="27">
        <v>101.784410018994</v>
      </c>
      <c r="DA10" s="27">
        <v>101.50660769653101</v>
      </c>
      <c r="DB10" s="27">
        <v>101.028867174296</v>
      </c>
      <c r="DC10" s="27">
        <v>100.365251589518</v>
      </c>
      <c r="DD10" s="27">
        <v>99.564543220820994</v>
      </c>
      <c r="DE10" s="27">
        <v>98.718847733711996</v>
      </c>
      <c r="DF10" s="27">
        <v>97.958130342735998</v>
      </c>
      <c r="DG10" s="27">
        <v>97.357296020155005</v>
      </c>
      <c r="DH10" s="27">
        <v>96.945903478391998</v>
      </c>
      <c r="DI10" s="27">
        <v>96.732288582257993</v>
      </c>
      <c r="DJ10" s="27">
        <v>96.709413955848007</v>
      </c>
      <c r="DK10" s="27">
        <v>96.855891912974002</v>
      </c>
      <c r="DL10" s="27">
        <v>97.108588916184999</v>
      </c>
      <c r="DM10" s="27">
        <v>97.419744846876</v>
      </c>
      <c r="DN10" s="27">
        <v>97.752902125527996</v>
      </c>
      <c r="DO10" s="27">
        <v>98.081040462708003</v>
      </c>
      <c r="DP10" s="27">
        <v>98.394667485431995</v>
      </c>
      <c r="DQ10" s="27">
        <v>98.672957523191002</v>
      </c>
      <c r="DR10" s="27">
        <v>98.917361917280999</v>
      </c>
      <c r="DS10" s="27">
        <v>99.139652431461997</v>
      </c>
      <c r="DT10" s="27">
        <v>99.334245309555996</v>
      </c>
      <c r="DU10" s="27">
        <v>99.480127676257993</v>
      </c>
      <c r="DV10" s="27">
        <v>99.568529623424993</v>
      </c>
      <c r="DW10" s="27">
        <v>99.621344803794997</v>
      </c>
      <c r="DX10" s="27">
        <v>99.673953079905999</v>
      </c>
      <c r="DY10" s="27">
        <v>99.740396575608003</v>
      </c>
      <c r="DZ10" s="27">
        <v>99.821940684843995</v>
      </c>
      <c r="EA10" s="27">
        <v>99.923922494885005</v>
      </c>
      <c r="EB10" s="27">
        <v>100.038183561286</v>
      </c>
      <c r="EC10" s="27">
        <v>100.161891308748</v>
      </c>
      <c r="ED10" s="27">
        <v>100.285251790367</v>
      </c>
      <c r="EE10" s="27">
        <v>100.39943454658</v>
      </c>
      <c r="EF10" s="27">
        <v>100.506078990221</v>
      </c>
      <c r="EG10" s="27">
        <v>100.603230717377</v>
      </c>
      <c r="EH10" s="27">
        <v>100.682355889717</v>
      </c>
      <c r="EI10" s="27">
        <v>100.726386478146</v>
      </c>
      <c r="EJ10" s="27">
        <v>100.728437738191</v>
      </c>
      <c r="EK10" s="27">
        <v>100.69950732344201</v>
      </c>
      <c r="EL10" s="27">
        <v>100.661754340098</v>
      </c>
      <c r="EM10" s="27">
        <v>100.619408819887</v>
      </c>
      <c r="EN10" s="27">
        <v>100.591831989159</v>
      </c>
      <c r="EO10" s="27">
        <v>100.58858613619699</v>
      </c>
      <c r="EP10" s="27">
        <v>100.600592653004</v>
      </c>
      <c r="EQ10" s="27">
        <v>100.616159150337</v>
      </c>
      <c r="ER10" s="27">
        <v>100.61194406224701</v>
      </c>
      <c r="ES10" s="27">
        <v>100.57965902986</v>
      </c>
      <c r="ET10" s="27">
        <v>100.512207862566</v>
      </c>
      <c r="EU10" s="27">
        <v>100.43411222526299</v>
      </c>
      <c r="EV10" s="27">
        <v>100.37565675659</v>
      </c>
      <c r="EW10" s="27">
        <v>100.349688509307</v>
      </c>
      <c r="EX10" s="27">
        <v>100.353706920333</v>
      </c>
      <c r="EY10" s="27">
        <v>100.380417625337</v>
      </c>
      <c r="EZ10" s="27">
        <v>100.408757124353</v>
      </c>
      <c r="FA10" s="27">
        <v>100.430478680181</v>
      </c>
      <c r="FB10" s="27">
        <v>100.450200824646</v>
      </c>
      <c r="FC10" s="27">
        <v>100.45454143847</v>
      </c>
      <c r="FD10" s="27">
        <v>100.43926807208101</v>
      </c>
      <c r="FE10" s="27">
        <v>100.399664074808</v>
      </c>
      <c r="FF10" s="27">
        <v>100.335435666303</v>
      </c>
      <c r="FG10" s="27">
        <v>100.254664222041</v>
      </c>
      <c r="FH10" s="27">
        <v>100.169941047143</v>
      </c>
      <c r="FI10" s="27">
        <v>100.086814821541</v>
      </c>
      <c r="FJ10" s="27">
        <v>100.016537881877</v>
      </c>
      <c r="FK10" s="27">
        <v>99.973521656111998</v>
      </c>
      <c r="FL10" s="27">
        <v>99.967336735567997</v>
      </c>
      <c r="FM10" s="27">
        <v>100.006637164553</v>
      </c>
      <c r="FN10" s="27">
        <v>100.087245071003</v>
      </c>
      <c r="FO10" s="27">
        <v>100.176951428039</v>
      </c>
      <c r="FP10" s="27">
        <v>100.26505029011901</v>
      </c>
      <c r="FQ10" s="27">
        <v>100.340223930742</v>
      </c>
      <c r="FR10" s="27">
        <v>100.389248137205</v>
      </c>
      <c r="FS10" s="27">
        <v>100.406120696107</v>
      </c>
      <c r="FT10" s="27">
        <v>100.397809933234</v>
      </c>
      <c r="FU10" s="27">
        <v>100.374223501616</v>
      </c>
      <c r="FV10" s="27">
        <v>100.337849615875</v>
      </c>
      <c r="FW10" s="27">
        <v>100.30095053868099</v>
      </c>
      <c r="FX10" s="27">
        <v>100.252987723461</v>
      </c>
      <c r="FY10" s="27">
        <v>100.188352402032</v>
      </c>
      <c r="FZ10" s="27">
        <v>100.12048114940301</v>
      </c>
      <c r="GA10" s="27">
        <v>100.06344255875599</v>
      </c>
      <c r="GB10" s="27">
        <v>100.036846571496</v>
      </c>
      <c r="GC10" s="27">
        <v>100.033789984151</v>
      </c>
      <c r="GD10" s="27">
        <v>100.03500017939901</v>
      </c>
      <c r="GE10" s="27">
        <v>100.036355130769</v>
      </c>
      <c r="GF10" s="27">
        <v>100.01893835106</v>
      </c>
      <c r="GG10" s="27">
        <v>99.965092568388002</v>
      </c>
      <c r="GH10" s="27">
        <v>99.883846606096995</v>
      </c>
      <c r="GI10" s="27">
        <v>99.785436218775004</v>
      </c>
      <c r="GJ10" s="27">
        <v>99.671409316932994</v>
      </c>
      <c r="GK10" s="27">
        <v>99.554089534951004</v>
      </c>
      <c r="GL10" s="27">
        <v>99.441107237393993</v>
      </c>
      <c r="GM10" s="27">
        <v>99.330042684961001</v>
      </c>
      <c r="GN10" s="27">
        <v>99.219930065887993</v>
      </c>
      <c r="GO10" s="27">
        <v>99.105673506716002</v>
      </c>
      <c r="GP10" s="27">
        <v>98.975118514168003</v>
      </c>
      <c r="GQ10" s="7"/>
    </row>
    <row r="11" spans="1:209" ht="30" x14ac:dyDescent="0.25">
      <c r="A11" s="6" t="s">
        <v>197</v>
      </c>
      <c r="B11" s="27">
        <v>101.23581388592901</v>
      </c>
      <c r="C11" s="27">
        <v>101.331488026004</v>
      </c>
      <c r="D11" s="27">
        <v>101.381280284097</v>
      </c>
      <c r="E11" s="27">
        <v>101.36929062727199</v>
      </c>
      <c r="F11" s="27">
        <v>101.303460127907</v>
      </c>
      <c r="G11" s="27">
        <v>101.217417036746</v>
      </c>
      <c r="H11" s="27">
        <v>101.092552118942</v>
      </c>
      <c r="I11" s="27">
        <v>100.925233983051</v>
      </c>
      <c r="J11" s="27">
        <v>100.699843632362</v>
      </c>
      <c r="K11" s="27">
        <v>100.421617452018</v>
      </c>
      <c r="L11" s="27">
        <v>100.12908872043199</v>
      </c>
      <c r="M11" s="27">
        <v>99.853100663960007</v>
      </c>
      <c r="N11" s="27">
        <v>99.628729536055005</v>
      </c>
      <c r="O11" s="27">
        <v>99.480810095471</v>
      </c>
      <c r="P11" s="27">
        <v>99.423149220415993</v>
      </c>
      <c r="Q11" s="27">
        <v>99.455616787527006</v>
      </c>
      <c r="R11" s="27">
        <v>99.548375230106004</v>
      </c>
      <c r="S11" s="27">
        <v>99.639869719019998</v>
      </c>
      <c r="T11" s="27">
        <v>99.697695606249994</v>
      </c>
      <c r="U11" s="27">
        <v>99.721072824567003</v>
      </c>
      <c r="V11" s="27">
        <v>99.739540872074997</v>
      </c>
      <c r="W11" s="27">
        <v>99.821919864516005</v>
      </c>
      <c r="X11" s="27">
        <v>99.973788507400002</v>
      </c>
      <c r="Y11" s="27">
        <v>100.157052104618</v>
      </c>
      <c r="Z11" s="27">
        <v>100.31977359104999</v>
      </c>
      <c r="AA11" s="27">
        <v>100.420945838168</v>
      </c>
      <c r="AB11" s="27">
        <v>100.431313415566</v>
      </c>
      <c r="AC11" s="27">
        <v>100.306538035963</v>
      </c>
      <c r="AD11" s="27">
        <v>100.038850650317</v>
      </c>
      <c r="AE11" s="27">
        <v>99.671740797322997</v>
      </c>
      <c r="AF11" s="27">
        <v>99.275984028771006</v>
      </c>
      <c r="AG11" s="27">
        <v>98.912288282743006</v>
      </c>
      <c r="AH11" s="27">
        <v>98.598561169416996</v>
      </c>
      <c r="AI11" s="27">
        <v>98.352163584338001</v>
      </c>
      <c r="AJ11" s="27">
        <v>98.170559840254001</v>
      </c>
      <c r="AK11" s="27">
        <v>98.029942513256003</v>
      </c>
      <c r="AL11" s="27">
        <v>97.931142710545004</v>
      </c>
      <c r="AM11" s="27">
        <v>97.915501056164999</v>
      </c>
      <c r="AN11" s="27">
        <v>98.026831905207004</v>
      </c>
      <c r="AO11" s="27">
        <v>98.279923825767</v>
      </c>
      <c r="AP11" s="27">
        <v>98.606986287723998</v>
      </c>
      <c r="AQ11" s="27">
        <v>98.960206093034998</v>
      </c>
      <c r="AR11" s="27">
        <v>99.278062487003993</v>
      </c>
      <c r="AS11" s="27">
        <v>99.535339921363004</v>
      </c>
      <c r="AT11" s="27">
        <v>99.744093909347001</v>
      </c>
      <c r="AU11" s="27">
        <v>99.920945783335995</v>
      </c>
      <c r="AV11" s="27">
        <v>100.07123766643301</v>
      </c>
      <c r="AW11" s="27">
        <v>100.192610343247</v>
      </c>
      <c r="AX11" s="27">
        <v>100.26928267095499</v>
      </c>
      <c r="AY11" s="27">
        <v>100.315752942744</v>
      </c>
      <c r="AZ11" s="27">
        <v>100.312744463092</v>
      </c>
      <c r="BA11" s="27">
        <v>100.27262881869601</v>
      </c>
      <c r="BB11" s="27">
        <v>100.191095741789</v>
      </c>
      <c r="BC11" s="27">
        <v>100.09433480958</v>
      </c>
      <c r="BD11" s="27">
        <v>100.00353091245999</v>
      </c>
      <c r="BE11" s="27">
        <v>99.937421659733005</v>
      </c>
      <c r="BF11" s="27">
        <v>99.905279139906995</v>
      </c>
      <c r="BG11" s="27">
        <v>99.900993045071004</v>
      </c>
      <c r="BH11" s="27">
        <v>99.920934196139001</v>
      </c>
      <c r="BI11" s="27">
        <v>99.941405317287007</v>
      </c>
      <c r="BJ11" s="27">
        <v>99.939506703356997</v>
      </c>
      <c r="BK11" s="27">
        <v>99.89609591947</v>
      </c>
      <c r="BL11" s="27">
        <v>99.830687167031002</v>
      </c>
      <c r="BM11" s="27">
        <v>99.770567956940994</v>
      </c>
      <c r="BN11" s="27">
        <v>99.744731124083003</v>
      </c>
      <c r="BO11" s="27">
        <v>99.768191443548005</v>
      </c>
      <c r="BP11" s="27">
        <v>99.839725455955005</v>
      </c>
      <c r="BQ11" s="27">
        <v>99.954090283251006</v>
      </c>
      <c r="BR11" s="27">
        <v>100.09636764938099</v>
      </c>
      <c r="BS11" s="27">
        <v>100.258612937617</v>
      </c>
      <c r="BT11" s="27">
        <v>100.429548985089</v>
      </c>
      <c r="BU11" s="27">
        <v>100.589389490606</v>
      </c>
      <c r="BV11" s="27">
        <v>100.724842389618</v>
      </c>
      <c r="BW11" s="27">
        <v>100.835446830834</v>
      </c>
      <c r="BX11" s="27">
        <v>100.91609547933101</v>
      </c>
      <c r="BY11" s="27">
        <v>100.96990711785899</v>
      </c>
      <c r="BZ11" s="27">
        <v>101.010279035091</v>
      </c>
      <c r="CA11" s="27">
        <v>101.05173721953599</v>
      </c>
      <c r="CB11" s="27">
        <v>101.111397520263</v>
      </c>
      <c r="CC11" s="27">
        <v>101.19914895827699</v>
      </c>
      <c r="CD11" s="27">
        <v>101.304175174961</v>
      </c>
      <c r="CE11" s="27">
        <v>101.41516935739899</v>
      </c>
      <c r="CF11" s="27">
        <v>101.523429903077</v>
      </c>
      <c r="CG11" s="27">
        <v>101.62183567106</v>
      </c>
      <c r="CH11" s="27">
        <v>101.70779686453299</v>
      </c>
      <c r="CI11" s="27">
        <v>101.787275670169</v>
      </c>
      <c r="CJ11" s="27">
        <v>101.85566407739699</v>
      </c>
      <c r="CK11" s="27">
        <v>101.91382327189299</v>
      </c>
      <c r="CL11" s="27">
        <v>101.953571032464</v>
      </c>
      <c r="CM11" s="27">
        <v>101.985744356884</v>
      </c>
      <c r="CN11" s="27">
        <v>102.01798174319801</v>
      </c>
      <c r="CO11" s="27">
        <v>102.038601609365</v>
      </c>
      <c r="CP11" s="27">
        <v>102.04457626024301</v>
      </c>
      <c r="CQ11" s="27">
        <v>102.009039586417</v>
      </c>
      <c r="CR11" s="27">
        <v>101.928317467935</v>
      </c>
      <c r="CS11" s="27">
        <v>101.8093362746</v>
      </c>
      <c r="CT11" s="27">
        <v>101.657244974885</v>
      </c>
      <c r="CU11" s="27">
        <v>101.486181159759</v>
      </c>
      <c r="CV11" s="27">
        <v>101.30635606952499</v>
      </c>
      <c r="CW11" s="27">
        <v>101.102289815763</v>
      </c>
      <c r="CX11" s="27">
        <v>100.84435149298</v>
      </c>
      <c r="CY11" s="27">
        <v>100.48246302876601</v>
      </c>
      <c r="CZ11" s="27">
        <v>99.988967021460994</v>
      </c>
      <c r="DA11" s="27">
        <v>99.347083210628</v>
      </c>
      <c r="DB11" s="27">
        <v>98.572568920983002</v>
      </c>
      <c r="DC11" s="27">
        <v>97.742671816698007</v>
      </c>
      <c r="DD11" s="27">
        <v>96.992378932134997</v>
      </c>
      <c r="DE11" s="27">
        <v>96.407353673977994</v>
      </c>
      <c r="DF11" s="27">
        <v>96.022816157717003</v>
      </c>
      <c r="DG11" s="27">
        <v>95.878444349633</v>
      </c>
      <c r="DH11" s="27">
        <v>95.997944947186994</v>
      </c>
      <c r="DI11" s="27">
        <v>96.350619741472997</v>
      </c>
      <c r="DJ11" s="27">
        <v>96.842761134404995</v>
      </c>
      <c r="DK11" s="27">
        <v>97.393437971617999</v>
      </c>
      <c r="DL11" s="27">
        <v>97.944983834327999</v>
      </c>
      <c r="DM11" s="27">
        <v>98.459015587970995</v>
      </c>
      <c r="DN11" s="27">
        <v>98.911437479162004</v>
      </c>
      <c r="DO11" s="27">
        <v>99.296203182658004</v>
      </c>
      <c r="DP11" s="27">
        <v>99.601756770220007</v>
      </c>
      <c r="DQ11" s="27">
        <v>99.841248754941006</v>
      </c>
      <c r="DR11" s="27">
        <v>100.033983208262</v>
      </c>
      <c r="DS11" s="27">
        <v>100.20120345857001</v>
      </c>
      <c r="DT11" s="27">
        <v>100.34957569144601</v>
      </c>
      <c r="DU11" s="27">
        <v>100.456771231744</v>
      </c>
      <c r="DV11" s="27">
        <v>100.51440445102401</v>
      </c>
      <c r="DW11" s="27">
        <v>100.545315805282</v>
      </c>
      <c r="DX11" s="27">
        <v>100.579628997462</v>
      </c>
      <c r="DY11" s="27">
        <v>100.64131857944101</v>
      </c>
      <c r="DZ11" s="27">
        <v>100.738478731821</v>
      </c>
      <c r="EA11" s="27">
        <v>100.854039281097</v>
      </c>
      <c r="EB11" s="27">
        <v>100.973491781958</v>
      </c>
      <c r="EC11" s="27">
        <v>101.085660810001</v>
      </c>
      <c r="ED11" s="27">
        <v>101.17226498539399</v>
      </c>
      <c r="EE11" s="27">
        <v>101.22648132143</v>
      </c>
      <c r="EF11" s="27">
        <v>101.23762211378801</v>
      </c>
      <c r="EG11" s="27">
        <v>101.1995153501</v>
      </c>
      <c r="EH11" s="27">
        <v>101.10752250809099</v>
      </c>
      <c r="EI11" s="27">
        <v>100.959497229213</v>
      </c>
      <c r="EJ11" s="27">
        <v>100.765888448591</v>
      </c>
      <c r="EK11" s="27">
        <v>100.556295892842</v>
      </c>
      <c r="EL11" s="27">
        <v>100.38436274550401</v>
      </c>
      <c r="EM11" s="27">
        <v>100.28594364923801</v>
      </c>
      <c r="EN11" s="27">
        <v>100.266487739512</v>
      </c>
      <c r="EO11" s="27">
        <v>100.30116284085101</v>
      </c>
      <c r="EP11" s="27">
        <v>100.364063079424</v>
      </c>
      <c r="EQ11" s="27">
        <v>100.41211903945999</v>
      </c>
      <c r="ER11" s="27">
        <v>100.409510038405</v>
      </c>
      <c r="ES11" s="27">
        <v>100.34994563974</v>
      </c>
      <c r="ET11" s="27">
        <v>100.27169862533199</v>
      </c>
      <c r="EU11" s="27">
        <v>100.21035186442499</v>
      </c>
      <c r="EV11" s="27">
        <v>100.18281766731199</v>
      </c>
      <c r="EW11" s="27">
        <v>100.190583344217</v>
      </c>
      <c r="EX11" s="27">
        <v>100.235958774537</v>
      </c>
      <c r="EY11" s="27">
        <v>100.31619972305</v>
      </c>
      <c r="EZ11" s="27">
        <v>100.417603816059</v>
      </c>
      <c r="FA11" s="27">
        <v>100.527024113</v>
      </c>
      <c r="FB11" s="27">
        <v>100.60577188406801</v>
      </c>
      <c r="FC11" s="27">
        <v>100.64134748932</v>
      </c>
      <c r="FD11" s="27">
        <v>100.647001608152</v>
      </c>
      <c r="FE11" s="27">
        <v>100.624473613449</v>
      </c>
      <c r="FF11" s="27">
        <v>100.573520802047</v>
      </c>
      <c r="FG11" s="27">
        <v>100.496490981981</v>
      </c>
      <c r="FH11" s="27">
        <v>100.426400236071</v>
      </c>
      <c r="FI11" s="27">
        <v>100.378628127702</v>
      </c>
      <c r="FJ11" s="27">
        <v>100.364887188103</v>
      </c>
      <c r="FK11" s="27">
        <v>100.383567643265</v>
      </c>
      <c r="FL11" s="27">
        <v>100.42028465073101</v>
      </c>
      <c r="FM11" s="27">
        <v>100.443843946435</v>
      </c>
      <c r="FN11" s="27">
        <v>100.43989236661599</v>
      </c>
      <c r="FO11" s="27">
        <v>100.443103312389</v>
      </c>
      <c r="FP11" s="27">
        <v>100.486127678633</v>
      </c>
      <c r="FQ11" s="27">
        <v>100.562761061157</v>
      </c>
      <c r="FR11" s="27">
        <v>100.660963173317</v>
      </c>
      <c r="FS11" s="27">
        <v>100.76635823830701</v>
      </c>
      <c r="FT11" s="27">
        <v>100.859087116357</v>
      </c>
      <c r="FU11" s="27">
        <v>100.920461530822</v>
      </c>
      <c r="FV11" s="27">
        <v>100.935221277835</v>
      </c>
      <c r="FW11" s="27">
        <v>100.89744194558</v>
      </c>
      <c r="FX11" s="27">
        <v>100.81888188763</v>
      </c>
      <c r="FY11" s="27">
        <v>100.721413953493</v>
      </c>
      <c r="FZ11" s="27">
        <v>100.629772117974</v>
      </c>
      <c r="GA11" s="27">
        <v>100.551511417651</v>
      </c>
      <c r="GB11" s="27">
        <v>100.47236378751801</v>
      </c>
      <c r="GC11" s="27">
        <v>100.399592315758</v>
      </c>
      <c r="GD11" s="27">
        <v>100.32895982545099</v>
      </c>
      <c r="GE11" s="27">
        <v>100.25602537451999</v>
      </c>
      <c r="GF11" s="27">
        <v>100.18002296984599</v>
      </c>
      <c r="GG11" s="27">
        <v>100.101649564765</v>
      </c>
      <c r="GH11" s="27">
        <v>100.028091147574</v>
      </c>
      <c r="GI11" s="27">
        <v>99.957984935376999</v>
      </c>
      <c r="GJ11" s="27">
        <v>99.870054566438995</v>
      </c>
      <c r="GK11" s="27">
        <v>99.757294928565003</v>
      </c>
      <c r="GL11" s="27">
        <v>99.633228390826005</v>
      </c>
      <c r="GM11" s="27">
        <v>99.523692470162999</v>
      </c>
      <c r="GN11" s="27">
        <v>99.441789475853</v>
      </c>
      <c r="GO11" s="27">
        <v>99.379873875981005</v>
      </c>
      <c r="GP11" s="27">
        <v>99.325692570634004</v>
      </c>
      <c r="GQ11" s="7"/>
    </row>
    <row r="12" spans="1:209" ht="45" x14ac:dyDescent="0.25">
      <c r="A12" s="6" t="s">
        <v>198</v>
      </c>
      <c r="B12" s="27">
        <v>100.784013277977</v>
      </c>
      <c r="C12" s="27">
        <v>100.806290510474</v>
      </c>
      <c r="D12" s="27">
        <v>100.82999951889499</v>
      </c>
      <c r="E12" s="27">
        <v>100.84864388764601</v>
      </c>
      <c r="F12" s="27">
        <v>100.854773025166</v>
      </c>
      <c r="G12" s="27">
        <v>100.87516281720301</v>
      </c>
      <c r="H12" s="27">
        <v>100.830365884334</v>
      </c>
      <c r="I12" s="27">
        <v>100.732160268059</v>
      </c>
      <c r="J12" s="27">
        <v>100.561025305111</v>
      </c>
      <c r="K12" s="27">
        <v>100.29762349898</v>
      </c>
      <c r="L12" s="27">
        <v>99.980641273024005</v>
      </c>
      <c r="M12" s="27">
        <v>99.612911060249999</v>
      </c>
      <c r="N12" s="27">
        <v>99.259828427551994</v>
      </c>
      <c r="O12" s="27">
        <v>98.980286315377001</v>
      </c>
      <c r="P12" s="27">
        <v>98.785644029875996</v>
      </c>
      <c r="Q12" s="27">
        <v>98.666049570742999</v>
      </c>
      <c r="R12" s="27">
        <v>98.628570690345995</v>
      </c>
      <c r="S12" s="27">
        <v>98.641090486736999</v>
      </c>
      <c r="T12" s="27">
        <v>98.683219422313002</v>
      </c>
      <c r="U12" s="27">
        <v>98.714051959436006</v>
      </c>
      <c r="V12" s="27">
        <v>98.712604246338003</v>
      </c>
      <c r="W12" s="27">
        <v>98.747125919233994</v>
      </c>
      <c r="X12" s="27">
        <v>98.847071746240005</v>
      </c>
      <c r="Y12" s="27">
        <v>99.024658851980007</v>
      </c>
      <c r="Z12" s="27">
        <v>99.259540082035997</v>
      </c>
      <c r="AA12" s="27">
        <v>99.508838120489003</v>
      </c>
      <c r="AB12" s="27">
        <v>99.706246918619996</v>
      </c>
      <c r="AC12" s="27">
        <v>99.785343949468995</v>
      </c>
      <c r="AD12" s="27">
        <v>99.741340390735999</v>
      </c>
      <c r="AE12" s="27">
        <v>99.593880108639993</v>
      </c>
      <c r="AF12" s="27">
        <v>99.403420521857996</v>
      </c>
      <c r="AG12" s="27">
        <v>99.235279843252002</v>
      </c>
      <c r="AH12" s="27">
        <v>99.115003850031997</v>
      </c>
      <c r="AI12" s="27">
        <v>99.043772227982998</v>
      </c>
      <c r="AJ12" s="27">
        <v>99.022454411151998</v>
      </c>
      <c r="AK12" s="27">
        <v>99.017902236902003</v>
      </c>
      <c r="AL12" s="27">
        <v>99.001913005522994</v>
      </c>
      <c r="AM12" s="27">
        <v>98.984406792534998</v>
      </c>
      <c r="AN12" s="27">
        <v>98.974569058837005</v>
      </c>
      <c r="AO12" s="27">
        <v>99.022374742045997</v>
      </c>
      <c r="AP12" s="27">
        <v>99.072989220010001</v>
      </c>
      <c r="AQ12" s="27">
        <v>99.190749181288993</v>
      </c>
      <c r="AR12" s="27">
        <v>99.334734852009007</v>
      </c>
      <c r="AS12" s="27">
        <v>99.489702901846002</v>
      </c>
      <c r="AT12" s="27">
        <v>99.678048426450005</v>
      </c>
      <c r="AU12" s="27">
        <v>99.901453234819996</v>
      </c>
      <c r="AV12" s="27">
        <v>100.11970273522</v>
      </c>
      <c r="AW12" s="27">
        <v>100.33628932889</v>
      </c>
      <c r="AX12" s="27">
        <v>100.539402646369</v>
      </c>
      <c r="AY12" s="27">
        <v>100.716472109507</v>
      </c>
      <c r="AZ12" s="27">
        <v>100.869283091357</v>
      </c>
      <c r="BA12" s="27">
        <v>100.976200662062</v>
      </c>
      <c r="BB12" s="27">
        <v>100.97102047767</v>
      </c>
      <c r="BC12" s="27">
        <v>100.89254260316601</v>
      </c>
      <c r="BD12" s="27">
        <v>100.781994566706</v>
      </c>
      <c r="BE12" s="27">
        <v>100.669984948257</v>
      </c>
      <c r="BF12" s="27">
        <v>100.56548763526401</v>
      </c>
      <c r="BG12" s="27">
        <v>100.461194604103</v>
      </c>
      <c r="BH12" s="27">
        <v>100.407648816544</v>
      </c>
      <c r="BI12" s="27">
        <v>100.39036585058101</v>
      </c>
      <c r="BJ12" s="27">
        <v>100.370738299008</v>
      </c>
      <c r="BK12" s="27">
        <v>100.255469752522</v>
      </c>
      <c r="BL12" s="27">
        <v>100.08773037306401</v>
      </c>
      <c r="BM12" s="27">
        <v>99.899203150613999</v>
      </c>
      <c r="BN12" s="27">
        <v>99.744669933823999</v>
      </c>
      <c r="BO12" s="27">
        <v>99.677455947628005</v>
      </c>
      <c r="BP12" s="27">
        <v>99.719673015595006</v>
      </c>
      <c r="BQ12" s="27">
        <v>99.862999007547003</v>
      </c>
      <c r="BR12" s="27">
        <v>100.026830153478</v>
      </c>
      <c r="BS12" s="27">
        <v>100.18653064036</v>
      </c>
      <c r="BT12" s="27">
        <v>100.313191906955</v>
      </c>
      <c r="BU12" s="27">
        <v>100.39919780331699</v>
      </c>
      <c r="BV12" s="27">
        <v>100.469441669294</v>
      </c>
      <c r="BW12" s="27">
        <v>100.558319405774</v>
      </c>
      <c r="BX12" s="27">
        <v>100.68321562031799</v>
      </c>
      <c r="BY12" s="27">
        <v>100.828419703629</v>
      </c>
      <c r="BZ12" s="27">
        <v>100.970226482802</v>
      </c>
      <c r="CA12" s="27">
        <v>101.052399915938</v>
      </c>
      <c r="CB12" s="27">
        <v>101.03662538374201</v>
      </c>
      <c r="CC12" s="27">
        <v>100.954471501067</v>
      </c>
      <c r="CD12" s="27">
        <v>100.825382815503</v>
      </c>
      <c r="CE12" s="27">
        <v>100.666942160921</v>
      </c>
      <c r="CF12" s="27">
        <v>100.504149345019</v>
      </c>
      <c r="CG12" s="27">
        <v>100.375889335682</v>
      </c>
      <c r="CH12" s="27">
        <v>100.310611672116</v>
      </c>
      <c r="CI12" s="27">
        <v>100.329416318866</v>
      </c>
      <c r="CJ12" s="27">
        <v>100.382245377242</v>
      </c>
      <c r="CK12" s="27">
        <v>100.449747639503</v>
      </c>
      <c r="CL12" s="27">
        <v>100.508849035286</v>
      </c>
      <c r="CM12" s="27">
        <v>100.604842806305</v>
      </c>
      <c r="CN12" s="27">
        <v>100.757726861751</v>
      </c>
      <c r="CO12" s="27">
        <v>100.90306186191999</v>
      </c>
      <c r="CP12" s="27">
        <v>101.00147226236599</v>
      </c>
      <c r="CQ12" s="27">
        <v>100.97403345672799</v>
      </c>
      <c r="CR12" s="27">
        <v>100.869660053396</v>
      </c>
      <c r="CS12" s="27">
        <v>100.724800935594</v>
      </c>
      <c r="CT12" s="27">
        <v>100.528586728291</v>
      </c>
      <c r="CU12" s="27">
        <v>100.280901366496</v>
      </c>
      <c r="CV12" s="27">
        <v>100.020357521904</v>
      </c>
      <c r="CW12" s="27">
        <v>99.760889999045006</v>
      </c>
      <c r="CX12" s="27">
        <v>99.518433662654999</v>
      </c>
      <c r="CY12" s="27">
        <v>99.264435741292004</v>
      </c>
      <c r="CZ12" s="27">
        <v>98.985994496954007</v>
      </c>
      <c r="DA12" s="27">
        <v>98.628641676033993</v>
      </c>
      <c r="DB12" s="27">
        <v>98.204886417387002</v>
      </c>
      <c r="DC12" s="27">
        <v>97.753340365365005</v>
      </c>
      <c r="DD12" s="27">
        <v>97.346023257775997</v>
      </c>
      <c r="DE12" s="27">
        <v>97.026442590426001</v>
      </c>
      <c r="DF12" s="27">
        <v>96.768976342197007</v>
      </c>
      <c r="DG12" s="27">
        <v>96.615917428315001</v>
      </c>
      <c r="DH12" s="27">
        <v>96.598582776176997</v>
      </c>
      <c r="DI12" s="27">
        <v>96.772679821642996</v>
      </c>
      <c r="DJ12" s="27">
        <v>97.129706667028003</v>
      </c>
      <c r="DK12" s="27">
        <v>97.645827729051007</v>
      </c>
      <c r="DL12" s="27">
        <v>98.264261143686994</v>
      </c>
      <c r="DM12" s="27">
        <v>98.916531734676994</v>
      </c>
      <c r="DN12" s="27">
        <v>99.534768738317993</v>
      </c>
      <c r="DO12" s="27">
        <v>100.082343590135</v>
      </c>
      <c r="DP12" s="27">
        <v>100.473660848649</v>
      </c>
      <c r="DQ12" s="27">
        <v>100.72925545744501</v>
      </c>
      <c r="DR12" s="27">
        <v>100.90871711594301</v>
      </c>
      <c r="DS12" s="27">
        <v>101.032316397231</v>
      </c>
      <c r="DT12" s="27">
        <v>101.13369575222301</v>
      </c>
      <c r="DU12" s="27">
        <v>101.20477609910699</v>
      </c>
      <c r="DV12" s="27">
        <v>101.234834953666</v>
      </c>
      <c r="DW12" s="27">
        <v>101.22525134308</v>
      </c>
      <c r="DX12" s="27">
        <v>101.183436721524</v>
      </c>
      <c r="DY12" s="27">
        <v>101.122835460288</v>
      </c>
      <c r="DZ12" s="27">
        <v>101.047918176503</v>
      </c>
      <c r="EA12" s="27">
        <v>100.926092704879</v>
      </c>
      <c r="EB12" s="27">
        <v>100.79491371773</v>
      </c>
      <c r="EC12" s="27">
        <v>100.701235725133</v>
      </c>
      <c r="ED12" s="27">
        <v>100.646388937502</v>
      </c>
      <c r="EE12" s="27">
        <v>100.639651803915</v>
      </c>
      <c r="EF12" s="27">
        <v>100.659668128661</v>
      </c>
      <c r="EG12" s="27">
        <v>100.685803160387</v>
      </c>
      <c r="EH12" s="27">
        <v>100.709420129143</v>
      </c>
      <c r="EI12" s="27">
        <v>100.72217228995299</v>
      </c>
      <c r="EJ12" s="27">
        <v>100.72094916649</v>
      </c>
      <c r="EK12" s="27">
        <v>100.74548578426101</v>
      </c>
      <c r="EL12" s="27">
        <v>100.81829289696201</v>
      </c>
      <c r="EM12" s="27">
        <v>100.948413902895</v>
      </c>
      <c r="EN12" s="27">
        <v>101.12238359885799</v>
      </c>
      <c r="EO12" s="27">
        <v>101.27948851372101</v>
      </c>
      <c r="EP12" s="27">
        <v>101.39789056514</v>
      </c>
      <c r="EQ12" s="27">
        <v>101.43464572796999</v>
      </c>
      <c r="ER12" s="27">
        <v>101.365743638319</v>
      </c>
      <c r="ES12" s="27">
        <v>101.20085355621499</v>
      </c>
      <c r="ET12" s="27">
        <v>101.024751451271</v>
      </c>
      <c r="EU12" s="27">
        <v>100.855507856773</v>
      </c>
      <c r="EV12" s="27">
        <v>100.68962301492699</v>
      </c>
      <c r="EW12" s="27">
        <v>100.54748973657099</v>
      </c>
      <c r="EX12" s="27">
        <v>100.469994552659</v>
      </c>
      <c r="EY12" s="27">
        <v>100.47910914213</v>
      </c>
      <c r="EZ12" s="27">
        <v>100.52875007167199</v>
      </c>
      <c r="FA12" s="27">
        <v>100.55453244507299</v>
      </c>
      <c r="FB12" s="27">
        <v>100.434816795136</v>
      </c>
      <c r="FC12" s="27">
        <v>100.17876486314999</v>
      </c>
      <c r="FD12" s="27">
        <v>99.882262753400994</v>
      </c>
      <c r="FE12" s="27">
        <v>99.597028261372998</v>
      </c>
      <c r="FF12" s="27">
        <v>99.346957822186994</v>
      </c>
      <c r="FG12" s="27">
        <v>99.126188378424999</v>
      </c>
      <c r="FH12" s="27">
        <v>98.983398687171999</v>
      </c>
      <c r="FI12" s="27">
        <v>98.931101140663998</v>
      </c>
      <c r="FJ12" s="27">
        <v>98.962743625366997</v>
      </c>
      <c r="FK12" s="27">
        <v>99.048764521647001</v>
      </c>
      <c r="FL12" s="27">
        <v>99.142753608659007</v>
      </c>
      <c r="FM12" s="27">
        <v>99.165351441151998</v>
      </c>
      <c r="FN12" s="27">
        <v>99.089824996497001</v>
      </c>
      <c r="FO12" s="27">
        <v>99.008347969173002</v>
      </c>
      <c r="FP12" s="27">
        <v>99.006713045119</v>
      </c>
      <c r="FQ12" s="27">
        <v>99.050256574417006</v>
      </c>
      <c r="FR12" s="27">
        <v>99.099365675740998</v>
      </c>
      <c r="FS12" s="27">
        <v>99.137233742445005</v>
      </c>
      <c r="FT12" s="27">
        <v>99.174220102918994</v>
      </c>
      <c r="FU12" s="27">
        <v>99.220290784580996</v>
      </c>
      <c r="FV12" s="27">
        <v>99.254875755320995</v>
      </c>
      <c r="FW12" s="27">
        <v>99.262152310839994</v>
      </c>
      <c r="FX12" s="27">
        <v>99.259148619314999</v>
      </c>
      <c r="FY12" s="27">
        <v>99.30148237601</v>
      </c>
      <c r="FZ12" s="27">
        <v>99.414384227133993</v>
      </c>
      <c r="GA12" s="27">
        <v>99.566386486371997</v>
      </c>
      <c r="GB12" s="27">
        <v>99.690732693295004</v>
      </c>
      <c r="GC12" s="27">
        <v>99.818169872289999</v>
      </c>
      <c r="GD12" s="27">
        <v>99.955539058857994</v>
      </c>
      <c r="GE12" s="27">
        <v>100.108057612583</v>
      </c>
      <c r="GF12" s="27">
        <v>100.27380558509201</v>
      </c>
      <c r="GG12" s="27">
        <v>100.42417498213899</v>
      </c>
      <c r="GH12" s="27">
        <v>100.542843286504</v>
      </c>
      <c r="GI12" s="27">
        <v>100.619571984112</v>
      </c>
      <c r="GJ12" s="27">
        <v>100.647324990973</v>
      </c>
      <c r="GK12" s="27">
        <v>100.638089353987</v>
      </c>
      <c r="GL12" s="27">
        <v>100.608394390306</v>
      </c>
      <c r="GM12" s="27">
        <v>100.55882246896699</v>
      </c>
      <c r="GN12" s="27">
        <v>100.48421859678599</v>
      </c>
      <c r="GO12" s="27">
        <v>100.391300174286</v>
      </c>
      <c r="GP12" s="27">
        <v>100.287086486151</v>
      </c>
      <c r="GQ12" s="7"/>
    </row>
    <row r="13" spans="1:209" ht="45" x14ac:dyDescent="0.25">
      <c r="A13" s="6" t="s">
        <v>199</v>
      </c>
      <c r="B13" s="27"/>
      <c r="C13" s="27"/>
      <c r="D13" s="27"/>
      <c r="E13" s="27"/>
      <c r="F13" s="27"/>
      <c r="G13" s="27"/>
      <c r="H13" s="27"/>
      <c r="I13" s="27"/>
      <c r="J13" s="27"/>
      <c r="K13" s="27"/>
      <c r="L13" s="27"/>
      <c r="M13" s="27"/>
      <c r="N13" s="27"/>
      <c r="O13" s="27"/>
      <c r="P13" s="27"/>
      <c r="Q13" s="27"/>
      <c r="R13" s="27"/>
      <c r="S13" s="27"/>
      <c r="T13" s="27"/>
      <c r="U13" s="27"/>
      <c r="V13" s="27"/>
      <c r="W13" s="27"/>
      <c r="X13" s="27"/>
      <c r="Y13" s="27"/>
      <c r="Z13" s="27"/>
      <c r="AA13" s="27"/>
      <c r="AB13" s="27"/>
      <c r="AC13" s="27"/>
      <c r="AD13" s="27"/>
      <c r="AE13" s="27"/>
      <c r="AF13" s="27"/>
      <c r="AG13" s="27"/>
      <c r="AH13" s="27"/>
      <c r="AI13" s="27"/>
      <c r="AJ13" s="27"/>
      <c r="AK13" s="27"/>
      <c r="AL13" s="27"/>
      <c r="AM13" s="27"/>
      <c r="AN13" s="27"/>
      <c r="AO13" s="27"/>
      <c r="AP13" s="27"/>
      <c r="AQ13" s="27"/>
      <c r="AR13" s="27"/>
      <c r="AS13" s="27"/>
      <c r="AT13" s="27"/>
      <c r="AU13" s="27"/>
      <c r="AV13" s="27"/>
      <c r="AW13" s="27"/>
      <c r="AX13" s="27">
        <v>98.613310138063994</v>
      </c>
      <c r="AY13" s="27">
        <v>98.761930633529005</v>
      </c>
      <c r="AZ13" s="27">
        <v>98.920429695213002</v>
      </c>
      <c r="BA13" s="27">
        <v>99.099203883594001</v>
      </c>
      <c r="BB13" s="27">
        <v>99.266365402402997</v>
      </c>
      <c r="BC13" s="27">
        <v>99.389996360265997</v>
      </c>
      <c r="BD13" s="27">
        <v>99.478538785588</v>
      </c>
      <c r="BE13" s="27">
        <v>99.542311644921</v>
      </c>
      <c r="BF13" s="27">
        <v>99.603022095886999</v>
      </c>
      <c r="BG13" s="27">
        <v>99.680026901914999</v>
      </c>
      <c r="BH13" s="27">
        <v>99.761379939074004</v>
      </c>
      <c r="BI13" s="27">
        <v>99.829625724324003</v>
      </c>
      <c r="BJ13" s="27">
        <v>99.884397504540999</v>
      </c>
      <c r="BK13" s="27">
        <v>99.939188303291999</v>
      </c>
      <c r="BL13" s="27">
        <v>99.995026789462997</v>
      </c>
      <c r="BM13" s="27">
        <v>100.046698350272</v>
      </c>
      <c r="BN13" s="27">
        <v>100.08394734309201</v>
      </c>
      <c r="BO13" s="27">
        <v>100.10682701037599</v>
      </c>
      <c r="BP13" s="27">
        <v>100.116519810105</v>
      </c>
      <c r="BQ13" s="27">
        <v>100.128742015295</v>
      </c>
      <c r="BR13" s="27">
        <v>100.163254313542</v>
      </c>
      <c r="BS13" s="27">
        <v>100.220564245631</v>
      </c>
      <c r="BT13" s="27">
        <v>100.28620872871301</v>
      </c>
      <c r="BU13" s="27">
        <v>100.356748997693</v>
      </c>
      <c r="BV13" s="27">
        <v>100.432616558408</v>
      </c>
      <c r="BW13" s="27">
        <v>100.530093949291</v>
      </c>
      <c r="BX13" s="27">
        <v>100.619190178379</v>
      </c>
      <c r="BY13" s="27">
        <v>100.695116922891</v>
      </c>
      <c r="BZ13" s="27">
        <v>100.76461704442301</v>
      </c>
      <c r="CA13" s="27">
        <v>100.833719624878</v>
      </c>
      <c r="CB13" s="27">
        <v>100.925242381872</v>
      </c>
      <c r="CC13" s="27">
        <v>101.044193967488</v>
      </c>
      <c r="CD13" s="27">
        <v>101.16429338803999</v>
      </c>
      <c r="CE13" s="27">
        <v>101.279953974343</v>
      </c>
      <c r="CF13" s="27">
        <v>101.401295998602</v>
      </c>
      <c r="CG13" s="27">
        <v>101.519515881419</v>
      </c>
      <c r="CH13" s="27">
        <v>101.623811868941</v>
      </c>
      <c r="CI13" s="27">
        <v>101.70425768478501</v>
      </c>
      <c r="CJ13" s="27">
        <v>101.754720259579</v>
      </c>
      <c r="CK13" s="27">
        <v>101.773515092292</v>
      </c>
      <c r="CL13" s="27">
        <v>101.768924382447</v>
      </c>
      <c r="CM13" s="27">
        <v>101.77279807859</v>
      </c>
      <c r="CN13" s="27">
        <v>101.799388794637</v>
      </c>
      <c r="CO13" s="27">
        <v>101.850368596995</v>
      </c>
      <c r="CP13" s="27">
        <v>101.917569795703</v>
      </c>
      <c r="CQ13" s="27">
        <v>101.977931644663</v>
      </c>
      <c r="CR13" s="27">
        <v>101.98443406093099</v>
      </c>
      <c r="CS13" s="27">
        <v>101.88637276161801</v>
      </c>
      <c r="CT13" s="27">
        <v>101.689744507436</v>
      </c>
      <c r="CU13" s="27">
        <v>101.418933740406</v>
      </c>
      <c r="CV13" s="27">
        <v>101.109624974588</v>
      </c>
      <c r="CW13" s="27">
        <v>100.777280092795</v>
      </c>
      <c r="CX13" s="27">
        <v>100.425530601604</v>
      </c>
      <c r="CY13" s="27">
        <v>100.012357944367</v>
      </c>
      <c r="CZ13" s="27">
        <v>99.490066512414998</v>
      </c>
      <c r="DA13" s="27">
        <v>98.841545141767</v>
      </c>
      <c r="DB13" s="27">
        <v>98.075117466677995</v>
      </c>
      <c r="DC13" s="27">
        <v>97.267125557247994</v>
      </c>
      <c r="DD13" s="27">
        <v>96.525700959375996</v>
      </c>
      <c r="DE13" s="27">
        <v>95.933418029584004</v>
      </c>
      <c r="DF13" s="27">
        <v>95.558881299948993</v>
      </c>
      <c r="DG13" s="27">
        <v>95.418729243244996</v>
      </c>
      <c r="DH13" s="27">
        <v>95.509778585747</v>
      </c>
      <c r="DI13" s="27">
        <v>95.741269217430997</v>
      </c>
      <c r="DJ13" s="27">
        <v>96.031641325858999</v>
      </c>
      <c r="DK13" s="27">
        <v>96.337261312967996</v>
      </c>
      <c r="DL13" s="27">
        <v>96.628184187011996</v>
      </c>
      <c r="DM13" s="27">
        <v>96.909764803442997</v>
      </c>
      <c r="DN13" s="27">
        <v>97.202622117429996</v>
      </c>
      <c r="DO13" s="27">
        <v>97.498188459768997</v>
      </c>
      <c r="DP13" s="27">
        <v>97.799993969387003</v>
      </c>
      <c r="DQ13" s="27">
        <v>98.127514283772001</v>
      </c>
      <c r="DR13" s="27">
        <v>98.490865685681001</v>
      </c>
      <c r="DS13" s="27">
        <v>98.925069411989995</v>
      </c>
      <c r="DT13" s="27">
        <v>99.402067223082994</v>
      </c>
      <c r="DU13" s="27">
        <v>99.865166086741993</v>
      </c>
      <c r="DV13" s="27">
        <v>100.270981816432</v>
      </c>
      <c r="DW13" s="27">
        <v>100.593115043146</v>
      </c>
      <c r="DX13" s="27">
        <v>100.834490774798</v>
      </c>
      <c r="DY13" s="27">
        <v>101.01882246005999</v>
      </c>
      <c r="DZ13" s="27">
        <v>101.16421651897301</v>
      </c>
      <c r="EA13" s="27">
        <v>101.284182634704</v>
      </c>
      <c r="EB13" s="27">
        <v>101.382655373552</v>
      </c>
      <c r="EC13" s="27">
        <v>101.45305002505</v>
      </c>
      <c r="ED13" s="27">
        <v>101.48585296218501</v>
      </c>
      <c r="EE13" s="27">
        <v>101.48938890487101</v>
      </c>
      <c r="EF13" s="27">
        <v>101.470290149429</v>
      </c>
      <c r="EG13" s="27">
        <v>101.429844012633</v>
      </c>
      <c r="EH13" s="27">
        <v>101.36532325175</v>
      </c>
      <c r="EI13" s="27">
        <v>101.258176832807</v>
      </c>
      <c r="EJ13" s="27">
        <v>101.10625321201201</v>
      </c>
      <c r="EK13" s="27">
        <v>100.925907864783</v>
      </c>
      <c r="EL13" s="27">
        <v>100.76300055532499</v>
      </c>
      <c r="EM13" s="27">
        <v>100.63195433276699</v>
      </c>
      <c r="EN13" s="27">
        <v>100.54170704468299</v>
      </c>
      <c r="EO13" s="27">
        <v>100.482575001884</v>
      </c>
      <c r="EP13" s="27">
        <v>100.441147812945</v>
      </c>
      <c r="EQ13" s="27">
        <v>100.395480656377</v>
      </c>
      <c r="ER13" s="27">
        <v>100.33302458592399</v>
      </c>
      <c r="ES13" s="27">
        <v>100.25715026270299</v>
      </c>
      <c r="ET13" s="27">
        <v>100.185259758746</v>
      </c>
      <c r="EU13" s="27">
        <v>100.140091120381</v>
      </c>
      <c r="EV13" s="27">
        <v>100.13876814320599</v>
      </c>
      <c r="EW13" s="27">
        <v>100.18331379719901</v>
      </c>
      <c r="EX13" s="27">
        <v>100.26551006803599</v>
      </c>
      <c r="EY13" s="27">
        <v>100.377351191854</v>
      </c>
      <c r="EZ13" s="27">
        <v>100.50590957809101</v>
      </c>
      <c r="FA13" s="27">
        <v>100.640552309348</v>
      </c>
      <c r="FB13" s="27">
        <v>100.77025953729699</v>
      </c>
      <c r="FC13" s="27">
        <v>100.876395602846</v>
      </c>
      <c r="FD13" s="27">
        <v>100.944373014354</v>
      </c>
      <c r="FE13" s="27">
        <v>100.97158886698401</v>
      </c>
      <c r="FF13" s="27">
        <v>100.94991114567</v>
      </c>
      <c r="FG13" s="27">
        <v>100.86976914592999</v>
      </c>
      <c r="FH13" s="27">
        <v>100.738557581981</v>
      </c>
      <c r="FI13" s="27">
        <v>100.567121530227</v>
      </c>
      <c r="FJ13" s="27">
        <v>100.379164936541</v>
      </c>
      <c r="FK13" s="27">
        <v>100.208886869181</v>
      </c>
      <c r="FL13" s="27">
        <v>100.09199138114499</v>
      </c>
      <c r="FM13" s="27">
        <v>100.03465581181401</v>
      </c>
      <c r="FN13" s="27">
        <v>100.011115536048</v>
      </c>
      <c r="FO13" s="27">
        <v>100.02404184950601</v>
      </c>
      <c r="FP13" s="27">
        <v>100.06407980393401</v>
      </c>
      <c r="FQ13" s="27">
        <v>100.127528633587</v>
      </c>
      <c r="FR13" s="27">
        <v>100.211358969893</v>
      </c>
      <c r="FS13" s="27">
        <v>100.313706141501</v>
      </c>
      <c r="FT13" s="27">
        <v>100.419277002312</v>
      </c>
      <c r="FU13" s="27">
        <v>100.498196385846</v>
      </c>
      <c r="FV13" s="27">
        <v>100.526244980229</v>
      </c>
      <c r="FW13" s="27">
        <v>100.487454357727</v>
      </c>
      <c r="FX13" s="27">
        <v>100.380031945205</v>
      </c>
      <c r="FY13" s="27">
        <v>100.22032542689099</v>
      </c>
      <c r="FZ13" s="27">
        <v>100.03168991956299</v>
      </c>
      <c r="GA13" s="27">
        <v>99.840170007424007</v>
      </c>
      <c r="GB13" s="27">
        <v>99.669263184724002</v>
      </c>
      <c r="GC13" s="27">
        <v>99.531422877336993</v>
      </c>
      <c r="GD13" s="27">
        <v>99.432186767184007</v>
      </c>
      <c r="GE13" s="27">
        <v>99.369393345023994</v>
      </c>
      <c r="GF13" s="27">
        <v>99.339324405469995</v>
      </c>
      <c r="GG13" s="27">
        <v>99.344168419387003</v>
      </c>
      <c r="GH13" s="27">
        <v>99.381322427781996</v>
      </c>
      <c r="GI13" s="27">
        <v>99.434629215195997</v>
      </c>
      <c r="GJ13" s="27">
        <v>99.479339030366006</v>
      </c>
      <c r="GK13" s="27">
        <v>99.502071347584007</v>
      </c>
      <c r="GL13" s="27">
        <v>99.500063500720003</v>
      </c>
      <c r="GM13" s="27">
        <v>99.486950859429001</v>
      </c>
      <c r="GN13" s="27">
        <v>99.485162552752996</v>
      </c>
      <c r="GO13" s="27">
        <v>99.510965272351996</v>
      </c>
      <c r="GP13" s="27">
        <v>99.556942780959005</v>
      </c>
      <c r="GQ13" s="7">
        <v>99.615071603507999</v>
      </c>
    </row>
    <row r="14" spans="1:209" ht="45" x14ac:dyDescent="0.25">
      <c r="A14" s="6" t="s">
        <v>200</v>
      </c>
      <c r="B14" s="27">
        <v>101.186576906317</v>
      </c>
      <c r="C14" s="27">
        <v>101.279474828069</v>
      </c>
      <c r="D14" s="27">
        <v>101.27296192335299</v>
      </c>
      <c r="E14" s="27">
        <v>101.180557173937</v>
      </c>
      <c r="F14" s="27">
        <v>101.05273429884799</v>
      </c>
      <c r="G14" s="27">
        <v>100.92638527290499</v>
      </c>
      <c r="H14" s="27">
        <v>100.782308999514</v>
      </c>
      <c r="I14" s="27">
        <v>100.621333488367</v>
      </c>
      <c r="J14" s="27">
        <v>100.4426702475</v>
      </c>
      <c r="K14" s="27">
        <v>100.262750012514</v>
      </c>
      <c r="L14" s="27">
        <v>100.100618576854</v>
      </c>
      <c r="M14" s="27">
        <v>99.991135033977002</v>
      </c>
      <c r="N14" s="27">
        <v>99.935187811166998</v>
      </c>
      <c r="O14" s="27">
        <v>99.901505119614995</v>
      </c>
      <c r="P14" s="27">
        <v>99.890840173312</v>
      </c>
      <c r="Q14" s="27">
        <v>99.903344092826998</v>
      </c>
      <c r="R14" s="27">
        <v>99.911276323164998</v>
      </c>
      <c r="S14" s="27">
        <v>99.874564977069994</v>
      </c>
      <c r="T14" s="27">
        <v>99.781880709359001</v>
      </c>
      <c r="U14" s="27">
        <v>99.655267437641001</v>
      </c>
      <c r="V14" s="27">
        <v>99.542639465381995</v>
      </c>
      <c r="W14" s="27">
        <v>99.510305043805005</v>
      </c>
      <c r="X14" s="27">
        <v>99.573349793326997</v>
      </c>
      <c r="Y14" s="27">
        <v>99.704662791489</v>
      </c>
      <c r="Z14" s="27">
        <v>99.849970955184006</v>
      </c>
      <c r="AA14" s="27">
        <v>99.955596263654002</v>
      </c>
      <c r="AB14" s="27">
        <v>99.989225843547004</v>
      </c>
      <c r="AC14" s="27">
        <v>99.916528740228003</v>
      </c>
      <c r="AD14" s="27">
        <v>99.733975270295005</v>
      </c>
      <c r="AE14" s="27">
        <v>99.475433687777993</v>
      </c>
      <c r="AF14" s="27">
        <v>99.192287224479998</v>
      </c>
      <c r="AG14" s="27">
        <v>98.927083654803994</v>
      </c>
      <c r="AH14" s="27">
        <v>98.696211388489004</v>
      </c>
      <c r="AI14" s="27">
        <v>98.517534126138997</v>
      </c>
      <c r="AJ14" s="27">
        <v>98.382259457230006</v>
      </c>
      <c r="AK14" s="27">
        <v>98.279855891504994</v>
      </c>
      <c r="AL14" s="27">
        <v>98.213506803567995</v>
      </c>
      <c r="AM14" s="27">
        <v>98.198166471443997</v>
      </c>
      <c r="AN14" s="27">
        <v>98.245062407819006</v>
      </c>
      <c r="AO14" s="27">
        <v>98.353915269688002</v>
      </c>
      <c r="AP14" s="27">
        <v>98.499966513174996</v>
      </c>
      <c r="AQ14" s="27">
        <v>98.663499194715996</v>
      </c>
      <c r="AR14" s="27">
        <v>98.827867161201993</v>
      </c>
      <c r="AS14" s="27">
        <v>98.984800522108003</v>
      </c>
      <c r="AT14" s="27">
        <v>99.134543090163007</v>
      </c>
      <c r="AU14" s="27">
        <v>99.281029240565999</v>
      </c>
      <c r="AV14" s="27">
        <v>99.425294354741993</v>
      </c>
      <c r="AW14" s="27">
        <v>99.560233137465005</v>
      </c>
      <c r="AX14" s="27">
        <v>99.676282035233001</v>
      </c>
      <c r="AY14" s="27">
        <v>99.755135281332002</v>
      </c>
      <c r="AZ14" s="27">
        <v>99.782964349815998</v>
      </c>
      <c r="BA14" s="27">
        <v>99.760976282640996</v>
      </c>
      <c r="BB14" s="27">
        <v>99.717604623813997</v>
      </c>
      <c r="BC14" s="27">
        <v>99.675964934026993</v>
      </c>
      <c r="BD14" s="27">
        <v>99.654153522146004</v>
      </c>
      <c r="BE14" s="27">
        <v>99.670471292933001</v>
      </c>
      <c r="BF14" s="27">
        <v>99.728136370032999</v>
      </c>
      <c r="BG14" s="27">
        <v>99.809651593379002</v>
      </c>
      <c r="BH14" s="27">
        <v>99.890486248285995</v>
      </c>
      <c r="BI14" s="27">
        <v>99.946351200804003</v>
      </c>
      <c r="BJ14" s="27">
        <v>99.955872168366994</v>
      </c>
      <c r="BK14" s="27">
        <v>99.916999939809003</v>
      </c>
      <c r="BL14" s="27">
        <v>99.844057845297002</v>
      </c>
      <c r="BM14" s="27">
        <v>99.784037139787003</v>
      </c>
      <c r="BN14" s="27">
        <v>99.772569572628996</v>
      </c>
      <c r="BO14" s="27">
        <v>99.814999382238994</v>
      </c>
      <c r="BP14" s="27">
        <v>99.903022543036002</v>
      </c>
      <c r="BQ14" s="27">
        <v>100.021582985957</v>
      </c>
      <c r="BR14" s="27">
        <v>100.162574756666</v>
      </c>
      <c r="BS14" s="27">
        <v>100.301919794518</v>
      </c>
      <c r="BT14" s="27">
        <v>100.43590794078</v>
      </c>
      <c r="BU14" s="27">
        <v>100.551271847637</v>
      </c>
      <c r="BV14" s="27">
        <v>100.63408650631</v>
      </c>
      <c r="BW14" s="27">
        <v>100.676148310616</v>
      </c>
      <c r="BX14" s="27">
        <v>100.68576837588</v>
      </c>
      <c r="BY14" s="27">
        <v>100.671066907986</v>
      </c>
      <c r="BZ14" s="27">
        <v>100.644410203181</v>
      </c>
      <c r="CA14" s="27">
        <v>100.646514391013</v>
      </c>
      <c r="CB14" s="27">
        <v>100.69671670855401</v>
      </c>
      <c r="CC14" s="27">
        <v>100.796214300363</v>
      </c>
      <c r="CD14" s="27">
        <v>100.937935952335</v>
      </c>
      <c r="CE14" s="27">
        <v>101.11102571552</v>
      </c>
      <c r="CF14" s="27">
        <v>101.297868695907</v>
      </c>
      <c r="CG14" s="27">
        <v>101.475326979759</v>
      </c>
      <c r="CH14" s="27">
        <v>101.62873716991901</v>
      </c>
      <c r="CI14" s="27">
        <v>101.75643057875</v>
      </c>
      <c r="CJ14" s="27">
        <v>101.868826962233</v>
      </c>
      <c r="CK14" s="27">
        <v>101.95611740234</v>
      </c>
      <c r="CL14" s="27">
        <v>102.00808796499101</v>
      </c>
      <c r="CM14" s="27">
        <v>102.006216211574</v>
      </c>
      <c r="CN14" s="27">
        <v>101.953021544351</v>
      </c>
      <c r="CO14" s="27">
        <v>101.86253772636699</v>
      </c>
      <c r="CP14" s="27">
        <v>101.749614452177</v>
      </c>
      <c r="CQ14" s="27">
        <v>101.624773748693</v>
      </c>
      <c r="CR14" s="27">
        <v>101.493092600216</v>
      </c>
      <c r="CS14" s="27">
        <v>101.373945513561</v>
      </c>
      <c r="CT14" s="27">
        <v>101.277408091467</v>
      </c>
      <c r="CU14" s="27">
        <v>101.20295535439401</v>
      </c>
      <c r="CV14" s="27">
        <v>101.128404267202</v>
      </c>
      <c r="CW14" s="27">
        <v>101.01186841178099</v>
      </c>
      <c r="CX14" s="27">
        <v>100.820532381851</v>
      </c>
      <c r="CY14" s="27">
        <v>100.524795715126</v>
      </c>
      <c r="CZ14" s="27">
        <v>100.133902427558</v>
      </c>
      <c r="DA14" s="27">
        <v>99.673244632294001</v>
      </c>
      <c r="DB14" s="27">
        <v>99.175993323355996</v>
      </c>
      <c r="DC14" s="27">
        <v>98.689671872522993</v>
      </c>
      <c r="DD14" s="27">
        <v>98.280481896346004</v>
      </c>
      <c r="DE14" s="27">
        <v>97.971858250235996</v>
      </c>
      <c r="DF14" s="27">
        <v>97.767709152818</v>
      </c>
      <c r="DG14" s="27">
        <v>97.708000815369004</v>
      </c>
      <c r="DH14" s="27">
        <v>97.817862152009994</v>
      </c>
      <c r="DI14" s="27">
        <v>98.063483152280995</v>
      </c>
      <c r="DJ14" s="27">
        <v>98.384919502060995</v>
      </c>
      <c r="DK14" s="27">
        <v>98.724421775031999</v>
      </c>
      <c r="DL14" s="27">
        <v>99.050377840840994</v>
      </c>
      <c r="DM14" s="27">
        <v>99.330181221583999</v>
      </c>
      <c r="DN14" s="27">
        <v>99.550792143715</v>
      </c>
      <c r="DO14" s="27">
        <v>99.713087175094998</v>
      </c>
      <c r="DP14" s="27">
        <v>99.828858032682007</v>
      </c>
      <c r="DQ14" s="27">
        <v>99.896017644021995</v>
      </c>
      <c r="DR14" s="27">
        <v>99.921075937829002</v>
      </c>
      <c r="DS14" s="27">
        <v>99.926951837461004</v>
      </c>
      <c r="DT14" s="27">
        <v>99.918477887188999</v>
      </c>
      <c r="DU14" s="27">
        <v>99.895397762238005</v>
      </c>
      <c r="DV14" s="27">
        <v>99.870517747692006</v>
      </c>
      <c r="DW14" s="27">
        <v>99.862525358830993</v>
      </c>
      <c r="DX14" s="27">
        <v>99.889270662345993</v>
      </c>
      <c r="DY14" s="27">
        <v>99.953516210508994</v>
      </c>
      <c r="DZ14" s="27">
        <v>100.054543977745</v>
      </c>
      <c r="EA14" s="27">
        <v>100.17116580594799</v>
      </c>
      <c r="EB14" s="27">
        <v>100.273322283295</v>
      </c>
      <c r="EC14" s="27">
        <v>100.338692698142</v>
      </c>
      <c r="ED14" s="27">
        <v>100.35557361449401</v>
      </c>
      <c r="EE14" s="27">
        <v>100.335108748084</v>
      </c>
      <c r="EF14" s="27">
        <v>100.286924802233</v>
      </c>
      <c r="EG14" s="27">
        <v>100.217524790726</v>
      </c>
      <c r="EH14" s="27">
        <v>100.136276726646</v>
      </c>
      <c r="EI14" s="27">
        <v>100.052810255639</v>
      </c>
      <c r="EJ14" s="27">
        <v>99.970320801526995</v>
      </c>
      <c r="EK14" s="27">
        <v>99.899140197552001</v>
      </c>
      <c r="EL14" s="27">
        <v>99.851808423999998</v>
      </c>
      <c r="EM14" s="27">
        <v>99.842355783200006</v>
      </c>
      <c r="EN14" s="27">
        <v>99.857676650385997</v>
      </c>
      <c r="EO14" s="27">
        <v>99.888674990943997</v>
      </c>
      <c r="EP14" s="27">
        <v>99.931234109193994</v>
      </c>
      <c r="EQ14" s="27">
        <v>99.981959401474995</v>
      </c>
      <c r="ER14" s="27">
        <v>100.03482284103499</v>
      </c>
      <c r="ES14" s="27">
        <v>100.080125183455</v>
      </c>
      <c r="ET14" s="27">
        <v>100.11943825287599</v>
      </c>
      <c r="EU14" s="27">
        <v>100.161918103806</v>
      </c>
      <c r="EV14" s="27">
        <v>100.202961856057</v>
      </c>
      <c r="EW14" s="27">
        <v>100.245313158907</v>
      </c>
      <c r="EX14" s="27">
        <v>100.298235530921</v>
      </c>
      <c r="EY14" s="27">
        <v>100.357421921037</v>
      </c>
      <c r="EZ14" s="27">
        <v>100.414752962534</v>
      </c>
      <c r="FA14" s="27">
        <v>100.459212911932</v>
      </c>
      <c r="FB14" s="27">
        <v>100.471166925465</v>
      </c>
      <c r="FC14" s="27">
        <v>100.43739649814999</v>
      </c>
      <c r="FD14" s="27">
        <v>100.363850233558</v>
      </c>
      <c r="FE14" s="27">
        <v>100.263227184984</v>
      </c>
      <c r="FF14" s="27">
        <v>100.155774923043</v>
      </c>
      <c r="FG14" s="27">
        <v>100.056306392069</v>
      </c>
      <c r="FH14" s="27">
        <v>99.975464620360995</v>
      </c>
      <c r="FI14" s="27">
        <v>99.915818625333998</v>
      </c>
      <c r="FJ14" s="27">
        <v>99.879716663774005</v>
      </c>
      <c r="FK14" s="27">
        <v>99.856411304988995</v>
      </c>
      <c r="FL14" s="27">
        <v>99.830450896353</v>
      </c>
      <c r="FM14" s="27">
        <v>99.790390298570998</v>
      </c>
      <c r="FN14" s="27">
        <v>99.742041069357995</v>
      </c>
      <c r="FO14" s="27">
        <v>99.710805289172001</v>
      </c>
      <c r="FP14" s="27">
        <v>99.720441133905993</v>
      </c>
      <c r="FQ14" s="27">
        <v>99.769665245273004</v>
      </c>
      <c r="FR14" s="27">
        <v>99.849338054358995</v>
      </c>
      <c r="FS14" s="27">
        <v>99.942325660329999</v>
      </c>
      <c r="FT14" s="27">
        <v>100.026258073492</v>
      </c>
      <c r="FU14" s="27">
        <v>100.080806096388</v>
      </c>
      <c r="FV14" s="27">
        <v>100.091615447229</v>
      </c>
      <c r="FW14" s="27">
        <v>100.063099064366</v>
      </c>
      <c r="FX14" s="27">
        <v>100.008931940347</v>
      </c>
      <c r="FY14" s="27">
        <v>99.951806053265997</v>
      </c>
      <c r="FZ14" s="27">
        <v>99.914850039301996</v>
      </c>
      <c r="GA14" s="27">
        <v>99.912346823969997</v>
      </c>
      <c r="GB14" s="27">
        <v>99.928695169982007</v>
      </c>
      <c r="GC14" s="27">
        <v>99.952498543488005</v>
      </c>
      <c r="GD14" s="27">
        <v>99.968533822618994</v>
      </c>
      <c r="GE14" s="27">
        <v>99.966011640939996</v>
      </c>
      <c r="GF14" s="27">
        <v>99.940844050768007</v>
      </c>
      <c r="GG14" s="27">
        <v>99.898518313417</v>
      </c>
      <c r="GH14" s="27">
        <v>99.852046728914004</v>
      </c>
      <c r="GI14" s="27">
        <v>99.813239288499005</v>
      </c>
      <c r="GJ14" s="27">
        <v>99.782644949174994</v>
      </c>
      <c r="GK14" s="27">
        <v>99.769986774558006</v>
      </c>
      <c r="GL14" s="27">
        <v>99.782033909180001</v>
      </c>
      <c r="GM14" s="27">
        <v>99.816861740326004</v>
      </c>
      <c r="GN14" s="27">
        <v>99.868061838537002</v>
      </c>
      <c r="GO14" s="27">
        <v>99.921022374038003</v>
      </c>
      <c r="GP14" s="27">
        <v>99.970662927641996</v>
      </c>
      <c r="GQ14" s="7"/>
    </row>
    <row r="15" spans="1:209" ht="45" x14ac:dyDescent="0.25">
      <c r="A15" s="6" t="s">
        <v>201</v>
      </c>
      <c r="B15" s="27">
        <v>99.394234979306006</v>
      </c>
      <c r="C15" s="27">
        <v>99.382969935435</v>
      </c>
      <c r="D15" s="27">
        <v>99.389441946437998</v>
      </c>
      <c r="E15" s="27">
        <v>99.415947994475999</v>
      </c>
      <c r="F15" s="27">
        <v>99.450428238178006</v>
      </c>
      <c r="G15" s="27">
        <v>99.471789918016995</v>
      </c>
      <c r="H15" s="27">
        <v>99.462719549471998</v>
      </c>
      <c r="I15" s="27">
        <v>99.443220264123994</v>
      </c>
      <c r="J15" s="27">
        <v>99.43577327941</v>
      </c>
      <c r="K15" s="27">
        <v>99.443115287897001</v>
      </c>
      <c r="L15" s="27">
        <v>99.454939378302001</v>
      </c>
      <c r="M15" s="27">
        <v>99.46586693159</v>
      </c>
      <c r="N15" s="27">
        <v>99.468797930353006</v>
      </c>
      <c r="O15" s="27">
        <v>99.436038911400999</v>
      </c>
      <c r="P15" s="27">
        <v>99.358958183799999</v>
      </c>
      <c r="Q15" s="27">
        <v>99.25047763789</v>
      </c>
      <c r="R15" s="27">
        <v>99.139356496277998</v>
      </c>
      <c r="S15" s="27">
        <v>99.048365595518007</v>
      </c>
      <c r="T15" s="27">
        <v>98.982794389283001</v>
      </c>
      <c r="U15" s="27">
        <v>98.932506655929998</v>
      </c>
      <c r="V15" s="27">
        <v>98.884771619098998</v>
      </c>
      <c r="W15" s="27">
        <v>98.820129138275007</v>
      </c>
      <c r="X15" s="27">
        <v>98.741424530558007</v>
      </c>
      <c r="Y15" s="27">
        <v>98.669491067080003</v>
      </c>
      <c r="Z15" s="27">
        <v>98.627254663613996</v>
      </c>
      <c r="AA15" s="27">
        <v>98.633746608446003</v>
      </c>
      <c r="AB15" s="27">
        <v>98.700292903223001</v>
      </c>
      <c r="AC15" s="27">
        <v>98.829198681413999</v>
      </c>
      <c r="AD15" s="27">
        <v>99.006714122565995</v>
      </c>
      <c r="AE15" s="27">
        <v>99.200538170659996</v>
      </c>
      <c r="AF15" s="27">
        <v>99.386195234864005</v>
      </c>
      <c r="AG15" s="27">
        <v>99.556500579374998</v>
      </c>
      <c r="AH15" s="27">
        <v>99.713009986833001</v>
      </c>
      <c r="AI15" s="27">
        <v>99.856126938572004</v>
      </c>
      <c r="AJ15" s="27">
        <v>99.992444019543996</v>
      </c>
      <c r="AK15" s="27">
        <v>100.127406359682</v>
      </c>
      <c r="AL15" s="27">
        <v>100.257692315089</v>
      </c>
      <c r="AM15" s="27">
        <v>100.353596066629</v>
      </c>
      <c r="AN15" s="27">
        <v>100.38837228567</v>
      </c>
      <c r="AO15" s="27">
        <v>100.37066369009599</v>
      </c>
      <c r="AP15" s="27">
        <v>100.343166589104</v>
      </c>
      <c r="AQ15" s="27">
        <v>100.348129401672</v>
      </c>
      <c r="AR15" s="27">
        <v>100.391409340219</v>
      </c>
      <c r="AS15" s="27">
        <v>100.46711058116099</v>
      </c>
      <c r="AT15" s="27">
        <v>100.5478303654</v>
      </c>
      <c r="AU15" s="27">
        <v>100.608538452038</v>
      </c>
      <c r="AV15" s="27">
        <v>100.635950877765</v>
      </c>
      <c r="AW15" s="27">
        <v>100.642371484683</v>
      </c>
      <c r="AX15" s="27">
        <v>100.64557239187801</v>
      </c>
      <c r="AY15" s="27">
        <v>100.67591913506401</v>
      </c>
      <c r="AZ15" s="27">
        <v>100.74204014333399</v>
      </c>
      <c r="BA15" s="27">
        <v>100.835176358469</v>
      </c>
      <c r="BB15" s="27">
        <v>100.92544343823801</v>
      </c>
      <c r="BC15" s="27">
        <v>100.980455753757</v>
      </c>
      <c r="BD15" s="27">
        <v>100.991053649975</v>
      </c>
      <c r="BE15" s="27">
        <v>100.955787336136</v>
      </c>
      <c r="BF15" s="27">
        <v>100.88407727782</v>
      </c>
      <c r="BG15" s="27">
        <v>100.784277925768</v>
      </c>
      <c r="BH15" s="27">
        <v>100.669738974512</v>
      </c>
      <c r="BI15" s="27">
        <v>100.554530894682</v>
      </c>
      <c r="BJ15" s="27">
        <v>100.453095358982</v>
      </c>
      <c r="BK15" s="27">
        <v>100.364248801019</v>
      </c>
      <c r="BL15" s="27">
        <v>100.284126784078</v>
      </c>
      <c r="BM15" s="27">
        <v>100.20440869729801</v>
      </c>
      <c r="BN15" s="27">
        <v>100.11923786161</v>
      </c>
      <c r="BO15" s="27">
        <v>100.03304169651101</v>
      </c>
      <c r="BP15" s="27">
        <v>99.954777964819002</v>
      </c>
      <c r="BQ15" s="27">
        <v>99.889377595561996</v>
      </c>
      <c r="BR15" s="27">
        <v>99.829298810634</v>
      </c>
      <c r="BS15" s="27">
        <v>99.760494592933</v>
      </c>
      <c r="BT15" s="27">
        <v>99.685685346276998</v>
      </c>
      <c r="BU15" s="27">
        <v>99.633533199888006</v>
      </c>
      <c r="BV15" s="27">
        <v>99.633228758469997</v>
      </c>
      <c r="BW15" s="27">
        <v>99.699284034827997</v>
      </c>
      <c r="BX15" s="27">
        <v>99.827520622367004</v>
      </c>
      <c r="BY15" s="27">
        <v>99.981575965022003</v>
      </c>
      <c r="BZ15" s="27">
        <v>100.11050188492</v>
      </c>
      <c r="CA15" s="27">
        <v>100.17517830228</v>
      </c>
      <c r="CB15" s="27">
        <v>100.153811489501</v>
      </c>
      <c r="CC15" s="27">
        <v>100.06757074989601</v>
      </c>
      <c r="CD15" s="27">
        <v>99.947325955075996</v>
      </c>
      <c r="CE15" s="27">
        <v>99.821026717513007</v>
      </c>
      <c r="CF15" s="27">
        <v>99.715234896184995</v>
      </c>
      <c r="CG15" s="27">
        <v>99.647876971227006</v>
      </c>
      <c r="CH15" s="27">
        <v>99.625244029092997</v>
      </c>
      <c r="CI15" s="27">
        <v>99.638560796535003</v>
      </c>
      <c r="CJ15" s="27">
        <v>99.669403153190999</v>
      </c>
      <c r="CK15" s="27">
        <v>99.695910310776</v>
      </c>
      <c r="CL15" s="27">
        <v>99.710407876044002</v>
      </c>
      <c r="CM15" s="27">
        <v>99.711414334829996</v>
      </c>
      <c r="CN15" s="27">
        <v>99.697587513119004</v>
      </c>
      <c r="CO15" s="27">
        <v>99.667946245568004</v>
      </c>
      <c r="CP15" s="27">
        <v>99.613467712219006</v>
      </c>
      <c r="CQ15" s="27">
        <v>99.535534734045001</v>
      </c>
      <c r="CR15" s="27">
        <v>99.444447760540996</v>
      </c>
      <c r="CS15" s="27">
        <v>99.342349665363002</v>
      </c>
      <c r="CT15" s="27">
        <v>99.230008017323996</v>
      </c>
      <c r="CU15" s="27">
        <v>99.106440039050995</v>
      </c>
      <c r="CV15" s="27">
        <v>98.983027151849001</v>
      </c>
      <c r="CW15" s="27">
        <v>98.877758370565004</v>
      </c>
      <c r="CX15" s="27">
        <v>98.820160621932999</v>
      </c>
      <c r="CY15" s="27">
        <v>98.841265327436005</v>
      </c>
      <c r="CZ15" s="27">
        <v>98.979204603048998</v>
      </c>
      <c r="DA15" s="27">
        <v>99.270287357410993</v>
      </c>
      <c r="DB15" s="27">
        <v>99.728254152760996</v>
      </c>
      <c r="DC15" s="27">
        <v>100.29634715813999</v>
      </c>
      <c r="DD15" s="27">
        <v>100.85484789019699</v>
      </c>
      <c r="DE15" s="27">
        <v>101.338008601627</v>
      </c>
      <c r="DF15" s="27">
        <v>101.709488939953</v>
      </c>
      <c r="DG15" s="27">
        <v>101.933540392482</v>
      </c>
      <c r="DH15" s="27">
        <v>101.98716423133099</v>
      </c>
      <c r="DI15" s="27">
        <v>101.89667508347</v>
      </c>
      <c r="DJ15" s="27">
        <v>101.74578477082601</v>
      </c>
      <c r="DK15" s="27">
        <v>101.585512548929</v>
      </c>
      <c r="DL15" s="27">
        <v>101.428799617051</v>
      </c>
      <c r="DM15" s="27">
        <v>101.278906771043</v>
      </c>
      <c r="DN15" s="27">
        <v>101.137008885258</v>
      </c>
      <c r="DO15" s="27">
        <v>100.983107148228</v>
      </c>
      <c r="DP15" s="27">
        <v>100.81335391428701</v>
      </c>
      <c r="DQ15" s="27">
        <v>100.637645550843</v>
      </c>
      <c r="DR15" s="27">
        <v>100.476041198871</v>
      </c>
      <c r="DS15" s="27">
        <v>100.341767564866</v>
      </c>
      <c r="DT15" s="27">
        <v>100.241093229366</v>
      </c>
      <c r="DU15" s="27">
        <v>100.189816407398</v>
      </c>
      <c r="DV15" s="27">
        <v>100.188015910836</v>
      </c>
      <c r="DW15" s="27">
        <v>100.19690085655201</v>
      </c>
      <c r="DX15" s="27">
        <v>100.18429860282301</v>
      </c>
      <c r="DY15" s="27">
        <v>100.126693314533</v>
      </c>
      <c r="DZ15" s="27">
        <v>100.017271849577</v>
      </c>
      <c r="EA15" s="27">
        <v>99.859492146994</v>
      </c>
      <c r="EB15" s="27">
        <v>99.681222842763006</v>
      </c>
      <c r="EC15" s="27">
        <v>99.506337673660994</v>
      </c>
      <c r="ED15" s="27">
        <v>99.348297812194005</v>
      </c>
      <c r="EE15" s="27">
        <v>99.225782183991996</v>
      </c>
      <c r="EF15" s="27">
        <v>99.151760511725001</v>
      </c>
      <c r="EG15" s="27">
        <v>99.136815448156995</v>
      </c>
      <c r="EH15" s="27">
        <v>99.197759443818001</v>
      </c>
      <c r="EI15" s="27">
        <v>99.342200890691004</v>
      </c>
      <c r="EJ15" s="27">
        <v>99.566818763900997</v>
      </c>
      <c r="EK15" s="27">
        <v>99.858829738481006</v>
      </c>
      <c r="EL15" s="27">
        <v>100.164843848098</v>
      </c>
      <c r="EM15" s="27">
        <v>100.41524712512999</v>
      </c>
      <c r="EN15" s="27">
        <v>100.565560377216</v>
      </c>
      <c r="EO15" s="27">
        <v>100.61336779163</v>
      </c>
      <c r="EP15" s="27">
        <v>100.586887361802</v>
      </c>
      <c r="EQ15" s="27">
        <v>100.538683675073</v>
      </c>
      <c r="ER15" s="27">
        <v>100.524769655667</v>
      </c>
      <c r="ES15" s="27">
        <v>100.55274484528201</v>
      </c>
      <c r="ET15" s="27">
        <v>100.58580398224299</v>
      </c>
      <c r="EU15" s="27">
        <v>100.57104305086099</v>
      </c>
      <c r="EV15" s="27">
        <v>100.478974396539</v>
      </c>
      <c r="EW15" s="27">
        <v>100.330350414497</v>
      </c>
      <c r="EX15" s="27">
        <v>100.147730003722</v>
      </c>
      <c r="EY15" s="27">
        <v>99.950884504925995</v>
      </c>
      <c r="EZ15" s="27">
        <v>99.753135736624003</v>
      </c>
      <c r="FA15" s="27">
        <v>99.558986858316004</v>
      </c>
      <c r="FB15" s="27">
        <v>99.382341040011994</v>
      </c>
      <c r="FC15" s="27">
        <v>99.235511749661995</v>
      </c>
      <c r="FD15" s="27">
        <v>99.127093440660005</v>
      </c>
      <c r="FE15" s="27">
        <v>99.073695734205003</v>
      </c>
      <c r="FF15" s="27">
        <v>99.089087314802001</v>
      </c>
      <c r="FG15" s="27">
        <v>99.154151409307005</v>
      </c>
      <c r="FH15" s="27">
        <v>99.221617084561998</v>
      </c>
      <c r="FI15" s="27">
        <v>99.270578999093004</v>
      </c>
      <c r="FJ15" s="27">
        <v>99.287592157004994</v>
      </c>
      <c r="FK15" s="27">
        <v>99.266106941288996</v>
      </c>
      <c r="FL15" s="27">
        <v>99.218229023017997</v>
      </c>
      <c r="FM15" s="27">
        <v>99.159693057506004</v>
      </c>
      <c r="FN15" s="27">
        <v>99.102026045423003</v>
      </c>
      <c r="FO15" s="27">
        <v>99.043173186679994</v>
      </c>
      <c r="FP15" s="27">
        <v>98.978365782447995</v>
      </c>
      <c r="FQ15" s="27">
        <v>98.909674881100997</v>
      </c>
      <c r="FR15" s="27">
        <v>98.845300523879999</v>
      </c>
      <c r="FS15" s="27">
        <v>98.794510531832003</v>
      </c>
      <c r="FT15" s="27">
        <v>98.765878748950996</v>
      </c>
      <c r="FU15" s="27">
        <v>98.770198692798004</v>
      </c>
      <c r="FV15" s="27">
        <v>98.814458259494998</v>
      </c>
      <c r="FW15" s="27">
        <v>98.906245257308996</v>
      </c>
      <c r="FX15" s="27">
        <v>99.046654451446003</v>
      </c>
      <c r="FY15" s="27">
        <v>99.233012416677994</v>
      </c>
      <c r="FZ15" s="27">
        <v>99.438325391964</v>
      </c>
      <c r="GA15" s="27">
        <v>99.646648861811002</v>
      </c>
      <c r="GB15" s="27">
        <v>99.847987420300996</v>
      </c>
      <c r="GC15" s="27">
        <v>100.038683316218</v>
      </c>
      <c r="GD15" s="27">
        <v>100.224339331191</v>
      </c>
      <c r="GE15" s="27">
        <v>100.40780856292</v>
      </c>
      <c r="GF15" s="27">
        <v>100.58403408103599</v>
      </c>
      <c r="GG15" s="27">
        <v>100.737833078742</v>
      </c>
      <c r="GH15" s="27">
        <v>100.85420114468</v>
      </c>
      <c r="GI15" s="27">
        <v>100.938074185478</v>
      </c>
      <c r="GJ15" s="27">
        <v>101.017603734175</v>
      </c>
      <c r="GK15" s="27">
        <v>101.11195432233001</v>
      </c>
      <c r="GL15" s="27">
        <v>101.214431423828</v>
      </c>
      <c r="GM15" s="27">
        <v>101.29584746707501</v>
      </c>
      <c r="GN15" s="27">
        <v>101.349370866935</v>
      </c>
      <c r="GO15" s="27">
        <v>101.405334153257</v>
      </c>
      <c r="GP15" s="27">
        <v>101.481128985518</v>
      </c>
      <c r="GQ15" s="7"/>
    </row>
    <row r="16" spans="1:209" ht="45" x14ac:dyDescent="0.25">
      <c r="A16" s="6" t="s">
        <v>202</v>
      </c>
      <c r="B16" s="27">
        <v>100.084130600097</v>
      </c>
      <c r="C16" s="27">
        <v>99.963323643655997</v>
      </c>
      <c r="D16" s="27">
        <v>99.881128831072004</v>
      </c>
      <c r="E16" s="27">
        <v>99.883439687724007</v>
      </c>
      <c r="F16" s="27">
        <v>99.990051101426999</v>
      </c>
      <c r="G16" s="27">
        <v>100.172673786391</v>
      </c>
      <c r="H16" s="27">
        <v>100.39070549489</v>
      </c>
      <c r="I16" s="27">
        <v>100.628017589629</v>
      </c>
      <c r="J16" s="27">
        <v>100.88206980210001</v>
      </c>
      <c r="K16" s="27">
        <v>101.13820192970999</v>
      </c>
      <c r="L16" s="27">
        <v>101.364435276526</v>
      </c>
      <c r="M16" s="27">
        <v>101.51822650312199</v>
      </c>
      <c r="N16" s="27">
        <v>101.57084868122</v>
      </c>
      <c r="O16" s="27">
        <v>101.49936942996599</v>
      </c>
      <c r="P16" s="27">
        <v>101.297598206646</v>
      </c>
      <c r="Q16" s="27">
        <v>100.978078519064</v>
      </c>
      <c r="R16" s="27">
        <v>100.574302360584</v>
      </c>
      <c r="S16" s="27">
        <v>100.148093722007</v>
      </c>
      <c r="T16" s="27">
        <v>99.760340453992995</v>
      </c>
      <c r="U16" s="27">
        <v>99.424518694656996</v>
      </c>
      <c r="V16" s="27">
        <v>99.122079685499003</v>
      </c>
      <c r="W16" s="27">
        <v>98.835095227897995</v>
      </c>
      <c r="X16" s="27">
        <v>98.570973333249995</v>
      </c>
      <c r="Y16" s="27">
        <v>98.365908809355005</v>
      </c>
      <c r="Z16" s="27">
        <v>98.244812554774995</v>
      </c>
      <c r="AA16" s="27">
        <v>98.193016654619001</v>
      </c>
      <c r="AB16" s="27">
        <v>98.174949184737997</v>
      </c>
      <c r="AC16" s="27">
        <v>98.200255823684998</v>
      </c>
      <c r="AD16" s="27">
        <v>98.306195797125</v>
      </c>
      <c r="AE16" s="27">
        <v>98.467919761283994</v>
      </c>
      <c r="AF16" s="27">
        <v>98.652926910546995</v>
      </c>
      <c r="AG16" s="27">
        <v>98.855384776662007</v>
      </c>
      <c r="AH16" s="27">
        <v>99.085735229666994</v>
      </c>
      <c r="AI16" s="27">
        <v>99.321856187690997</v>
      </c>
      <c r="AJ16" s="27">
        <v>99.542198916057998</v>
      </c>
      <c r="AK16" s="27">
        <v>99.731260581849</v>
      </c>
      <c r="AL16" s="27">
        <v>99.852063918135997</v>
      </c>
      <c r="AM16" s="27">
        <v>99.834884663173</v>
      </c>
      <c r="AN16" s="27">
        <v>99.620083318623998</v>
      </c>
      <c r="AO16" s="27">
        <v>99.201437431182001</v>
      </c>
      <c r="AP16" s="27">
        <v>98.649237886860007</v>
      </c>
      <c r="AQ16" s="27">
        <v>98.078289808711006</v>
      </c>
      <c r="AR16" s="27">
        <v>97.594054796001998</v>
      </c>
      <c r="AS16" s="27">
        <v>97.259477529357</v>
      </c>
      <c r="AT16" s="27">
        <v>97.094327926877995</v>
      </c>
      <c r="AU16" s="27">
        <v>97.074430544129001</v>
      </c>
      <c r="AV16" s="27">
        <v>97.154655571947004</v>
      </c>
      <c r="AW16" s="27">
        <v>97.320633768262994</v>
      </c>
      <c r="AX16" s="27">
        <v>97.565861167947006</v>
      </c>
      <c r="AY16" s="27">
        <v>97.871515141152003</v>
      </c>
      <c r="AZ16" s="27">
        <v>98.204151300975994</v>
      </c>
      <c r="BA16" s="27">
        <v>98.531300096186996</v>
      </c>
      <c r="BB16" s="27">
        <v>98.851572871143006</v>
      </c>
      <c r="BC16" s="27">
        <v>99.150727669966997</v>
      </c>
      <c r="BD16" s="27">
        <v>99.434483589395001</v>
      </c>
      <c r="BE16" s="27">
        <v>99.713533881738996</v>
      </c>
      <c r="BF16" s="27">
        <v>99.990723548115</v>
      </c>
      <c r="BG16" s="27">
        <v>100.266739483457</v>
      </c>
      <c r="BH16" s="27">
        <v>100.538246782455</v>
      </c>
      <c r="BI16" s="27">
        <v>100.794840446788</v>
      </c>
      <c r="BJ16" s="27">
        <v>101.030621120139</v>
      </c>
      <c r="BK16" s="27">
        <v>101.243927102399</v>
      </c>
      <c r="BL16" s="27">
        <v>101.423519067147</v>
      </c>
      <c r="BM16" s="27">
        <v>101.55874137388901</v>
      </c>
      <c r="BN16" s="27">
        <v>101.64211424125099</v>
      </c>
      <c r="BO16" s="27">
        <v>101.671023227278</v>
      </c>
      <c r="BP16" s="27">
        <v>101.647543787153</v>
      </c>
      <c r="BQ16" s="27">
        <v>101.572297851727</v>
      </c>
      <c r="BR16" s="27">
        <v>101.446980661936</v>
      </c>
      <c r="BS16" s="27">
        <v>101.279242665627</v>
      </c>
      <c r="BT16" s="27">
        <v>101.077362189289</v>
      </c>
      <c r="BU16" s="27">
        <v>100.85177328032501</v>
      </c>
      <c r="BV16" s="27">
        <v>100.618762672724</v>
      </c>
      <c r="BW16" s="27">
        <v>100.394850338564</v>
      </c>
      <c r="BX16" s="27">
        <v>100.198088043868</v>
      </c>
      <c r="BY16" s="27">
        <v>100.040824193177</v>
      </c>
      <c r="BZ16" s="27">
        <v>99.928062547417994</v>
      </c>
      <c r="CA16" s="27">
        <v>99.859634314762999</v>
      </c>
      <c r="CB16" s="27">
        <v>99.827749925912002</v>
      </c>
      <c r="CC16" s="27">
        <v>99.823572053956994</v>
      </c>
      <c r="CD16" s="27">
        <v>99.839360530755002</v>
      </c>
      <c r="CE16" s="27">
        <v>99.869288442409996</v>
      </c>
      <c r="CF16" s="27">
        <v>99.910108250074003</v>
      </c>
      <c r="CG16" s="27">
        <v>99.960238950128002</v>
      </c>
      <c r="CH16" s="27">
        <v>100.01751121589599</v>
      </c>
      <c r="CI16" s="27">
        <v>100.0793848886</v>
      </c>
      <c r="CJ16" s="27">
        <v>100.14453359022799</v>
      </c>
      <c r="CK16" s="27">
        <v>100.212920651964</v>
      </c>
      <c r="CL16" s="27">
        <v>100.282681372024</v>
      </c>
      <c r="CM16" s="27">
        <v>100.34745300913301</v>
      </c>
      <c r="CN16" s="27">
        <v>100.406751004247</v>
      </c>
      <c r="CO16" s="27">
        <v>100.463118928008</v>
      </c>
      <c r="CP16" s="27">
        <v>100.51975886126699</v>
      </c>
      <c r="CQ16" s="27">
        <v>100.579047911168</v>
      </c>
      <c r="CR16" s="27">
        <v>100.639959157696</v>
      </c>
      <c r="CS16" s="27">
        <v>100.697726830734</v>
      </c>
      <c r="CT16" s="27">
        <v>100.75325514115301</v>
      </c>
      <c r="CU16" s="27">
        <v>100.81134105838601</v>
      </c>
      <c r="CV16" s="27">
        <v>100.879161452926</v>
      </c>
      <c r="CW16" s="27">
        <v>100.964681762647</v>
      </c>
      <c r="CX16" s="27">
        <v>101.07447207056801</v>
      </c>
      <c r="CY16" s="27">
        <v>101.21092745062199</v>
      </c>
      <c r="CZ16" s="27">
        <v>101.36671705638</v>
      </c>
      <c r="DA16" s="27">
        <v>101.521954983961</v>
      </c>
      <c r="DB16" s="27">
        <v>101.651633533064</v>
      </c>
      <c r="DC16" s="27">
        <v>101.732684950772</v>
      </c>
      <c r="DD16" s="27">
        <v>101.743225652533</v>
      </c>
      <c r="DE16" s="27">
        <v>101.661195677545</v>
      </c>
      <c r="DF16" s="27">
        <v>101.469704934129</v>
      </c>
      <c r="DG16" s="27">
        <v>101.167043080754</v>
      </c>
      <c r="DH16" s="27">
        <v>100.76676889208601</v>
      </c>
      <c r="DI16" s="27">
        <v>100.29728644447</v>
      </c>
      <c r="DJ16" s="27">
        <v>99.817060113870994</v>
      </c>
      <c r="DK16" s="27">
        <v>99.391697327114997</v>
      </c>
      <c r="DL16" s="27">
        <v>99.067153092569995</v>
      </c>
      <c r="DM16" s="27">
        <v>98.861775795027</v>
      </c>
      <c r="DN16" s="27">
        <v>98.763523440498005</v>
      </c>
      <c r="DO16" s="27">
        <v>98.746014093200998</v>
      </c>
      <c r="DP16" s="27">
        <v>98.781501850726002</v>
      </c>
      <c r="DQ16" s="27">
        <v>98.846229132079003</v>
      </c>
      <c r="DR16" s="27">
        <v>98.923812694374007</v>
      </c>
      <c r="DS16" s="27">
        <v>99.004698775017999</v>
      </c>
      <c r="DT16" s="27">
        <v>99.082858410170999</v>
      </c>
      <c r="DU16" s="27">
        <v>99.154985757866996</v>
      </c>
      <c r="DV16" s="27">
        <v>99.218961993940994</v>
      </c>
      <c r="DW16" s="27">
        <v>99.274564221467998</v>
      </c>
      <c r="DX16" s="27">
        <v>99.322911559689004</v>
      </c>
      <c r="DY16" s="27">
        <v>99.366490422972007</v>
      </c>
      <c r="DZ16" s="27">
        <v>99.407848066851002</v>
      </c>
      <c r="EA16" s="27">
        <v>99.448595260991993</v>
      </c>
      <c r="EB16" s="27">
        <v>99.490377290287995</v>
      </c>
      <c r="EC16" s="27">
        <v>99.533092688788003</v>
      </c>
      <c r="ED16" s="27">
        <v>99.575776975717005</v>
      </c>
      <c r="EE16" s="27">
        <v>99.619237532469</v>
      </c>
      <c r="EF16" s="27">
        <v>99.664040605338997</v>
      </c>
      <c r="EG16" s="27">
        <v>99.709328614441006</v>
      </c>
      <c r="EH16" s="27">
        <v>99.753371136191006</v>
      </c>
      <c r="EI16" s="27">
        <v>99.794983357917999</v>
      </c>
      <c r="EJ16" s="27">
        <v>99.834076444367</v>
      </c>
      <c r="EK16" s="27">
        <v>99.872356109568003</v>
      </c>
      <c r="EL16" s="27">
        <v>99.911380195811006</v>
      </c>
      <c r="EM16" s="27">
        <v>99.952511194408004</v>
      </c>
      <c r="EN16" s="27">
        <v>99.994908679388004</v>
      </c>
      <c r="EO16" s="27">
        <v>100.03711100336101</v>
      </c>
      <c r="EP16" s="27">
        <v>100.078504085297</v>
      </c>
      <c r="EQ16" s="27">
        <v>100.11984561883099</v>
      </c>
      <c r="ER16" s="27">
        <v>100.162890207198</v>
      </c>
      <c r="ES16" s="27">
        <v>100.21000045024201</v>
      </c>
      <c r="ET16" s="27">
        <v>100.263619359312</v>
      </c>
      <c r="EU16" s="27">
        <v>100.32353796692701</v>
      </c>
      <c r="EV16" s="27">
        <v>100.38842520728601</v>
      </c>
      <c r="EW16" s="27">
        <v>100.454996872715</v>
      </c>
      <c r="EX16" s="27">
        <v>100.51870778688701</v>
      </c>
      <c r="EY16" s="27">
        <v>100.573366041</v>
      </c>
      <c r="EZ16" s="27">
        <v>100.61094209452401</v>
      </c>
      <c r="FA16" s="27">
        <v>100.622953701396</v>
      </c>
      <c r="FB16" s="27">
        <v>100.603061291507</v>
      </c>
      <c r="FC16" s="27">
        <v>100.549623920843</v>
      </c>
      <c r="FD16" s="27">
        <v>100.47053669954499</v>
      </c>
      <c r="FE16" s="27">
        <v>100.388600214004</v>
      </c>
      <c r="FF16" s="27">
        <v>100.31761562553</v>
      </c>
      <c r="FG16" s="27">
        <v>100.25629277761</v>
      </c>
      <c r="FH16" s="27">
        <v>100.19566490842099</v>
      </c>
      <c r="FI16" s="27">
        <v>100.124743643668</v>
      </c>
      <c r="FJ16" s="27">
        <v>100.040288314821</v>
      </c>
      <c r="FK16" s="27">
        <v>99.954157020028006</v>
      </c>
      <c r="FL16" s="27">
        <v>99.880136158035995</v>
      </c>
      <c r="FM16" s="27">
        <v>99.829989449417994</v>
      </c>
      <c r="FN16" s="27">
        <v>99.799950121623993</v>
      </c>
      <c r="FO16" s="27">
        <v>99.777515487269994</v>
      </c>
      <c r="FP16" s="27">
        <v>99.745573511361002</v>
      </c>
      <c r="FQ16" s="27">
        <v>99.688329115041</v>
      </c>
      <c r="FR16" s="27">
        <v>99.597871760415998</v>
      </c>
      <c r="FS16" s="27">
        <v>99.482516224967</v>
      </c>
      <c r="FT16" s="27">
        <v>99.375116523361001</v>
      </c>
      <c r="FU16" s="27">
        <v>99.298135236497998</v>
      </c>
      <c r="FV16" s="27">
        <v>99.256853617012993</v>
      </c>
      <c r="FW16" s="27">
        <v>99.247765856070998</v>
      </c>
      <c r="FX16" s="27">
        <v>99.262994431522998</v>
      </c>
      <c r="FY16" s="27">
        <v>99.293713453047999</v>
      </c>
      <c r="FZ16" s="27">
        <v>99.331777465119004</v>
      </c>
      <c r="GA16" s="27">
        <v>99.371557477693003</v>
      </c>
      <c r="GB16" s="27">
        <v>99.409833817340001</v>
      </c>
      <c r="GC16" s="27">
        <v>99.445518825568001</v>
      </c>
      <c r="GD16" s="27">
        <v>99.479441906915</v>
      </c>
      <c r="GE16" s="27">
        <v>99.514276700265995</v>
      </c>
      <c r="GF16" s="27">
        <v>99.554552829567001</v>
      </c>
      <c r="GG16" s="27">
        <v>99.606562582294998</v>
      </c>
      <c r="GH16" s="27">
        <v>99.677839894298003</v>
      </c>
      <c r="GI16" s="27">
        <v>99.778486154538001</v>
      </c>
      <c r="GJ16" s="27">
        <v>99.919713734623002</v>
      </c>
      <c r="GK16" s="27">
        <v>100.106182383213</v>
      </c>
      <c r="GL16" s="27">
        <v>100.32947262484601</v>
      </c>
      <c r="GM16" s="27">
        <v>100.570306293985</v>
      </c>
      <c r="GN16" s="27">
        <v>100.802813828495</v>
      </c>
      <c r="GO16" s="27">
        <v>101.00288099746101</v>
      </c>
      <c r="GP16" s="27">
        <v>101.169447491497</v>
      </c>
      <c r="GQ16" s="7">
        <v>101.312327716833</v>
      </c>
    </row>
    <row r="17" spans="1:199" ht="45" x14ac:dyDescent="0.25">
      <c r="A17" s="6" t="s">
        <v>203</v>
      </c>
      <c r="B17" s="27">
        <v>102.31765554136901</v>
      </c>
      <c r="C17" s="27">
        <v>102.394353862952</v>
      </c>
      <c r="D17" s="27">
        <v>102.470027816129</v>
      </c>
      <c r="E17" s="27">
        <v>102.53200902102</v>
      </c>
      <c r="F17" s="27">
        <v>102.571897273202</v>
      </c>
      <c r="G17" s="27">
        <v>102.59050540641201</v>
      </c>
      <c r="H17" s="27">
        <v>102.56555668830499</v>
      </c>
      <c r="I17" s="27">
        <v>102.476023942398</v>
      </c>
      <c r="J17" s="27">
        <v>102.30927251922</v>
      </c>
      <c r="K17" s="27">
        <v>102.07401567775599</v>
      </c>
      <c r="L17" s="27">
        <v>101.800706390093</v>
      </c>
      <c r="M17" s="27">
        <v>101.508164026831</v>
      </c>
      <c r="N17" s="27">
        <v>101.213043216497</v>
      </c>
      <c r="O17" s="27">
        <v>100.921185597423</v>
      </c>
      <c r="P17" s="27">
        <v>100.652405471854</v>
      </c>
      <c r="Q17" s="27">
        <v>100.4414285297</v>
      </c>
      <c r="R17" s="27">
        <v>100.270151022359</v>
      </c>
      <c r="S17" s="27">
        <v>100.086936522927</v>
      </c>
      <c r="T17" s="27">
        <v>99.879961506140006</v>
      </c>
      <c r="U17" s="27">
        <v>99.668786259250993</v>
      </c>
      <c r="V17" s="27">
        <v>99.495219324966001</v>
      </c>
      <c r="W17" s="27">
        <v>99.420334236751003</v>
      </c>
      <c r="X17" s="27">
        <v>99.428733013805001</v>
      </c>
      <c r="Y17" s="27">
        <v>99.463351743626006</v>
      </c>
      <c r="Z17" s="27">
        <v>99.470792463587003</v>
      </c>
      <c r="AA17" s="27">
        <v>99.413126816342</v>
      </c>
      <c r="AB17" s="27">
        <v>99.265671104171005</v>
      </c>
      <c r="AC17" s="27">
        <v>98.991003499106</v>
      </c>
      <c r="AD17" s="27">
        <v>98.594646493601005</v>
      </c>
      <c r="AE17" s="27">
        <v>98.113189890007007</v>
      </c>
      <c r="AF17" s="27">
        <v>97.617457361521005</v>
      </c>
      <c r="AG17" s="27">
        <v>97.192118250576996</v>
      </c>
      <c r="AH17" s="27">
        <v>96.867869850410997</v>
      </c>
      <c r="AI17" s="27">
        <v>96.662732866775997</v>
      </c>
      <c r="AJ17" s="27">
        <v>96.561088479212998</v>
      </c>
      <c r="AK17" s="27">
        <v>96.515948482488</v>
      </c>
      <c r="AL17" s="27">
        <v>96.514847357655</v>
      </c>
      <c r="AM17" s="27">
        <v>96.573456928547998</v>
      </c>
      <c r="AN17" s="27">
        <v>96.733331521009006</v>
      </c>
      <c r="AO17" s="27">
        <v>96.997268789515999</v>
      </c>
      <c r="AP17" s="27">
        <v>97.328315435099</v>
      </c>
      <c r="AQ17" s="27">
        <v>97.677013345503994</v>
      </c>
      <c r="AR17" s="27">
        <v>98.003942589442005</v>
      </c>
      <c r="AS17" s="27">
        <v>98.304287285989005</v>
      </c>
      <c r="AT17" s="27">
        <v>98.588594751117</v>
      </c>
      <c r="AU17" s="27">
        <v>98.858321702457999</v>
      </c>
      <c r="AV17" s="27">
        <v>99.112321606769996</v>
      </c>
      <c r="AW17" s="27">
        <v>99.344153831366</v>
      </c>
      <c r="AX17" s="27">
        <v>99.533026684939003</v>
      </c>
      <c r="AY17" s="27">
        <v>99.652766534413004</v>
      </c>
      <c r="AZ17" s="27">
        <v>99.700195215215004</v>
      </c>
      <c r="BA17" s="27">
        <v>99.694241067039997</v>
      </c>
      <c r="BB17" s="27">
        <v>99.655825893419006</v>
      </c>
      <c r="BC17" s="27">
        <v>99.614435973788005</v>
      </c>
      <c r="BD17" s="27">
        <v>99.584699129293</v>
      </c>
      <c r="BE17" s="27">
        <v>99.592549032790004</v>
      </c>
      <c r="BF17" s="27">
        <v>99.653919451389001</v>
      </c>
      <c r="BG17" s="27">
        <v>99.758543182455</v>
      </c>
      <c r="BH17" s="27">
        <v>99.887664645746</v>
      </c>
      <c r="BI17" s="27">
        <v>100.005164743875</v>
      </c>
      <c r="BJ17" s="27">
        <v>100.08715212283801</v>
      </c>
      <c r="BK17" s="27">
        <v>100.135075229663</v>
      </c>
      <c r="BL17" s="27">
        <v>100.15437329992101</v>
      </c>
      <c r="BM17" s="27">
        <v>100.163170516725</v>
      </c>
      <c r="BN17" s="27">
        <v>100.18544194572701</v>
      </c>
      <c r="BO17" s="27">
        <v>100.225112815003</v>
      </c>
      <c r="BP17" s="27">
        <v>100.273269029453</v>
      </c>
      <c r="BQ17" s="27">
        <v>100.32188294859699</v>
      </c>
      <c r="BR17" s="27">
        <v>100.373613098202</v>
      </c>
      <c r="BS17" s="27">
        <v>100.438080254125</v>
      </c>
      <c r="BT17" s="27">
        <v>100.527673575045</v>
      </c>
      <c r="BU17" s="27">
        <v>100.625643881431</v>
      </c>
      <c r="BV17" s="27">
        <v>100.712213578231</v>
      </c>
      <c r="BW17" s="27">
        <v>100.774072598527</v>
      </c>
      <c r="BX17" s="27">
        <v>100.808696320672</v>
      </c>
      <c r="BY17" s="27">
        <v>100.817085606669</v>
      </c>
      <c r="BZ17" s="27">
        <v>100.812173485204</v>
      </c>
      <c r="CA17" s="27">
        <v>100.82301646813799</v>
      </c>
      <c r="CB17" s="27">
        <v>100.885538743881</v>
      </c>
      <c r="CC17" s="27">
        <v>101.014364955094</v>
      </c>
      <c r="CD17" s="27">
        <v>101.202708119086</v>
      </c>
      <c r="CE17" s="27">
        <v>101.425739211964</v>
      </c>
      <c r="CF17" s="27">
        <v>101.65401132144601</v>
      </c>
      <c r="CG17" s="27">
        <v>101.868073916032</v>
      </c>
      <c r="CH17" s="27">
        <v>102.058571357907</v>
      </c>
      <c r="CI17" s="27">
        <v>102.22884004428199</v>
      </c>
      <c r="CJ17" s="27">
        <v>102.386230537625</v>
      </c>
      <c r="CK17" s="27">
        <v>102.543179250235</v>
      </c>
      <c r="CL17" s="27">
        <v>102.682001208683</v>
      </c>
      <c r="CM17" s="27">
        <v>102.780139375356</v>
      </c>
      <c r="CN17" s="27">
        <v>102.82994578685</v>
      </c>
      <c r="CO17" s="27">
        <v>102.834386410104</v>
      </c>
      <c r="CP17" s="27">
        <v>102.808066815701</v>
      </c>
      <c r="CQ17" s="27">
        <v>102.737357571648</v>
      </c>
      <c r="CR17" s="27">
        <v>102.609674365675</v>
      </c>
      <c r="CS17" s="27">
        <v>102.44533857854</v>
      </c>
      <c r="CT17" s="27">
        <v>102.261680937191</v>
      </c>
      <c r="CU17" s="27">
        <v>102.096053129464</v>
      </c>
      <c r="CV17" s="27">
        <v>101.95627190146899</v>
      </c>
      <c r="CW17" s="27">
        <v>101.81806199332701</v>
      </c>
      <c r="CX17" s="27">
        <v>101.610714714916</v>
      </c>
      <c r="CY17" s="27">
        <v>101.26492838649099</v>
      </c>
      <c r="CZ17" s="27">
        <v>100.75079886534699</v>
      </c>
      <c r="DA17" s="27">
        <v>100.062948335334</v>
      </c>
      <c r="DB17" s="27">
        <v>99.199949415739994</v>
      </c>
      <c r="DC17" s="27">
        <v>98.232481698857001</v>
      </c>
      <c r="DD17" s="27">
        <v>97.319513516559994</v>
      </c>
      <c r="DE17" s="27">
        <v>96.570800550711994</v>
      </c>
      <c r="DF17" s="27">
        <v>96.028922012706005</v>
      </c>
      <c r="DG17" s="27">
        <v>95.718283587117</v>
      </c>
      <c r="DH17" s="27">
        <v>95.672234535021005</v>
      </c>
      <c r="DI17" s="27">
        <v>95.889977145285997</v>
      </c>
      <c r="DJ17" s="27">
        <v>96.284021110569</v>
      </c>
      <c r="DK17" s="27">
        <v>96.768305161331</v>
      </c>
      <c r="DL17" s="27">
        <v>97.286419028938994</v>
      </c>
      <c r="DM17" s="27">
        <v>97.800182789155997</v>
      </c>
      <c r="DN17" s="27">
        <v>98.261392795022999</v>
      </c>
      <c r="DO17" s="27">
        <v>98.643490233378003</v>
      </c>
      <c r="DP17" s="27">
        <v>98.93833430123</v>
      </c>
      <c r="DQ17" s="27">
        <v>99.147421853016994</v>
      </c>
      <c r="DR17" s="27">
        <v>99.276426657781997</v>
      </c>
      <c r="DS17" s="27">
        <v>99.336881942616998</v>
      </c>
      <c r="DT17" s="27">
        <v>99.345619771688007</v>
      </c>
      <c r="DU17" s="27">
        <v>99.289692470348996</v>
      </c>
      <c r="DV17" s="27">
        <v>99.174384589038993</v>
      </c>
      <c r="DW17" s="27">
        <v>99.059557229315999</v>
      </c>
      <c r="DX17" s="27">
        <v>99.008021728792002</v>
      </c>
      <c r="DY17" s="27">
        <v>99.055965335029995</v>
      </c>
      <c r="DZ17" s="27">
        <v>99.210058121508993</v>
      </c>
      <c r="EA17" s="27">
        <v>99.446476678915005</v>
      </c>
      <c r="EB17" s="27">
        <v>99.724521627597994</v>
      </c>
      <c r="EC17" s="27">
        <v>100.00473698695799</v>
      </c>
      <c r="ED17" s="27">
        <v>100.245436131296</v>
      </c>
      <c r="EE17" s="27">
        <v>100.409713973023</v>
      </c>
      <c r="EF17" s="27">
        <v>100.47290059591499</v>
      </c>
      <c r="EG17" s="27">
        <v>100.43255851880799</v>
      </c>
      <c r="EH17" s="27">
        <v>100.286971993558</v>
      </c>
      <c r="EI17" s="27">
        <v>100.05113639015499</v>
      </c>
      <c r="EJ17" s="27">
        <v>99.766044111362007</v>
      </c>
      <c r="EK17" s="27">
        <v>99.474123620285994</v>
      </c>
      <c r="EL17" s="27">
        <v>99.259976924163993</v>
      </c>
      <c r="EM17" s="27">
        <v>99.163127078551994</v>
      </c>
      <c r="EN17" s="27">
        <v>99.177965559656002</v>
      </c>
      <c r="EO17" s="27">
        <v>99.279496251526993</v>
      </c>
      <c r="EP17" s="27">
        <v>99.429726110768001</v>
      </c>
      <c r="EQ17" s="27">
        <v>99.575757686808998</v>
      </c>
      <c r="ER17" s="27">
        <v>99.672812157619006</v>
      </c>
      <c r="ES17" s="27">
        <v>99.702024197247994</v>
      </c>
      <c r="ET17" s="27">
        <v>99.680350480157003</v>
      </c>
      <c r="EU17" s="27">
        <v>99.648883533721005</v>
      </c>
      <c r="EV17" s="27">
        <v>99.636306628084</v>
      </c>
      <c r="EW17" s="27">
        <v>99.640954615134007</v>
      </c>
      <c r="EX17" s="27">
        <v>99.648268057940996</v>
      </c>
      <c r="EY17" s="27">
        <v>99.651048781100997</v>
      </c>
      <c r="EZ17" s="27">
        <v>99.666201917923004</v>
      </c>
      <c r="FA17" s="27">
        <v>99.722514837008006</v>
      </c>
      <c r="FB17" s="27">
        <v>99.823091222027003</v>
      </c>
      <c r="FC17" s="27">
        <v>99.950651568111994</v>
      </c>
      <c r="FD17" s="27">
        <v>100.088125640313</v>
      </c>
      <c r="FE17" s="27">
        <v>100.220157072153</v>
      </c>
      <c r="FF17" s="27">
        <v>100.337320364956</v>
      </c>
      <c r="FG17" s="27">
        <v>100.429341956665</v>
      </c>
      <c r="FH17" s="27">
        <v>100.50703801853901</v>
      </c>
      <c r="FI17" s="27">
        <v>100.574901307913</v>
      </c>
      <c r="FJ17" s="27">
        <v>100.64420141583901</v>
      </c>
      <c r="FK17" s="27">
        <v>100.71983452789701</v>
      </c>
      <c r="FL17" s="27">
        <v>100.795567858981</v>
      </c>
      <c r="FM17" s="27">
        <v>100.85713807785601</v>
      </c>
      <c r="FN17" s="27">
        <v>100.900837179013</v>
      </c>
      <c r="FO17" s="27">
        <v>100.932345881728</v>
      </c>
      <c r="FP17" s="27">
        <v>100.96187828238</v>
      </c>
      <c r="FQ17" s="27">
        <v>100.990219908527</v>
      </c>
      <c r="FR17" s="27">
        <v>101.02065878002099</v>
      </c>
      <c r="FS17" s="27">
        <v>101.04833672987201</v>
      </c>
      <c r="FT17" s="27">
        <v>101.061522687045</v>
      </c>
      <c r="FU17" s="27">
        <v>101.05799230370999</v>
      </c>
      <c r="FV17" s="27">
        <v>101.04732900096199</v>
      </c>
      <c r="FW17" s="27">
        <v>101.036989193507</v>
      </c>
      <c r="FX17" s="27">
        <v>101.038920538548</v>
      </c>
      <c r="FY17" s="27">
        <v>101.035587993097</v>
      </c>
      <c r="FZ17" s="27">
        <v>101.02035191521399</v>
      </c>
      <c r="GA17" s="27">
        <v>100.993389512416</v>
      </c>
      <c r="GB17" s="27">
        <v>100.942536377452</v>
      </c>
      <c r="GC17" s="27">
        <v>100.860670841282</v>
      </c>
      <c r="GD17" s="27">
        <v>100.73990183989601</v>
      </c>
      <c r="GE17" s="27">
        <v>100.575496381604</v>
      </c>
      <c r="GF17" s="27">
        <v>100.373549707922</v>
      </c>
      <c r="GG17" s="27">
        <v>100.148927388486</v>
      </c>
      <c r="GH17" s="27">
        <v>99.929187397540005</v>
      </c>
      <c r="GI17" s="27">
        <v>99.738431218535993</v>
      </c>
      <c r="GJ17" s="27">
        <v>99.561054777520994</v>
      </c>
      <c r="GK17" s="27">
        <v>99.384170347128006</v>
      </c>
      <c r="GL17" s="27">
        <v>99.226916345649997</v>
      </c>
      <c r="GM17" s="27">
        <v>99.133219075444998</v>
      </c>
      <c r="GN17" s="27">
        <v>99.112597953407999</v>
      </c>
      <c r="GO17" s="27">
        <v>99.131921822112005</v>
      </c>
      <c r="GP17" s="27">
        <v>99.16335385136</v>
      </c>
      <c r="GQ17" s="7">
        <v>99.198645418097001</v>
      </c>
    </row>
    <row r="18" spans="1:199" ht="30" x14ac:dyDescent="0.25">
      <c r="A18" s="6" t="s">
        <v>204</v>
      </c>
      <c r="B18" s="27"/>
      <c r="C18" s="27"/>
      <c r="D18" s="27"/>
      <c r="E18" s="27"/>
      <c r="F18" s="27"/>
      <c r="G18" s="27"/>
      <c r="H18" s="27"/>
      <c r="I18" s="27"/>
      <c r="J18" s="27"/>
      <c r="K18" s="27"/>
      <c r="L18" s="27"/>
      <c r="M18" s="27"/>
      <c r="N18" s="27"/>
      <c r="O18" s="27"/>
      <c r="P18" s="27"/>
      <c r="Q18" s="27"/>
      <c r="R18" s="27"/>
      <c r="S18" s="27"/>
      <c r="T18" s="27"/>
      <c r="U18" s="27"/>
      <c r="V18" s="27"/>
      <c r="W18" s="27"/>
      <c r="X18" s="27"/>
      <c r="Y18" s="27"/>
      <c r="Z18" s="27"/>
      <c r="AA18" s="27"/>
      <c r="AB18" s="27"/>
      <c r="AC18" s="27"/>
      <c r="AD18" s="27"/>
      <c r="AE18" s="27"/>
      <c r="AF18" s="27"/>
      <c r="AG18" s="27"/>
      <c r="AH18" s="27"/>
      <c r="AI18" s="27"/>
      <c r="AJ18" s="27"/>
      <c r="AK18" s="27"/>
      <c r="AL18" s="27"/>
      <c r="AM18" s="27"/>
      <c r="AN18" s="27"/>
      <c r="AO18" s="27"/>
      <c r="AP18" s="27"/>
      <c r="AQ18" s="27"/>
      <c r="AR18" s="27"/>
      <c r="AS18" s="27"/>
      <c r="AT18" s="27"/>
      <c r="AU18" s="27"/>
      <c r="AV18" s="27"/>
      <c r="AW18" s="27"/>
      <c r="AX18" s="27">
        <v>99.008693656480006</v>
      </c>
      <c r="AY18" s="27">
        <v>99.115155453162004</v>
      </c>
      <c r="AZ18" s="27">
        <v>99.226742952286997</v>
      </c>
      <c r="BA18" s="27">
        <v>99.361434859208003</v>
      </c>
      <c r="BB18" s="27">
        <v>99.494581554728995</v>
      </c>
      <c r="BC18" s="27">
        <v>99.606750995292003</v>
      </c>
      <c r="BD18" s="27">
        <v>99.690877000328996</v>
      </c>
      <c r="BE18" s="27">
        <v>99.751278767334995</v>
      </c>
      <c r="BF18" s="27">
        <v>99.793257559438004</v>
      </c>
      <c r="BG18" s="27">
        <v>99.823878234122006</v>
      </c>
      <c r="BH18" s="27">
        <v>99.854290253906001</v>
      </c>
      <c r="BI18" s="27">
        <v>99.883851027440002</v>
      </c>
      <c r="BJ18" s="27">
        <v>99.912801687555998</v>
      </c>
      <c r="BK18" s="27">
        <v>99.934881938016005</v>
      </c>
      <c r="BL18" s="27">
        <v>99.941171703053996</v>
      </c>
      <c r="BM18" s="27">
        <v>99.933884848708999</v>
      </c>
      <c r="BN18" s="27">
        <v>99.919675190074003</v>
      </c>
      <c r="BO18" s="27">
        <v>99.907197418766998</v>
      </c>
      <c r="BP18" s="27">
        <v>99.910356045013003</v>
      </c>
      <c r="BQ18" s="27">
        <v>99.943715192926007</v>
      </c>
      <c r="BR18" s="27">
        <v>100.01363619323099</v>
      </c>
      <c r="BS18" s="27">
        <v>100.112075785535</v>
      </c>
      <c r="BT18" s="27">
        <v>100.222516811083</v>
      </c>
      <c r="BU18" s="27">
        <v>100.335981437288</v>
      </c>
      <c r="BV18" s="27">
        <v>100.44298297944</v>
      </c>
      <c r="BW18" s="27">
        <v>100.54024393112999</v>
      </c>
      <c r="BX18" s="27">
        <v>100.63187081562</v>
      </c>
      <c r="BY18" s="27">
        <v>100.716577905164</v>
      </c>
      <c r="BZ18" s="27">
        <v>100.800433336765</v>
      </c>
      <c r="CA18" s="27">
        <v>100.89099152163899</v>
      </c>
      <c r="CB18" s="27">
        <v>100.98634551579801</v>
      </c>
      <c r="CC18" s="27">
        <v>101.078907654934</v>
      </c>
      <c r="CD18" s="27">
        <v>101.173061861885</v>
      </c>
      <c r="CE18" s="27">
        <v>101.27316331858199</v>
      </c>
      <c r="CF18" s="27">
        <v>101.39480360116001</v>
      </c>
      <c r="CG18" s="27">
        <v>101.539090858948</v>
      </c>
      <c r="CH18" s="27">
        <v>101.673627256231</v>
      </c>
      <c r="CI18" s="27">
        <v>101.77548602269</v>
      </c>
      <c r="CJ18" s="27">
        <v>101.826455544523</v>
      </c>
      <c r="CK18" s="27">
        <v>101.82899809353501</v>
      </c>
      <c r="CL18" s="27">
        <v>101.79628650148101</v>
      </c>
      <c r="CM18" s="27">
        <v>101.748032489561</v>
      </c>
      <c r="CN18" s="27">
        <v>101.696677265906</v>
      </c>
      <c r="CO18" s="27">
        <v>101.647172368379</v>
      </c>
      <c r="CP18" s="27">
        <v>101.593043683354</v>
      </c>
      <c r="CQ18" s="27">
        <v>101.530352491336</v>
      </c>
      <c r="CR18" s="27">
        <v>101.440866904834</v>
      </c>
      <c r="CS18" s="27">
        <v>101.303732524821</v>
      </c>
      <c r="CT18" s="27">
        <v>101.108830028006</v>
      </c>
      <c r="CU18" s="27">
        <v>100.85568974779299</v>
      </c>
      <c r="CV18" s="27">
        <v>100.569246431888</v>
      </c>
      <c r="CW18" s="27">
        <v>100.25901498519799</v>
      </c>
      <c r="CX18" s="27">
        <v>99.931607707428</v>
      </c>
      <c r="CY18" s="27">
        <v>99.552286361534996</v>
      </c>
      <c r="CZ18" s="27">
        <v>99.087000678368994</v>
      </c>
      <c r="DA18" s="27">
        <v>98.508467406999998</v>
      </c>
      <c r="DB18" s="27">
        <v>97.803129892932006</v>
      </c>
      <c r="DC18" s="27">
        <v>97.029099425435007</v>
      </c>
      <c r="DD18" s="27">
        <v>96.308475728114999</v>
      </c>
      <c r="DE18" s="27">
        <v>95.725886990044998</v>
      </c>
      <c r="DF18" s="27">
        <v>95.340850987321005</v>
      </c>
      <c r="DG18" s="27">
        <v>95.174071236906002</v>
      </c>
      <c r="DH18" s="27">
        <v>95.220034391482002</v>
      </c>
      <c r="DI18" s="27">
        <v>95.426845771695</v>
      </c>
      <c r="DJ18" s="27">
        <v>95.730775853587005</v>
      </c>
      <c r="DK18" s="27">
        <v>96.097739715136001</v>
      </c>
      <c r="DL18" s="27">
        <v>96.497336397135996</v>
      </c>
      <c r="DM18" s="27">
        <v>96.903321690563999</v>
      </c>
      <c r="DN18" s="27">
        <v>97.303843280704001</v>
      </c>
      <c r="DO18" s="27">
        <v>97.691762794289005</v>
      </c>
      <c r="DP18" s="27">
        <v>98.079807102700997</v>
      </c>
      <c r="DQ18" s="27">
        <v>98.494767877840999</v>
      </c>
      <c r="DR18" s="27">
        <v>98.944919594468004</v>
      </c>
      <c r="DS18" s="27">
        <v>99.440418401130998</v>
      </c>
      <c r="DT18" s="27">
        <v>99.955629448159002</v>
      </c>
      <c r="DU18" s="27">
        <v>100.442039870705</v>
      </c>
      <c r="DV18" s="27">
        <v>100.857786796063</v>
      </c>
      <c r="DW18" s="27">
        <v>101.18212532604301</v>
      </c>
      <c r="DX18" s="27">
        <v>101.418762995633</v>
      </c>
      <c r="DY18" s="27">
        <v>101.582580226199</v>
      </c>
      <c r="DZ18" s="27">
        <v>101.69344874757201</v>
      </c>
      <c r="EA18" s="27">
        <v>101.766350240421</v>
      </c>
      <c r="EB18" s="27">
        <v>101.80740321165101</v>
      </c>
      <c r="EC18" s="27">
        <v>101.814228951199</v>
      </c>
      <c r="ED18" s="27">
        <v>101.780376848177</v>
      </c>
      <c r="EE18" s="27">
        <v>101.704755437372</v>
      </c>
      <c r="EF18" s="27">
        <v>101.59325149645299</v>
      </c>
      <c r="EG18" s="27">
        <v>101.46215813879201</v>
      </c>
      <c r="EH18" s="27">
        <v>101.32498887324</v>
      </c>
      <c r="EI18" s="27">
        <v>101.177517064236</v>
      </c>
      <c r="EJ18" s="27">
        <v>101.017835981375</v>
      </c>
      <c r="EK18" s="27">
        <v>100.853007697537</v>
      </c>
      <c r="EL18" s="27">
        <v>100.711217057561</v>
      </c>
      <c r="EM18" s="27">
        <v>100.60423732523201</v>
      </c>
      <c r="EN18" s="27">
        <v>100.536320374171</v>
      </c>
      <c r="EO18" s="27">
        <v>100.493257295071</v>
      </c>
      <c r="EP18" s="27">
        <v>100.46627892659301</v>
      </c>
      <c r="EQ18" s="27">
        <v>100.43921819998999</v>
      </c>
      <c r="ER18" s="27">
        <v>100.400325745777</v>
      </c>
      <c r="ES18" s="27">
        <v>100.358493146905</v>
      </c>
      <c r="ET18" s="27">
        <v>100.335511564093</v>
      </c>
      <c r="EU18" s="27">
        <v>100.355643124761</v>
      </c>
      <c r="EV18" s="27">
        <v>100.423447161075</v>
      </c>
      <c r="EW18" s="27">
        <v>100.53093471134299</v>
      </c>
      <c r="EX18" s="27">
        <v>100.661031404024</v>
      </c>
      <c r="EY18" s="27">
        <v>100.801518921728</v>
      </c>
      <c r="EZ18" s="27">
        <v>100.937962498204</v>
      </c>
      <c r="FA18" s="27">
        <v>101.05587410433399</v>
      </c>
      <c r="FB18" s="27">
        <v>101.13906160719399</v>
      </c>
      <c r="FC18" s="27">
        <v>101.17430294972399</v>
      </c>
      <c r="FD18" s="27">
        <v>101.157896528191</v>
      </c>
      <c r="FE18" s="27">
        <v>101.09004869929301</v>
      </c>
      <c r="FF18" s="27">
        <v>100.97151981640501</v>
      </c>
      <c r="FG18" s="27">
        <v>100.802712473966</v>
      </c>
      <c r="FH18" s="27">
        <v>100.59312105556999</v>
      </c>
      <c r="FI18" s="27">
        <v>100.352440405057</v>
      </c>
      <c r="FJ18" s="27">
        <v>100.097454894178</v>
      </c>
      <c r="FK18" s="27">
        <v>99.873533659526004</v>
      </c>
      <c r="FL18" s="27">
        <v>99.717264996414997</v>
      </c>
      <c r="FM18" s="27">
        <v>99.642556664430998</v>
      </c>
      <c r="FN18" s="27">
        <v>99.632113693972002</v>
      </c>
      <c r="FO18" s="27">
        <v>99.670509906567005</v>
      </c>
      <c r="FP18" s="27">
        <v>99.737819276417</v>
      </c>
      <c r="FQ18" s="27">
        <v>99.819605940678002</v>
      </c>
      <c r="FR18" s="27">
        <v>99.910314397820002</v>
      </c>
      <c r="FS18" s="27">
        <v>100.009228421307</v>
      </c>
      <c r="FT18" s="27">
        <v>100.107152366726</v>
      </c>
      <c r="FU18" s="27">
        <v>100.18298984559</v>
      </c>
      <c r="FV18" s="27">
        <v>100.20744090628099</v>
      </c>
      <c r="FW18" s="27">
        <v>100.164768599342</v>
      </c>
      <c r="FX18" s="27">
        <v>100.05377609990801</v>
      </c>
      <c r="FY18" s="27">
        <v>99.903625829112002</v>
      </c>
      <c r="FZ18" s="27">
        <v>99.750038741579004</v>
      </c>
      <c r="GA18" s="27">
        <v>99.609191007525993</v>
      </c>
      <c r="GB18" s="27">
        <v>99.497260019379993</v>
      </c>
      <c r="GC18" s="27">
        <v>99.426769094538997</v>
      </c>
      <c r="GD18" s="27">
        <v>99.400597884004</v>
      </c>
      <c r="GE18" s="27">
        <v>99.408026388365997</v>
      </c>
      <c r="GF18" s="27">
        <v>99.439396483140996</v>
      </c>
      <c r="GG18" s="27">
        <v>99.492272979012</v>
      </c>
      <c r="GH18" s="27">
        <v>99.564554838231999</v>
      </c>
      <c r="GI18" s="27">
        <v>99.638577546611003</v>
      </c>
      <c r="GJ18" s="27">
        <v>99.680184095083007</v>
      </c>
      <c r="GK18" s="27">
        <v>99.679979821946006</v>
      </c>
      <c r="GL18" s="27">
        <v>99.647771073371004</v>
      </c>
      <c r="GM18" s="27">
        <v>99.614898347435997</v>
      </c>
      <c r="GN18" s="27">
        <v>99.610694070630004</v>
      </c>
      <c r="GO18" s="27">
        <v>99.641503439144998</v>
      </c>
      <c r="GP18" s="27">
        <v>99.688783929473004</v>
      </c>
      <c r="GQ18" s="7">
        <v>99.742324528729995</v>
      </c>
    </row>
    <row r="19" spans="1:199" ht="30.75" thickBot="1" x14ac:dyDescent="0.3">
      <c r="A19" s="8" t="s">
        <v>205</v>
      </c>
      <c r="B19" s="9"/>
      <c r="C19" s="9"/>
      <c r="D19" s="9"/>
      <c r="E19" s="9"/>
      <c r="F19" s="9"/>
      <c r="G19" s="9"/>
      <c r="H19" s="9"/>
      <c r="I19" s="9"/>
      <c r="J19" s="9"/>
      <c r="K19" s="9"/>
      <c r="L19" s="9"/>
      <c r="M19" s="9"/>
      <c r="N19" s="9"/>
      <c r="O19" s="9"/>
      <c r="P19" s="9"/>
      <c r="Q19" s="9">
        <v>101.66175301938</v>
      </c>
      <c r="R19" s="9">
        <v>101.52070237861101</v>
      </c>
      <c r="S19" s="9">
        <v>101.41122394099099</v>
      </c>
      <c r="T19" s="9">
        <v>101.318209644538</v>
      </c>
      <c r="U19" s="9">
        <v>101.16113552204</v>
      </c>
      <c r="V19" s="9">
        <v>100.87906023390499</v>
      </c>
      <c r="W19" s="9">
        <v>100.50624234051401</v>
      </c>
      <c r="X19" s="9">
        <v>100.092838067648</v>
      </c>
      <c r="Y19" s="9">
        <v>99.670183226773005</v>
      </c>
      <c r="Z19" s="9">
        <v>99.281699389050004</v>
      </c>
      <c r="AA19" s="9">
        <v>99.016724942110997</v>
      </c>
      <c r="AB19" s="9">
        <v>98.945122382460994</v>
      </c>
      <c r="AC19" s="9">
        <v>99.047123573901999</v>
      </c>
      <c r="AD19" s="9">
        <v>99.273607630810005</v>
      </c>
      <c r="AE19" s="9">
        <v>99.559663841862999</v>
      </c>
      <c r="AF19" s="9">
        <v>99.856049352217994</v>
      </c>
      <c r="AG19" s="9">
        <v>100.112704522882</v>
      </c>
      <c r="AH19" s="9">
        <v>100.28307226023</v>
      </c>
      <c r="AI19" s="9">
        <v>100.345602583681</v>
      </c>
      <c r="AJ19" s="9">
        <v>100.27328929965699</v>
      </c>
      <c r="AK19" s="9">
        <v>100.03891759096599</v>
      </c>
      <c r="AL19" s="9">
        <v>99.693339272713004</v>
      </c>
      <c r="AM19" s="9">
        <v>99.342848360960005</v>
      </c>
      <c r="AN19" s="9">
        <v>99.086506058211</v>
      </c>
      <c r="AO19" s="9">
        <v>98.986604942865</v>
      </c>
      <c r="AP19" s="9">
        <v>98.983556394478995</v>
      </c>
      <c r="AQ19" s="9">
        <v>99.023889791337993</v>
      </c>
      <c r="AR19" s="9">
        <v>99.056585252608002</v>
      </c>
      <c r="AS19" s="9">
        <v>99.056144065821002</v>
      </c>
      <c r="AT19" s="9">
        <v>99.023008028709995</v>
      </c>
      <c r="AU19" s="9">
        <v>98.969546193905003</v>
      </c>
      <c r="AV19" s="9">
        <v>98.901814868475</v>
      </c>
      <c r="AW19" s="9">
        <v>98.844739219963998</v>
      </c>
      <c r="AX19" s="9">
        <v>98.828226628723996</v>
      </c>
      <c r="AY19" s="9">
        <v>98.845065455935</v>
      </c>
      <c r="AZ19" s="9">
        <v>98.877909683400006</v>
      </c>
      <c r="BA19" s="9">
        <v>98.925026093656996</v>
      </c>
      <c r="BB19" s="9">
        <v>98.960498829551</v>
      </c>
      <c r="BC19" s="9">
        <v>98.964833211924002</v>
      </c>
      <c r="BD19" s="9">
        <v>98.951438761060004</v>
      </c>
      <c r="BE19" s="9">
        <v>98.975578071369995</v>
      </c>
      <c r="BF19" s="9">
        <v>99.081286771251996</v>
      </c>
      <c r="BG19" s="9">
        <v>99.261529460104995</v>
      </c>
      <c r="BH19" s="9">
        <v>99.505654907369006</v>
      </c>
      <c r="BI19" s="9">
        <v>99.775704415025004</v>
      </c>
      <c r="BJ19" s="9">
        <v>100.006683224669</v>
      </c>
      <c r="BK19" s="9">
        <v>100.134782529446</v>
      </c>
      <c r="BL19" s="9">
        <v>100.11805948044</v>
      </c>
      <c r="BM19" s="9">
        <v>100.007827524806</v>
      </c>
      <c r="BN19" s="9">
        <v>99.883395354767003</v>
      </c>
      <c r="BO19" s="9">
        <v>99.820044898332995</v>
      </c>
      <c r="BP19" s="9">
        <v>99.843171736464001</v>
      </c>
      <c r="BQ19" s="9">
        <v>99.971276504765001</v>
      </c>
      <c r="BR19" s="9">
        <v>100.21982211425799</v>
      </c>
      <c r="BS19" s="9">
        <v>100.54170259799901</v>
      </c>
      <c r="BT19" s="9">
        <v>100.889388959019</v>
      </c>
      <c r="BU19" s="9">
        <v>101.229877783842</v>
      </c>
      <c r="BV19" s="9">
        <v>101.537153913144</v>
      </c>
      <c r="BW19" s="9">
        <v>101.788714412742</v>
      </c>
      <c r="BX19" s="9">
        <v>101.965438780894</v>
      </c>
      <c r="BY19" s="9">
        <v>102.06584856403801</v>
      </c>
      <c r="BZ19" s="9">
        <v>102.11558220110901</v>
      </c>
      <c r="CA19" s="9">
        <v>102.141804503717</v>
      </c>
      <c r="CB19" s="9">
        <v>102.158959799149</v>
      </c>
      <c r="CC19" s="9">
        <v>102.15620241835499</v>
      </c>
      <c r="CD19" s="9">
        <v>102.131396638629</v>
      </c>
      <c r="CE19" s="9">
        <v>102.07615505698401</v>
      </c>
      <c r="CF19" s="9">
        <v>101.985821566479</v>
      </c>
      <c r="CG19" s="9">
        <v>101.88039118031899</v>
      </c>
      <c r="CH19" s="9">
        <v>101.789642512832</v>
      </c>
      <c r="CI19" s="9">
        <v>101.748571165657</v>
      </c>
      <c r="CJ19" s="9">
        <v>101.754482444432</v>
      </c>
      <c r="CK19" s="9">
        <v>101.78928763206299</v>
      </c>
      <c r="CL19" s="9">
        <v>101.82798808787599</v>
      </c>
      <c r="CM19" s="9">
        <v>101.85386284964601</v>
      </c>
      <c r="CN19" s="9">
        <v>101.865238837194</v>
      </c>
      <c r="CO19" s="9">
        <v>101.86159594944699</v>
      </c>
      <c r="CP19" s="9">
        <v>101.838911946471</v>
      </c>
      <c r="CQ19" s="9">
        <v>101.814239382688</v>
      </c>
      <c r="CR19" s="9">
        <v>101.786612329647</v>
      </c>
      <c r="CS19" s="9">
        <v>101.736046087245</v>
      </c>
      <c r="CT19" s="9">
        <v>101.622671023583</v>
      </c>
      <c r="CU19" s="9">
        <v>101.41372337360799</v>
      </c>
      <c r="CV19" s="9">
        <v>101.08862577756101</v>
      </c>
      <c r="CW19" s="9">
        <v>100.64892251083999</v>
      </c>
      <c r="CX19" s="9">
        <v>100.14066093578499</v>
      </c>
      <c r="CY19" s="9">
        <v>99.621017449077996</v>
      </c>
      <c r="CZ19" s="9">
        <v>99.138150169254999</v>
      </c>
      <c r="DA19" s="9">
        <v>98.715459559991004</v>
      </c>
      <c r="DB19" s="9">
        <v>98.347703951615998</v>
      </c>
      <c r="DC19" s="9">
        <v>98.032248560846995</v>
      </c>
      <c r="DD19" s="9">
        <v>97.773476475829</v>
      </c>
      <c r="DE19" s="9">
        <v>97.543759745524</v>
      </c>
      <c r="DF19" s="9">
        <v>97.356867497501995</v>
      </c>
      <c r="DG19" s="9">
        <v>97.231206862548007</v>
      </c>
      <c r="DH19" s="9">
        <v>97.178506962762995</v>
      </c>
      <c r="DI19" s="9">
        <v>97.187895787597995</v>
      </c>
      <c r="DJ19" s="9">
        <v>97.224483076127001</v>
      </c>
      <c r="DK19" s="9">
        <v>97.285163875386999</v>
      </c>
      <c r="DL19" s="9">
        <v>97.325085875225</v>
      </c>
      <c r="DM19" s="9">
        <v>97.304719388673007</v>
      </c>
      <c r="DN19" s="9">
        <v>97.265973949053006</v>
      </c>
      <c r="DO19" s="9">
        <v>97.248649763236003</v>
      </c>
      <c r="DP19" s="9">
        <v>97.291787649168995</v>
      </c>
      <c r="DQ19" s="9">
        <v>97.398282999360006</v>
      </c>
      <c r="DR19" s="9">
        <v>97.569581817753004</v>
      </c>
      <c r="DS19" s="9">
        <v>97.788433559569995</v>
      </c>
      <c r="DT19" s="9">
        <v>98.046124389360997</v>
      </c>
      <c r="DU19" s="9">
        <v>98.335854437229997</v>
      </c>
      <c r="DV19" s="9">
        <v>98.648946105175995</v>
      </c>
      <c r="DW19" s="9">
        <v>98.960829678053003</v>
      </c>
      <c r="DX19" s="9">
        <v>99.254936625884994</v>
      </c>
      <c r="DY19" s="9">
        <v>99.537261161586997</v>
      </c>
      <c r="DZ19" s="9">
        <v>99.796755035619</v>
      </c>
      <c r="EA19" s="9">
        <v>100.01229272873699</v>
      </c>
      <c r="EB19" s="9">
        <v>100.17844220597399</v>
      </c>
      <c r="EC19" s="9">
        <v>100.302752189636</v>
      </c>
      <c r="ED19" s="9">
        <v>100.38803928090999</v>
      </c>
      <c r="EE19" s="9">
        <v>100.431821154822</v>
      </c>
      <c r="EF19" s="9">
        <v>100.425027648439</v>
      </c>
      <c r="EG19" s="9">
        <v>100.39156597365</v>
      </c>
      <c r="EH19" s="9">
        <v>100.37070920456</v>
      </c>
      <c r="EI19" s="9">
        <v>100.371285675493</v>
      </c>
      <c r="EJ19" s="9">
        <v>100.370326204054</v>
      </c>
      <c r="EK19" s="9">
        <v>100.357929125816</v>
      </c>
      <c r="EL19" s="9">
        <v>100.348035208824</v>
      </c>
      <c r="EM19" s="9">
        <v>100.365598349328</v>
      </c>
      <c r="EN19" s="9">
        <v>100.423061581669</v>
      </c>
      <c r="EO19" s="9">
        <v>100.534156452793</v>
      </c>
      <c r="EP19" s="9">
        <v>100.693356608992</v>
      </c>
      <c r="EQ19" s="9">
        <v>100.85802257709901</v>
      </c>
      <c r="ER19" s="9">
        <v>101.000481511283</v>
      </c>
      <c r="ES19" s="9">
        <v>101.11019733896499</v>
      </c>
      <c r="ET19" s="9">
        <v>101.16580539031899</v>
      </c>
      <c r="EU19" s="9">
        <v>101.179639395235</v>
      </c>
      <c r="EV19" s="9">
        <v>101.181040905738</v>
      </c>
      <c r="EW19" s="9">
        <v>101.178583663243</v>
      </c>
      <c r="EX19" s="9">
        <v>101.187405003169</v>
      </c>
      <c r="EY19" s="9">
        <v>101.236482546592</v>
      </c>
      <c r="EZ19" s="9">
        <v>101.305471617791</v>
      </c>
      <c r="FA19" s="9">
        <v>101.37100749098499</v>
      </c>
      <c r="FB19" s="9">
        <v>101.38954223947</v>
      </c>
      <c r="FC19" s="9">
        <v>101.344832348808</v>
      </c>
      <c r="FD19" s="9">
        <v>101.252285735009</v>
      </c>
      <c r="FE19" s="9">
        <v>101.133876465448</v>
      </c>
      <c r="FF19" s="9">
        <v>101.00272429536901</v>
      </c>
      <c r="FG19" s="9">
        <v>100.86723834691399</v>
      </c>
      <c r="FH19" s="9">
        <v>100.72993709329999</v>
      </c>
      <c r="FI19" s="9">
        <v>100.54203158973201</v>
      </c>
      <c r="FJ19" s="9">
        <v>100.275635466418</v>
      </c>
      <c r="FK19" s="9">
        <v>99.957040566478994</v>
      </c>
      <c r="FL19" s="9">
        <v>99.628839584933004</v>
      </c>
      <c r="FM19" s="9">
        <v>99.346337646565004</v>
      </c>
      <c r="FN19" s="9">
        <v>99.156771780268997</v>
      </c>
      <c r="FO19" s="9">
        <v>99.108584960266001</v>
      </c>
      <c r="FP19" s="9">
        <v>99.168674256014</v>
      </c>
      <c r="FQ19" s="9">
        <v>99.275353924311005</v>
      </c>
      <c r="FR19" s="9">
        <v>99.385390853149005</v>
      </c>
      <c r="FS19" s="9">
        <v>99.486950308076999</v>
      </c>
      <c r="FT19" s="9">
        <v>99.592968863691993</v>
      </c>
      <c r="FU19" s="9">
        <v>99.714311500093999</v>
      </c>
      <c r="FV19" s="9">
        <v>99.847603012872995</v>
      </c>
      <c r="FW19" s="9">
        <v>99.969930461101995</v>
      </c>
      <c r="FX19" s="9">
        <v>100.0678351536</v>
      </c>
      <c r="FY19" s="9">
        <v>100.12379107530801</v>
      </c>
      <c r="FZ19" s="9">
        <v>100.14916903902299</v>
      </c>
      <c r="GA19" s="9">
        <v>100.16264180611699</v>
      </c>
      <c r="GB19" s="9">
        <v>100.154020457063</v>
      </c>
      <c r="GC19" s="9">
        <v>100.11915422190999</v>
      </c>
      <c r="GD19" s="9">
        <v>100.075449485367</v>
      </c>
      <c r="GE19" s="9">
        <v>100.03169853035</v>
      </c>
      <c r="GF19" s="9">
        <v>99.987795442760998</v>
      </c>
      <c r="GG19" s="9">
        <v>99.961704504126004</v>
      </c>
      <c r="GH19" s="9">
        <v>99.965092527820005</v>
      </c>
      <c r="GI19" s="9">
        <v>99.988229868226995</v>
      </c>
      <c r="GJ19" s="9">
        <v>100.002152115019</v>
      </c>
      <c r="GK19" s="9">
        <v>99.983515444093996</v>
      </c>
      <c r="GL19" s="9">
        <v>99.931700202740004</v>
      </c>
      <c r="GM19" s="9">
        <v>99.850874560896997</v>
      </c>
      <c r="GN19" s="9">
        <v>99.762794498518005</v>
      </c>
      <c r="GO19" s="9">
        <v>99.691462883457007</v>
      </c>
      <c r="GP19" s="9">
        <v>99.640680278949006</v>
      </c>
      <c r="GQ19" s="10"/>
    </row>
    <row r="20" spans="1:199" x14ac:dyDescent="0.25">
      <c r="A20" s="28"/>
      <c r="B20" s="28"/>
      <c r="C20" s="28"/>
      <c r="D20" s="28"/>
      <c r="E20" s="28"/>
      <c r="F20" s="28"/>
      <c r="G20" s="28"/>
      <c r="H20" s="28"/>
      <c r="I20" s="28"/>
      <c r="J20" s="28"/>
      <c r="K20" s="28"/>
      <c r="L20" s="28"/>
      <c r="M20" s="28"/>
      <c r="N20" s="28"/>
      <c r="O20" s="28"/>
      <c r="P20" s="28"/>
      <c r="Q20" s="28"/>
    </row>
    <row r="21" spans="1:199" ht="15" customHeight="1" x14ac:dyDescent="0.25">
      <c r="A21" s="30" t="s">
        <v>206</v>
      </c>
      <c r="B21" s="30"/>
      <c r="C21" s="30"/>
      <c r="D21" s="30"/>
      <c r="E21" s="30"/>
      <c r="F21" s="30"/>
      <c r="G21" s="30"/>
      <c r="H21" s="30"/>
      <c r="I21" s="30"/>
      <c r="J21" s="30"/>
      <c r="K21" s="30"/>
      <c r="L21" s="30"/>
      <c r="M21" s="30"/>
      <c r="N21" s="30"/>
      <c r="O21" s="30"/>
      <c r="P21" s="30"/>
      <c r="Q21" s="30"/>
    </row>
    <row r="22" spans="1:199" ht="15" customHeight="1" x14ac:dyDescent="0.25">
      <c r="A22" s="30" t="s">
        <v>207</v>
      </c>
      <c r="B22" s="30"/>
      <c r="C22" s="30"/>
      <c r="D22" s="30"/>
      <c r="E22" s="30"/>
      <c r="F22" s="30"/>
      <c r="G22" s="30"/>
      <c r="H22" s="30"/>
      <c r="I22" s="30"/>
      <c r="J22" s="30"/>
      <c r="K22" s="30"/>
      <c r="L22" s="30"/>
      <c r="M22" s="30"/>
      <c r="N22" s="30"/>
      <c r="O22" s="30"/>
      <c r="P22" s="30"/>
      <c r="Q22" s="30"/>
    </row>
    <row r="23" spans="1:199" ht="15" customHeight="1" x14ac:dyDescent="0.25">
      <c r="A23" s="30" t="s">
        <v>208</v>
      </c>
      <c r="B23" s="30"/>
      <c r="C23" s="30"/>
      <c r="D23" s="30"/>
      <c r="E23" s="30"/>
      <c r="F23" s="30"/>
      <c r="G23" s="30"/>
      <c r="H23" s="30"/>
      <c r="I23" s="30"/>
      <c r="J23" s="30"/>
      <c r="K23" s="30"/>
      <c r="L23" s="30"/>
      <c r="M23" s="30"/>
      <c r="N23" s="30"/>
      <c r="O23" s="30"/>
      <c r="P23" s="30"/>
      <c r="Q23" s="30"/>
    </row>
    <row r="24" spans="1:199" ht="15" customHeight="1" x14ac:dyDescent="0.25">
      <c r="A24" s="27"/>
    </row>
    <row r="25" spans="1:199" ht="15" customHeight="1" x14ac:dyDescent="0.25">
      <c r="A25" s="29" t="s">
        <v>300</v>
      </c>
      <c r="B25" s="29"/>
    </row>
    <row r="26" spans="1:199" x14ac:dyDescent="0.25">
      <c r="A26" s="27"/>
    </row>
  </sheetData>
  <mergeCells count="7">
    <mergeCell ref="A20:Q20"/>
    <mergeCell ref="A25:B25"/>
    <mergeCell ref="A1:Q1"/>
    <mergeCell ref="A2:Q2"/>
    <mergeCell ref="A21:Q21"/>
    <mergeCell ref="A22:Q22"/>
    <mergeCell ref="A23:Q23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GQ25"/>
  <sheetViews>
    <sheetView topLeftCell="GF1" workbookViewId="0">
      <selection activeCell="A8" sqref="A8"/>
    </sheetView>
  </sheetViews>
  <sheetFormatPr baseColWidth="10" defaultColWidth="9.140625" defaultRowHeight="15" x14ac:dyDescent="0.25"/>
  <cols>
    <col min="1" max="1" width="81.140625" bestFit="1" customWidth="1"/>
    <col min="2" max="50" width="12.7109375" bestFit="1" customWidth="1"/>
    <col min="51" max="52" width="12" bestFit="1" customWidth="1"/>
    <col min="53" max="189" width="12.7109375" bestFit="1" customWidth="1"/>
    <col min="190" max="198" width="12.7109375" customWidth="1"/>
    <col min="199" max="199" width="12" bestFit="1" customWidth="1"/>
  </cols>
  <sheetData>
    <row r="1" spans="1:199" x14ac:dyDescent="0.25">
      <c r="A1" s="29"/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29"/>
      <c r="O1" s="29"/>
      <c r="P1" s="29"/>
      <c r="Q1" s="29"/>
    </row>
    <row r="2" spans="1:199" ht="15.75" thickBot="1" x14ac:dyDescent="0.3">
      <c r="A2" s="30" t="s">
        <v>0</v>
      </c>
      <c r="B2" s="30"/>
      <c r="C2" s="30"/>
      <c r="D2" s="30"/>
      <c r="E2" s="30"/>
      <c r="F2" s="30"/>
      <c r="G2" s="30"/>
      <c r="H2" s="30"/>
      <c r="I2" s="30"/>
      <c r="J2" s="30"/>
      <c r="K2" s="30"/>
      <c r="L2" s="30"/>
      <c r="M2" s="30"/>
      <c r="N2" s="30"/>
      <c r="O2" s="30"/>
      <c r="P2" s="30"/>
      <c r="Q2" s="30"/>
    </row>
    <row r="3" spans="1:199" x14ac:dyDescent="0.25">
      <c r="A3" s="3" t="s">
        <v>1</v>
      </c>
      <c r="B3" s="4" t="s">
        <v>2</v>
      </c>
      <c r="C3" s="4" t="s">
        <v>3</v>
      </c>
      <c r="D3" s="4" t="s">
        <v>4</v>
      </c>
      <c r="E3" s="4" t="s">
        <v>5</v>
      </c>
      <c r="F3" s="4" t="s">
        <v>6</v>
      </c>
      <c r="G3" s="4" t="s">
        <v>7</v>
      </c>
      <c r="H3" s="4" t="s">
        <v>8</v>
      </c>
      <c r="I3" s="4" t="s">
        <v>9</v>
      </c>
      <c r="J3" s="4" t="s">
        <v>10</v>
      </c>
      <c r="K3" s="4" t="s">
        <v>11</v>
      </c>
      <c r="L3" s="4" t="s">
        <v>12</v>
      </c>
      <c r="M3" s="4" t="s">
        <v>13</v>
      </c>
      <c r="N3" s="4" t="s">
        <v>14</v>
      </c>
      <c r="O3" s="4" t="s">
        <v>15</v>
      </c>
      <c r="P3" s="4" t="s">
        <v>16</v>
      </c>
      <c r="Q3" s="4" t="s">
        <v>17</v>
      </c>
      <c r="R3" s="4" t="s">
        <v>18</v>
      </c>
      <c r="S3" s="4" t="s">
        <v>19</v>
      </c>
      <c r="T3" s="4" t="s">
        <v>20</v>
      </c>
      <c r="U3" s="4" t="s">
        <v>21</v>
      </c>
      <c r="V3" s="4" t="s">
        <v>22</v>
      </c>
      <c r="W3" s="4" t="s">
        <v>23</v>
      </c>
      <c r="X3" s="4" t="s">
        <v>24</v>
      </c>
      <c r="Y3" s="4" t="s">
        <v>25</v>
      </c>
      <c r="Z3" s="4" t="s">
        <v>26</v>
      </c>
      <c r="AA3" s="4" t="s">
        <v>27</v>
      </c>
      <c r="AB3" s="4" t="s">
        <v>28</v>
      </c>
      <c r="AC3" s="4" t="s">
        <v>29</v>
      </c>
      <c r="AD3" s="4" t="s">
        <v>30</v>
      </c>
      <c r="AE3" s="4" t="s">
        <v>31</v>
      </c>
      <c r="AF3" s="4" t="s">
        <v>32</v>
      </c>
      <c r="AG3" s="4" t="s">
        <v>33</v>
      </c>
      <c r="AH3" s="4" t="s">
        <v>34</v>
      </c>
      <c r="AI3" s="4" t="s">
        <v>35</v>
      </c>
      <c r="AJ3" s="4" t="s">
        <v>36</v>
      </c>
      <c r="AK3" s="4" t="s">
        <v>37</v>
      </c>
      <c r="AL3" s="4" t="s">
        <v>38</v>
      </c>
      <c r="AM3" s="4" t="s">
        <v>39</v>
      </c>
      <c r="AN3" s="4" t="s">
        <v>40</v>
      </c>
      <c r="AO3" s="4" t="s">
        <v>41</v>
      </c>
      <c r="AP3" s="4" t="s">
        <v>42</v>
      </c>
      <c r="AQ3" s="4" t="s">
        <v>43</v>
      </c>
      <c r="AR3" s="4" t="s">
        <v>44</v>
      </c>
      <c r="AS3" s="4" t="s">
        <v>45</v>
      </c>
      <c r="AT3" s="4" t="s">
        <v>46</v>
      </c>
      <c r="AU3" s="4" t="s">
        <v>47</v>
      </c>
      <c r="AV3" s="4" t="s">
        <v>48</v>
      </c>
      <c r="AW3" s="4" t="s">
        <v>49</v>
      </c>
      <c r="AX3" s="4" t="s">
        <v>50</v>
      </c>
      <c r="AY3" s="4" t="s">
        <v>51</v>
      </c>
      <c r="AZ3" s="4" t="s">
        <v>52</v>
      </c>
      <c r="BA3" s="4" t="s">
        <v>53</v>
      </c>
      <c r="BB3" s="4" t="s">
        <v>54</v>
      </c>
      <c r="BC3" s="4" t="s">
        <v>55</v>
      </c>
      <c r="BD3" s="4" t="s">
        <v>56</v>
      </c>
      <c r="BE3" s="4" t="s">
        <v>57</v>
      </c>
      <c r="BF3" s="4" t="s">
        <v>58</v>
      </c>
      <c r="BG3" s="4" t="s">
        <v>59</v>
      </c>
      <c r="BH3" s="4" t="s">
        <v>60</v>
      </c>
      <c r="BI3" s="4" t="s">
        <v>61</v>
      </c>
      <c r="BJ3" s="4" t="s">
        <v>62</v>
      </c>
      <c r="BK3" s="4" t="s">
        <v>63</v>
      </c>
      <c r="BL3" s="4" t="s">
        <v>64</v>
      </c>
      <c r="BM3" s="4" t="s">
        <v>65</v>
      </c>
      <c r="BN3" s="4" t="s">
        <v>66</v>
      </c>
      <c r="BO3" s="4" t="s">
        <v>67</v>
      </c>
      <c r="BP3" s="4" t="s">
        <v>68</v>
      </c>
      <c r="BQ3" s="4" t="s">
        <v>69</v>
      </c>
      <c r="BR3" s="4" t="s">
        <v>70</v>
      </c>
      <c r="BS3" s="4" t="s">
        <v>71</v>
      </c>
      <c r="BT3" s="4" t="s">
        <v>72</v>
      </c>
      <c r="BU3" s="4" t="s">
        <v>73</v>
      </c>
      <c r="BV3" s="4" t="s">
        <v>74</v>
      </c>
      <c r="BW3" s="4" t="s">
        <v>75</v>
      </c>
      <c r="BX3" s="4" t="s">
        <v>76</v>
      </c>
      <c r="BY3" s="4" t="s">
        <v>77</v>
      </c>
      <c r="BZ3" s="4" t="s">
        <v>78</v>
      </c>
      <c r="CA3" s="4" t="s">
        <v>79</v>
      </c>
      <c r="CB3" s="4" t="s">
        <v>80</v>
      </c>
      <c r="CC3" s="4" t="s">
        <v>81</v>
      </c>
      <c r="CD3" s="4" t="s">
        <v>82</v>
      </c>
      <c r="CE3" s="4" t="s">
        <v>83</v>
      </c>
      <c r="CF3" s="4" t="s">
        <v>84</v>
      </c>
      <c r="CG3" s="4" t="s">
        <v>85</v>
      </c>
      <c r="CH3" s="4" t="s">
        <v>86</v>
      </c>
      <c r="CI3" s="4" t="s">
        <v>87</v>
      </c>
      <c r="CJ3" s="4" t="s">
        <v>88</v>
      </c>
      <c r="CK3" s="4" t="s">
        <v>89</v>
      </c>
      <c r="CL3" s="4" t="s">
        <v>90</v>
      </c>
      <c r="CM3" s="4" t="s">
        <v>91</v>
      </c>
      <c r="CN3" s="4" t="s">
        <v>92</v>
      </c>
      <c r="CO3" s="4" t="s">
        <v>93</v>
      </c>
      <c r="CP3" s="4" t="s">
        <v>94</v>
      </c>
      <c r="CQ3" s="4" t="s">
        <v>95</v>
      </c>
      <c r="CR3" s="4" t="s">
        <v>96</v>
      </c>
      <c r="CS3" s="4" t="s">
        <v>97</v>
      </c>
      <c r="CT3" s="4" t="s">
        <v>98</v>
      </c>
      <c r="CU3" s="4" t="s">
        <v>99</v>
      </c>
      <c r="CV3" s="4" t="s">
        <v>100</v>
      </c>
      <c r="CW3" s="4" t="s">
        <v>101</v>
      </c>
      <c r="CX3" s="4" t="s">
        <v>102</v>
      </c>
      <c r="CY3" s="4" t="s">
        <v>103</v>
      </c>
      <c r="CZ3" s="4" t="s">
        <v>104</v>
      </c>
      <c r="DA3" s="4" t="s">
        <v>105</v>
      </c>
      <c r="DB3" s="4" t="s">
        <v>106</v>
      </c>
      <c r="DC3" s="4" t="s">
        <v>107</v>
      </c>
      <c r="DD3" s="4" t="s">
        <v>108</v>
      </c>
      <c r="DE3" s="4" t="s">
        <v>109</v>
      </c>
      <c r="DF3" s="4" t="s">
        <v>110</v>
      </c>
      <c r="DG3" s="4" t="s">
        <v>111</v>
      </c>
      <c r="DH3" s="4" t="s">
        <v>112</v>
      </c>
      <c r="DI3" s="4" t="s">
        <v>113</v>
      </c>
      <c r="DJ3" s="4" t="s">
        <v>114</v>
      </c>
      <c r="DK3" s="4" t="s">
        <v>115</v>
      </c>
      <c r="DL3" s="4" t="s">
        <v>116</v>
      </c>
      <c r="DM3" s="4" t="s">
        <v>117</v>
      </c>
      <c r="DN3" s="4" t="s">
        <v>118</v>
      </c>
      <c r="DO3" s="4" t="s">
        <v>119</v>
      </c>
      <c r="DP3" s="4" t="s">
        <v>120</v>
      </c>
      <c r="DQ3" s="4" t="s">
        <v>121</v>
      </c>
      <c r="DR3" s="4" t="s">
        <v>122</v>
      </c>
      <c r="DS3" s="4" t="s">
        <v>123</v>
      </c>
      <c r="DT3" s="4" t="s">
        <v>124</v>
      </c>
      <c r="DU3" s="4" t="s">
        <v>125</v>
      </c>
      <c r="DV3" s="4" t="s">
        <v>126</v>
      </c>
      <c r="DW3" s="4" t="s">
        <v>127</v>
      </c>
      <c r="DX3" s="4" t="s">
        <v>128</v>
      </c>
      <c r="DY3" s="4" t="s">
        <v>129</v>
      </c>
      <c r="DZ3" s="4" t="s">
        <v>130</v>
      </c>
      <c r="EA3" s="4" t="s">
        <v>131</v>
      </c>
      <c r="EB3" s="4" t="s">
        <v>132</v>
      </c>
      <c r="EC3" s="4" t="s">
        <v>133</v>
      </c>
      <c r="ED3" s="4" t="s">
        <v>134</v>
      </c>
      <c r="EE3" s="4" t="s">
        <v>135</v>
      </c>
      <c r="EF3" s="4" t="s">
        <v>136</v>
      </c>
      <c r="EG3" s="4" t="s">
        <v>137</v>
      </c>
      <c r="EH3" s="4" t="s">
        <v>138</v>
      </c>
      <c r="EI3" s="4" t="s">
        <v>139</v>
      </c>
      <c r="EJ3" s="4" t="s">
        <v>140</v>
      </c>
      <c r="EK3" s="4" t="s">
        <v>141</v>
      </c>
      <c r="EL3" s="4" t="s">
        <v>142</v>
      </c>
      <c r="EM3" s="4" t="s">
        <v>143</v>
      </c>
      <c r="EN3" s="4" t="s">
        <v>144</v>
      </c>
      <c r="EO3" s="4" t="s">
        <v>145</v>
      </c>
      <c r="EP3" s="4" t="s">
        <v>146</v>
      </c>
      <c r="EQ3" s="4" t="s">
        <v>147</v>
      </c>
      <c r="ER3" s="4" t="s">
        <v>148</v>
      </c>
      <c r="ES3" s="4" t="s">
        <v>149</v>
      </c>
      <c r="ET3" s="4" t="s">
        <v>150</v>
      </c>
      <c r="EU3" s="4" t="s">
        <v>151</v>
      </c>
      <c r="EV3" s="4" t="s">
        <v>152</v>
      </c>
      <c r="EW3" s="4" t="s">
        <v>153</v>
      </c>
      <c r="EX3" s="4" t="s">
        <v>154</v>
      </c>
      <c r="EY3" s="4" t="s">
        <v>155</v>
      </c>
      <c r="EZ3" s="4" t="s">
        <v>156</v>
      </c>
      <c r="FA3" s="4" t="s">
        <v>157</v>
      </c>
      <c r="FB3" s="4" t="s">
        <v>158</v>
      </c>
      <c r="FC3" s="4" t="s">
        <v>159</v>
      </c>
      <c r="FD3" s="4" t="s">
        <v>160</v>
      </c>
      <c r="FE3" s="4" t="s">
        <v>161</v>
      </c>
      <c r="FF3" s="4" t="s">
        <v>162</v>
      </c>
      <c r="FG3" s="4" t="s">
        <v>163</v>
      </c>
      <c r="FH3" s="4" t="s">
        <v>164</v>
      </c>
      <c r="FI3" s="4" t="s">
        <v>165</v>
      </c>
      <c r="FJ3" s="4" t="s">
        <v>166</v>
      </c>
      <c r="FK3" s="4" t="s">
        <v>167</v>
      </c>
      <c r="FL3" s="4" t="s">
        <v>168</v>
      </c>
      <c r="FM3" s="4" t="s">
        <v>169</v>
      </c>
      <c r="FN3" s="4" t="s">
        <v>170</v>
      </c>
      <c r="FO3" s="4" t="s">
        <v>171</v>
      </c>
      <c r="FP3" s="4" t="s">
        <v>172</v>
      </c>
      <c r="FQ3" s="4" t="s">
        <v>173</v>
      </c>
      <c r="FR3" s="4" t="s">
        <v>174</v>
      </c>
      <c r="FS3" s="4" t="s">
        <v>175</v>
      </c>
      <c r="FT3" s="4" t="s">
        <v>176</v>
      </c>
      <c r="FU3" s="4" t="s">
        <v>177</v>
      </c>
      <c r="FV3" s="4" t="s">
        <v>178</v>
      </c>
      <c r="FW3" s="4" t="s">
        <v>179</v>
      </c>
      <c r="FX3" s="4" t="s">
        <v>180</v>
      </c>
      <c r="FY3" s="4" t="s">
        <v>181</v>
      </c>
      <c r="FZ3" s="4" t="s">
        <v>182</v>
      </c>
      <c r="GA3" s="4" t="s">
        <v>183</v>
      </c>
      <c r="GB3" s="4" t="s">
        <v>184</v>
      </c>
      <c r="GC3" s="4" t="s">
        <v>185</v>
      </c>
      <c r="GD3" s="4" t="s">
        <v>186</v>
      </c>
      <c r="GE3" s="4" t="s">
        <v>187</v>
      </c>
      <c r="GF3" s="4" t="s">
        <v>188</v>
      </c>
      <c r="GG3" s="4" t="s">
        <v>189</v>
      </c>
      <c r="GH3" s="4" t="s">
        <v>210</v>
      </c>
      <c r="GI3" s="4" t="s">
        <v>211</v>
      </c>
      <c r="GJ3" s="4" t="s">
        <v>212</v>
      </c>
      <c r="GK3" s="4" t="s">
        <v>213</v>
      </c>
      <c r="GL3" s="4" t="s">
        <v>214</v>
      </c>
      <c r="GM3" s="4" t="s">
        <v>215</v>
      </c>
      <c r="GN3" s="4" t="s">
        <v>216</v>
      </c>
      <c r="GO3" s="4" t="s">
        <v>217</v>
      </c>
      <c r="GP3" s="4" t="s">
        <v>218</v>
      </c>
      <c r="GQ3" s="5" t="s">
        <v>219</v>
      </c>
    </row>
    <row r="4" spans="1:199" ht="45" x14ac:dyDescent="0.25">
      <c r="A4" s="6" t="s">
        <v>294</v>
      </c>
      <c r="B4" s="27">
        <v>0.13833171040200001</v>
      </c>
      <c r="C4" s="27">
        <v>0.132132631339</v>
      </c>
      <c r="D4" s="27">
        <v>0.12701196508199999</v>
      </c>
      <c r="E4" s="27">
        <v>0.13092102506</v>
      </c>
      <c r="F4" s="27">
        <v>0.135098813372</v>
      </c>
      <c r="G4" s="27">
        <v>0.12038086094</v>
      </c>
      <c r="H4" s="27">
        <v>8.1944154946000006E-2</v>
      </c>
      <c r="I4" s="27">
        <v>3.5388874425000001E-2</v>
      </c>
      <c r="J4" s="27">
        <v>-1.2233972674000001E-2</v>
      </c>
      <c r="K4" s="27">
        <v>-6.5908550383000003E-2</v>
      </c>
      <c r="L4" s="27">
        <v>-0.130759045213</v>
      </c>
      <c r="M4" s="27">
        <v>-0.17872426025900001</v>
      </c>
      <c r="N4" s="27">
        <v>-0.19881592651499999</v>
      </c>
      <c r="O4" s="27">
        <v>-0.197110556243</v>
      </c>
      <c r="P4" s="27">
        <v>-0.17602997124600001</v>
      </c>
      <c r="Q4" s="27">
        <v>-0.15918473858900001</v>
      </c>
      <c r="R4" s="27">
        <v>-0.13883568558100001</v>
      </c>
      <c r="S4" s="27">
        <v>-0.11619442485799999</v>
      </c>
      <c r="T4" s="27">
        <v>-0.11122435725300001</v>
      </c>
      <c r="U4" s="27">
        <v>-0.121180262261</v>
      </c>
      <c r="V4" s="27">
        <v>-0.14262233088599999</v>
      </c>
      <c r="W4" s="27">
        <v>-0.15751919319999999</v>
      </c>
      <c r="X4" s="27">
        <v>-0.149052904761</v>
      </c>
      <c r="Y4" s="27">
        <v>-0.13699902009100001</v>
      </c>
      <c r="Z4" s="27">
        <v>-0.105955547692</v>
      </c>
      <c r="AA4" s="27">
        <v>-5.7793783069000002E-2</v>
      </c>
      <c r="AB4" s="27">
        <v>-1.8242550443000001E-2</v>
      </c>
      <c r="AC4" s="27">
        <v>6.9328084689999998E-3</v>
      </c>
      <c r="AD4" s="27">
        <v>1.3460712296E-2</v>
      </c>
      <c r="AE4" s="27">
        <v>7.1258085179999996E-3</v>
      </c>
      <c r="AF4" s="27">
        <v>-5.18538974E-3</v>
      </c>
      <c r="AG4" s="27">
        <v>-1.5162004547999999E-2</v>
      </c>
      <c r="AH4" s="27">
        <v>-2.8117267541E-2</v>
      </c>
      <c r="AI4" s="27">
        <v>-3.6663203068E-2</v>
      </c>
      <c r="AJ4" s="27">
        <v>-4.9602057674E-2</v>
      </c>
      <c r="AK4" s="27">
        <v>-5.8409266404000001E-2</v>
      </c>
      <c r="AL4" s="27">
        <v>-7.5544101321000007E-2</v>
      </c>
      <c r="AM4" s="27">
        <v>-9.2457551196999999E-2</v>
      </c>
      <c r="AN4" s="27">
        <v>-0.113462308855</v>
      </c>
      <c r="AO4" s="27">
        <v>-0.12575364523499999</v>
      </c>
      <c r="AP4" s="27">
        <v>-0.13075020967199999</v>
      </c>
      <c r="AQ4" s="27">
        <v>-0.127772241506</v>
      </c>
      <c r="AR4" s="27">
        <v>-0.11039561591499999</v>
      </c>
      <c r="AS4" s="27">
        <v>-7.6961238343000005E-2</v>
      </c>
      <c r="AT4" s="27">
        <v>-2.2172658862999999E-2</v>
      </c>
      <c r="AU4" s="27">
        <v>3.5954688429000001E-2</v>
      </c>
      <c r="AV4" s="27">
        <v>8.4383585117999996E-2</v>
      </c>
      <c r="AW4" s="27">
        <v>0.118147713958</v>
      </c>
      <c r="AX4" s="27">
        <v>0.12457011379000001</v>
      </c>
      <c r="AY4" s="27">
        <v>0.115027770515</v>
      </c>
      <c r="AZ4" s="27">
        <v>9.6755097420999997E-2</v>
      </c>
      <c r="BA4" s="27">
        <v>6.9653130233999994E-2</v>
      </c>
      <c r="BB4" s="27">
        <v>4.2803357331999997E-2</v>
      </c>
      <c r="BC4" s="27">
        <v>2.3621825677999999E-2</v>
      </c>
      <c r="BD4" s="27">
        <v>2.4104537398999999E-2</v>
      </c>
      <c r="BE4" s="27">
        <v>3.5119078194000002E-2</v>
      </c>
      <c r="BF4" s="27">
        <v>6.0522940855999997E-2</v>
      </c>
      <c r="BG4" s="27">
        <v>7.5147016620000007E-2</v>
      </c>
      <c r="BH4" s="27">
        <v>7.0176881768999999E-2</v>
      </c>
      <c r="BI4" s="27">
        <v>5.5371645022000003E-2</v>
      </c>
      <c r="BJ4" s="27">
        <v>4.0707234701000003E-2</v>
      </c>
      <c r="BK4" s="27">
        <v>2.2893567114E-2</v>
      </c>
      <c r="BL4" s="27">
        <v>8.4985587299999995E-3</v>
      </c>
      <c r="BM4" s="27">
        <v>-3.1306725799999999E-4</v>
      </c>
      <c r="BN4" s="27">
        <v>3.4626292170000001E-3</v>
      </c>
      <c r="BO4" s="27">
        <v>1.7318923189999998E-2</v>
      </c>
      <c r="BP4" s="27">
        <v>5.7263587711999998E-2</v>
      </c>
      <c r="BQ4" s="27">
        <v>0.113422637438</v>
      </c>
      <c r="BR4" s="27">
        <v>0.146290942896</v>
      </c>
      <c r="BS4" s="27">
        <v>0.15805766768099999</v>
      </c>
      <c r="BT4" s="27">
        <v>0.159839105979</v>
      </c>
      <c r="BU4" s="27">
        <v>0.14159894734100001</v>
      </c>
      <c r="BV4" s="27">
        <v>0.11542088525499999</v>
      </c>
      <c r="BW4" s="27">
        <v>9.2075298902999994E-2</v>
      </c>
      <c r="BX4" s="27">
        <v>7.9841215780000002E-2</v>
      </c>
      <c r="BY4" s="27">
        <v>6.4761124776999995E-2</v>
      </c>
      <c r="BZ4" s="27">
        <v>4.0189715346999999E-2</v>
      </c>
      <c r="CA4" s="27">
        <v>6.8025180249999999E-3</v>
      </c>
      <c r="CB4" s="27">
        <v>-1.1084465648000001E-2</v>
      </c>
      <c r="CC4" s="27">
        <v>-1.6478688206999999E-2</v>
      </c>
      <c r="CD4" s="27">
        <v>-2.3047421259E-2</v>
      </c>
      <c r="CE4" s="27">
        <v>-2.2134567418E-2</v>
      </c>
      <c r="CF4" s="27">
        <v>-1.0709741237E-2</v>
      </c>
      <c r="CG4" s="27">
        <v>1.1461159165E-2</v>
      </c>
      <c r="CH4" s="27">
        <v>3.7789021839999999E-2</v>
      </c>
      <c r="CI4" s="27">
        <v>6.4562584648999999E-2</v>
      </c>
      <c r="CJ4" s="27">
        <v>8.3630626710000003E-2</v>
      </c>
      <c r="CK4" s="27">
        <v>9.4621058320999998E-2</v>
      </c>
      <c r="CL4" s="27">
        <v>9.3550760263999999E-2</v>
      </c>
      <c r="CM4" s="27">
        <v>8.1794220929000003E-2</v>
      </c>
      <c r="CN4" s="27">
        <v>6.3780015863E-2</v>
      </c>
      <c r="CO4" s="27">
        <v>4.4499703109999997E-2</v>
      </c>
      <c r="CP4" s="27">
        <v>3.3920222815999997E-2</v>
      </c>
      <c r="CQ4" s="27">
        <v>3.2109021490999999E-2</v>
      </c>
      <c r="CR4" s="27">
        <v>3.9798102745000001E-2</v>
      </c>
      <c r="CS4" s="27">
        <v>5.3519217197999999E-2</v>
      </c>
      <c r="CT4" s="27">
        <v>6.4937682174999997E-2</v>
      </c>
      <c r="CU4" s="27">
        <v>6.5041122053E-2</v>
      </c>
      <c r="CV4" s="27">
        <v>5.4168351761000003E-2</v>
      </c>
      <c r="CW4" s="27">
        <v>3.1559021489999999E-2</v>
      </c>
      <c r="CX4" s="27">
        <v>-1.0374608162999999E-2</v>
      </c>
      <c r="CY4" s="27">
        <v>-7.4596448777999994E-2</v>
      </c>
      <c r="CZ4" s="27">
        <v>-0.160905394649</v>
      </c>
      <c r="DA4" s="27">
        <v>-0.25682120516599999</v>
      </c>
      <c r="DB4" s="27">
        <v>-0.354651084156</v>
      </c>
      <c r="DC4" s="27">
        <v>-0.44432008752000002</v>
      </c>
      <c r="DD4" s="27">
        <v>-0.51457035145999996</v>
      </c>
      <c r="DE4" s="27">
        <v>-0.53806356402599997</v>
      </c>
      <c r="DF4" s="27">
        <v>-0.50812800412900005</v>
      </c>
      <c r="DG4" s="27">
        <v>-0.43713144343299998</v>
      </c>
      <c r="DH4" s="27">
        <v>-0.35115685049500001</v>
      </c>
      <c r="DI4" s="27">
        <v>-0.25487274532400001</v>
      </c>
      <c r="DJ4" s="27">
        <v>-0.14878015352000001</v>
      </c>
      <c r="DK4" s="27">
        <v>-4.1499032966999999E-2</v>
      </c>
      <c r="DL4" s="27">
        <v>3.4180699023999998E-2</v>
      </c>
      <c r="DM4" s="27">
        <v>8.7643225855000007E-2</v>
      </c>
      <c r="DN4" s="27">
        <v>0.13706964175200001</v>
      </c>
      <c r="DO4" s="27">
        <v>0.17981363579199999</v>
      </c>
      <c r="DP4" s="27">
        <v>0.20154993065099999</v>
      </c>
      <c r="DQ4" s="27">
        <v>0.19468292637500001</v>
      </c>
      <c r="DR4" s="27">
        <v>0.17958680168300001</v>
      </c>
      <c r="DS4" s="27">
        <v>0.171530378643</v>
      </c>
      <c r="DT4" s="27">
        <v>0.155458479229</v>
      </c>
      <c r="DU4" s="27">
        <v>0.12979331972700001</v>
      </c>
      <c r="DV4" s="27">
        <v>0.103584137567</v>
      </c>
      <c r="DW4" s="27">
        <v>8.0277796319999997E-2</v>
      </c>
      <c r="DX4" s="27">
        <v>6.9343804704000006E-2</v>
      </c>
      <c r="DY4" s="27">
        <v>5.6433780830000002E-2</v>
      </c>
      <c r="DZ4" s="27">
        <v>3.5538318944000002E-2</v>
      </c>
      <c r="EA4" s="27">
        <v>3.2555675059999997E-2</v>
      </c>
      <c r="EB4" s="27">
        <v>4.3082562493E-2</v>
      </c>
      <c r="EC4" s="27">
        <v>6.4696202785999996E-2</v>
      </c>
      <c r="ED4" s="27">
        <v>8.1025337039000001E-2</v>
      </c>
      <c r="EE4" s="27">
        <v>8.2164255726000002E-2</v>
      </c>
      <c r="EF4" s="27">
        <v>8.0689187265999995E-2</v>
      </c>
      <c r="EG4" s="27">
        <v>7.1137360492000007E-2</v>
      </c>
      <c r="EH4" s="27">
        <v>5.5348909001E-2</v>
      </c>
      <c r="EI4" s="27">
        <v>4.6603594751000003E-2</v>
      </c>
      <c r="EJ4" s="27">
        <v>4.8527875370000001E-2</v>
      </c>
      <c r="EK4" s="27">
        <v>5.5650467395E-2</v>
      </c>
      <c r="EL4" s="27">
        <v>6.4390876395999996E-2</v>
      </c>
      <c r="EM4" s="27">
        <v>6.5075132044000006E-2</v>
      </c>
      <c r="EN4" s="27">
        <v>6.479839607E-2</v>
      </c>
      <c r="EO4" s="27">
        <v>6.7649629954000007E-2</v>
      </c>
      <c r="EP4" s="27">
        <v>6.0749016362000002E-2</v>
      </c>
      <c r="EQ4" s="27">
        <v>4.9948371611999998E-2</v>
      </c>
      <c r="ER4" s="27">
        <v>4.3420436026000001E-2</v>
      </c>
      <c r="ES4" s="27">
        <v>3.3085184939999998E-2</v>
      </c>
      <c r="ET4" s="27">
        <v>1.6248649197999999E-2</v>
      </c>
      <c r="EU4" s="27">
        <v>2.6691435300000002E-3</v>
      </c>
      <c r="EV4" s="27">
        <v>-1.3115753254000001E-2</v>
      </c>
      <c r="EW4" s="27">
        <v>-2.4934648274999999E-2</v>
      </c>
      <c r="EX4" s="27">
        <v>-3.280489726E-2</v>
      </c>
      <c r="EY4" s="27">
        <v>-4.9089881895999998E-2</v>
      </c>
      <c r="EZ4" s="27">
        <v>-5.9708628569999998E-2</v>
      </c>
      <c r="FA4" s="27">
        <v>-7.0672297196000003E-2</v>
      </c>
      <c r="FB4" s="27">
        <v>-6.4264167592999993E-2</v>
      </c>
      <c r="FC4" s="27">
        <v>-5.4375643751E-2</v>
      </c>
      <c r="FD4" s="27">
        <v>-5.0532845904999998E-2</v>
      </c>
      <c r="FE4" s="27">
        <v>-4.6412766089000003E-2</v>
      </c>
      <c r="FF4" s="27">
        <v>-3.1480671749000003E-2</v>
      </c>
      <c r="FG4" s="27">
        <v>-2.7503092808999999E-2</v>
      </c>
      <c r="FH4" s="27">
        <v>-2.5395470133999998E-2</v>
      </c>
      <c r="FI4" s="27">
        <v>-2.9927154125000001E-2</v>
      </c>
      <c r="FJ4" s="27">
        <v>-3.0221900034999999E-2</v>
      </c>
      <c r="FK4" s="27">
        <v>-2.3660983611000001E-2</v>
      </c>
      <c r="FL4" s="27">
        <v>-2.053997841E-2</v>
      </c>
      <c r="FM4" s="27">
        <v>-2.6261930937000001E-2</v>
      </c>
      <c r="FN4" s="27">
        <v>-2.1612081052E-2</v>
      </c>
      <c r="FO4" s="27">
        <v>-7.4589378770000001E-3</v>
      </c>
      <c r="FP4" s="27">
        <v>6.1600368270000004E-3</v>
      </c>
      <c r="FQ4" s="27">
        <v>2.1231852454E-2</v>
      </c>
      <c r="FR4" s="27">
        <v>2.8928958596999999E-2</v>
      </c>
      <c r="FS4" s="27">
        <v>2.618334353E-2</v>
      </c>
      <c r="FT4" s="27">
        <v>2.3874478276000002E-2</v>
      </c>
      <c r="FU4" s="27">
        <v>2.9996666035000001E-2</v>
      </c>
      <c r="FV4" s="27">
        <v>3.6329413854999999E-2</v>
      </c>
      <c r="FW4" s="27">
        <v>4.1692391122000003E-2</v>
      </c>
      <c r="FX4" s="27">
        <v>3.8986149987E-2</v>
      </c>
      <c r="FY4" s="27">
        <v>2.4204835163999999E-2</v>
      </c>
      <c r="FZ4" s="27">
        <v>4.5403780369999997E-3</v>
      </c>
      <c r="GA4" s="27">
        <v>-5.8478209119999999E-3</v>
      </c>
      <c r="GB4" s="27">
        <v>-5.9542985630000001E-3</v>
      </c>
      <c r="GC4" s="27">
        <v>-3.7311798689999998E-3</v>
      </c>
      <c r="GD4" s="27">
        <v>-1.1318913129999999E-3</v>
      </c>
      <c r="GE4" s="27">
        <v>9.2121445060000008E-3</v>
      </c>
      <c r="GF4" s="27">
        <v>1.0143540253000001E-2</v>
      </c>
      <c r="GG4" s="27">
        <v>3.6069308060000002E-3</v>
      </c>
      <c r="GH4" s="27">
        <v>-5.3139903039999999E-3</v>
      </c>
      <c r="GI4" s="27">
        <v>-1.090350235E-2</v>
      </c>
      <c r="GJ4" s="27">
        <v>-1.4417623737E-2</v>
      </c>
      <c r="GK4" s="27">
        <v>-1.8870910511E-2</v>
      </c>
      <c r="GL4" s="27">
        <v>-1.7190823527999999E-2</v>
      </c>
      <c r="GM4" s="27">
        <v>-3.2256442865999997E-2</v>
      </c>
      <c r="GN4" s="27">
        <v>-5.1845430986000002E-2</v>
      </c>
      <c r="GO4" s="27">
        <v>-7.3634966097000001E-2</v>
      </c>
      <c r="GP4" s="27"/>
      <c r="GQ4" s="7"/>
    </row>
    <row r="5" spans="1:199" ht="45" x14ac:dyDescent="0.25">
      <c r="A5" s="6" t="s">
        <v>293</v>
      </c>
      <c r="B5" s="27">
        <v>0.25112101907700002</v>
      </c>
      <c r="C5" s="27">
        <v>0.215220498146</v>
      </c>
      <c r="D5" s="27">
        <v>0.18240985911900001</v>
      </c>
      <c r="E5" s="27">
        <v>0.16483927365100001</v>
      </c>
      <c r="F5" s="27">
        <v>0.14206483248499999</v>
      </c>
      <c r="G5" s="27">
        <v>9.6046215924999997E-2</v>
      </c>
      <c r="H5" s="27">
        <v>2.892854173E-2</v>
      </c>
      <c r="I5" s="27">
        <v>-4.2438808813000002E-2</v>
      </c>
      <c r="J5" s="27">
        <v>-0.124656337871</v>
      </c>
      <c r="K5" s="27">
        <v>-0.20865986538199999</v>
      </c>
      <c r="L5" s="27">
        <v>-0.270274118442</v>
      </c>
      <c r="M5" s="27">
        <v>-0.29198420091900001</v>
      </c>
      <c r="N5" s="27">
        <v>-0.273244702545</v>
      </c>
      <c r="O5" s="27">
        <v>-0.225417223335</v>
      </c>
      <c r="P5" s="27">
        <v>-0.16368462073699999</v>
      </c>
      <c r="Q5" s="27">
        <v>-0.112045782729</v>
      </c>
      <c r="R5" s="27">
        <v>-6.8350870689000004E-2</v>
      </c>
      <c r="S5" s="27">
        <v>-4.4593077242999997E-2</v>
      </c>
      <c r="T5" s="27">
        <v>-5.6938292736999997E-2</v>
      </c>
      <c r="U5" s="27">
        <v>-9.7088825397999998E-2</v>
      </c>
      <c r="V5" s="27">
        <v>-0.153525310587</v>
      </c>
      <c r="W5" s="27">
        <v>-0.19993732203699999</v>
      </c>
      <c r="X5" s="27">
        <v>-0.214085843651</v>
      </c>
      <c r="Y5" s="27">
        <v>-0.21298742159799999</v>
      </c>
      <c r="Z5" s="27">
        <v>-0.17759204362100001</v>
      </c>
      <c r="AA5" s="27">
        <v>-9.3404374063000006E-2</v>
      </c>
      <c r="AB5" s="27">
        <v>-5.0603815310000001E-3</v>
      </c>
      <c r="AC5" s="27">
        <v>4.9038684366999999E-2</v>
      </c>
      <c r="AD5" s="27">
        <v>5.8725076862999999E-2</v>
      </c>
      <c r="AE5" s="27">
        <v>4.4803805311999997E-2</v>
      </c>
      <c r="AF5" s="27">
        <v>2.5472646724999999E-2</v>
      </c>
      <c r="AG5" s="27">
        <v>-4.284970747E-3</v>
      </c>
      <c r="AH5" s="27">
        <v>-4.4181522692999999E-2</v>
      </c>
      <c r="AI5" s="27">
        <v>-7.3359534828999998E-2</v>
      </c>
      <c r="AJ5" s="27">
        <v>-9.0438967625999997E-2</v>
      </c>
      <c r="AK5" s="27">
        <v>-7.7338821890000006E-2</v>
      </c>
      <c r="AL5" s="27">
        <v>-6.5946685611999997E-2</v>
      </c>
      <c r="AM5" s="27">
        <v>-6.0068639326999997E-2</v>
      </c>
      <c r="AN5" s="27">
        <v>-6.5863105729999996E-2</v>
      </c>
      <c r="AO5" s="27">
        <v>-7.1047651111000004E-2</v>
      </c>
      <c r="AP5" s="27">
        <v>-7.6211641102999994E-2</v>
      </c>
      <c r="AQ5" s="27">
        <v>-7.7902231316999998E-2</v>
      </c>
      <c r="AR5" s="27">
        <v>-7.7471808276999996E-2</v>
      </c>
      <c r="AS5" s="27">
        <v>-4.9286444232000001E-2</v>
      </c>
      <c r="AT5" s="27">
        <v>1.8658293635E-2</v>
      </c>
      <c r="AU5" s="27">
        <v>0.101732254371</v>
      </c>
      <c r="AV5" s="27">
        <v>0.176206294673</v>
      </c>
      <c r="AW5" s="27">
        <v>0.22931755962100001</v>
      </c>
      <c r="AX5" s="27">
        <v>0.23783247411299999</v>
      </c>
      <c r="AY5" s="27">
        <v>0.20194533428600001</v>
      </c>
      <c r="AZ5" s="27">
        <v>0.13619100893</v>
      </c>
      <c r="BA5" s="27">
        <v>5.9463924653000003E-2</v>
      </c>
      <c r="BB5" s="27">
        <v>-5.3875221699999998E-3</v>
      </c>
      <c r="BC5" s="27">
        <v>-4.3287922945000001E-2</v>
      </c>
      <c r="BD5" s="27">
        <v>-4.6121768367999999E-2</v>
      </c>
      <c r="BE5" s="27">
        <v>-2.0946873285999999E-2</v>
      </c>
      <c r="BF5" s="27">
        <v>1.9569764544000001E-2</v>
      </c>
      <c r="BG5" s="27">
        <v>5.5040408334E-2</v>
      </c>
      <c r="BH5" s="27">
        <v>6.8142377955E-2</v>
      </c>
      <c r="BI5" s="27">
        <v>5.5381546034000001E-2</v>
      </c>
      <c r="BJ5" s="27">
        <v>3.1789018027000002E-2</v>
      </c>
      <c r="BK5" s="27">
        <v>3.7538050700000001E-4</v>
      </c>
      <c r="BL5" s="27">
        <v>-2.7506906232999999E-2</v>
      </c>
      <c r="BM5" s="27">
        <v>-3.8013642432999997E-2</v>
      </c>
      <c r="BN5" s="27">
        <v>-4.1394779902000002E-2</v>
      </c>
      <c r="BO5" s="27">
        <v>-3.1686837914000003E-2</v>
      </c>
      <c r="BP5" s="27">
        <v>2.5528633764999999E-2</v>
      </c>
      <c r="BQ5" s="27">
        <v>9.8166240587000006E-2</v>
      </c>
      <c r="BR5" s="27">
        <v>0.149553978955</v>
      </c>
      <c r="BS5" s="27">
        <v>0.18900120857200001</v>
      </c>
      <c r="BT5" s="27">
        <v>0.21877989125200001</v>
      </c>
      <c r="BU5" s="27">
        <v>0.22917962936899999</v>
      </c>
      <c r="BV5" s="27">
        <v>0.21250971327199999</v>
      </c>
      <c r="BW5" s="27">
        <v>0.172776436821</v>
      </c>
      <c r="BX5" s="27">
        <v>0.14534042504700001</v>
      </c>
      <c r="BY5" s="27">
        <v>0.117834115936</v>
      </c>
      <c r="BZ5" s="27">
        <v>7.6637309885000005E-2</v>
      </c>
      <c r="CA5" s="27">
        <v>1.8962806594000001E-2</v>
      </c>
      <c r="CB5" s="27">
        <v>-1.9786691448999999E-2</v>
      </c>
      <c r="CC5" s="27">
        <v>-3.6788632263999997E-2</v>
      </c>
      <c r="CD5" s="27">
        <v>-4.2540115881999997E-2</v>
      </c>
      <c r="CE5" s="27">
        <v>-3.3724461148999997E-2</v>
      </c>
      <c r="CF5" s="27">
        <v>-1.125563515E-2</v>
      </c>
      <c r="CG5" s="27">
        <v>2.3022337492999999E-2</v>
      </c>
      <c r="CH5" s="27">
        <v>5.4682382043000001E-2</v>
      </c>
      <c r="CI5" s="27">
        <v>8.4454358152000003E-2</v>
      </c>
      <c r="CJ5" s="27">
        <v>0.10698921441299999</v>
      </c>
      <c r="CK5" s="27">
        <v>0.110608574397</v>
      </c>
      <c r="CL5" s="27">
        <v>9.6205131387000001E-2</v>
      </c>
      <c r="CM5" s="27">
        <v>7.4460231451999995E-2</v>
      </c>
      <c r="CN5" s="27">
        <v>5.1104108852999999E-2</v>
      </c>
      <c r="CO5" s="27">
        <v>3.3332421921999998E-2</v>
      </c>
      <c r="CP5" s="27">
        <v>2.2765479878000001E-2</v>
      </c>
      <c r="CQ5" s="27">
        <v>1.5052336082E-2</v>
      </c>
      <c r="CR5" s="27">
        <v>1.0226220074E-2</v>
      </c>
      <c r="CS5" s="27">
        <v>2.0032142127E-2</v>
      </c>
      <c r="CT5" s="27">
        <v>2.5838473213999999E-2</v>
      </c>
      <c r="CU5" s="27">
        <v>2.2011342706000001E-2</v>
      </c>
      <c r="CV5" s="27">
        <v>1.5262797804E-2</v>
      </c>
      <c r="CW5" s="27">
        <v>8.9255053970000008E-3</v>
      </c>
      <c r="CX5" s="27">
        <v>-3.0216263771999999E-2</v>
      </c>
      <c r="CY5" s="27">
        <v>-9.9037086196000004E-2</v>
      </c>
      <c r="CZ5" s="27">
        <v>-0.20194596462299999</v>
      </c>
      <c r="DA5" s="27">
        <v>-0.32086054796399999</v>
      </c>
      <c r="DB5" s="27">
        <v>-0.43496880746700001</v>
      </c>
      <c r="DC5" s="27">
        <v>-0.53834878850500001</v>
      </c>
      <c r="DD5" s="27">
        <v>-0.62958067683300001</v>
      </c>
      <c r="DE5" s="27">
        <v>-0.67336624305100001</v>
      </c>
      <c r="DF5" s="27">
        <v>-0.64483637728999998</v>
      </c>
      <c r="DG5" s="27">
        <v>-0.54144960513700002</v>
      </c>
      <c r="DH5" s="27">
        <v>-0.41369139476200001</v>
      </c>
      <c r="DI5" s="27">
        <v>-0.26140877281899999</v>
      </c>
      <c r="DJ5" s="27">
        <v>-0.102593678582</v>
      </c>
      <c r="DK5" s="27">
        <v>5.2901479600000002E-2</v>
      </c>
      <c r="DL5" s="27">
        <v>0.149926632241</v>
      </c>
      <c r="DM5" s="27">
        <v>0.19088718171399999</v>
      </c>
      <c r="DN5" s="27">
        <v>0.22170100046899999</v>
      </c>
      <c r="DO5" s="27">
        <v>0.23764313324399999</v>
      </c>
      <c r="DP5" s="27">
        <v>0.23493006534700001</v>
      </c>
      <c r="DQ5" s="27">
        <v>0.21429868264099999</v>
      </c>
      <c r="DR5" s="27">
        <v>0.20299423596800001</v>
      </c>
      <c r="DS5" s="27">
        <v>0.208915152592</v>
      </c>
      <c r="DT5" s="27">
        <v>0.205739236937</v>
      </c>
      <c r="DU5" s="27">
        <v>0.177413443901</v>
      </c>
      <c r="DV5" s="27">
        <v>0.14259857158799999</v>
      </c>
      <c r="DW5" s="27">
        <v>0.102377938581</v>
      </c>
      <c r="DX5" s="27">
        <v>7.4253431884000007E-2</v>
      </c>
      <c r="DY5" s="27">
        <v>5.4215422728999998E-2</v>
      </c>
      <c r="DZ5" s="27">
        <v>3.651538176E-2</v>
      </c>
      <c r="EA5" s="27">
        <v>2.7631716938000001E-2</v>
      </c>
      <c r="EB5" s="27">
        <v>3.2712496296000003E-2</v>
      </c>
      <c r="EC5" s="27">
        <v>4.5426834151000003E-2</v>
      </c>
      <c r="ED5" s="27">
        <v>5.7525265838000002E-2</v>
      </c>
      <c r="EE5" s="27">
        <v>6.6714907995999995E-2</v>
      </c>
      <c r="EF5" s="27">
        <v>7.9525598724999993E-2</v>
      </c>
      <c r="EG5" s="27">
        <v>8.6528839784E-2</v>
      </c>
      <c r="EH5" s="27">
        <v>9.6165571818999998E-2</v>
      </c>
      <c r="EI5" s="27">
        <v>0.10164962358100001</v>
      </c>
      <c r="EJ5" s="27">
        <v>0.10952603538</v>
      </c>
      <c r="EK5" s="27">
        <v>0.10730180248100001</v>
      </c>
      <c r="EL5" s="27">
        <v>9.7745669229999999E-2</v>
      </c>
      <c r="EM5" s="27">
        <v>8.0028935246999999E-2</v>
      </c>
      <c r="EN5" s="27">
        <v>6.8846493504000003E-2</v>
      </c>
      <c r="EO5" s="27">
        <v>7.3575067275999995E-2</v>
      </c>
      <c r="EP5" s="27">
        <v>7.8623691566000006E-2</v>
      </c>
      <c r="EQ5" s="27">
        <v>7.8948753955999998E-2</v>
      </c>
      <c r="ER5" s="27">
        <v>7.1255938054999995E-2</v>
      </c>
      <c r="ES5" s="27">
        <v>5.8507557218000002E-2</v>
      </c>
      <c r="ET5" s="27">
        <v>3.9000882947999999E-2</v>
      </c>
      <c r="EU5" s="27">
        <v>2.0588257312000001E-2</v>
      </c>
      <c r="EV5" s="27">
        <v>-5.7804886019999996E-3</v>
      </c>
      <c r="EW5" s="27">
        <v>-2.0465060797000001E-2</v>
      </c>
      <c r="EX5" s="27">
        <v>-2.4861309727999999E-2</v>
      </c>
      <c r="EY5" s="27">
        <v>-3.1160724367999999E-2</v>
      </c>
      <c r="EZ5" s="27">
        <v>-4.2359256025E-2</v>
      </c>
      <c r="FA5" s="27">
        <v>-8.348554037E-2</v>
      </c>
      <c r="FB5" s="27">
        <v>-0.111419406379</v>
      </c>
      <c r="FC5" s="27">
        <v>-0.12020273682800001</v>
      </c>
      <c r="FD5" s="27">
        <v>-0.116991725262</v>
      </c>
      <c r="FE5" s="27">
        <v>-0.10443241796</v>
      </c>
      <c r="FF5" s="27">
        <v>-7.3081683031000003E-2</v>
      </c>
      <c r="FG5" s="27">
        <v>-4.9555622107E-2</v>
      </c>
      <c r="FH5" s="27">
        <v>-3.0223723716E-2</v>
      </c>
      <c r="FI5" s="27">
        <v>-2.3588244304999999E-2</v>
      </c>
      <c r="FJ5" s="27">
        <v>-2.6475694936999999E-2</v>
      </c>
      <c r="FK5" s="27">
        <v>-2.6055661402999999E-2</v>
      </c>
      <c r="FL5" s="27">
        <v>-2.4552699736000001E-2</v>
      </c>
      <c r="FM5" s="27">
        <v>-2.6732919332000001E-2</v>
      </c>
      <c r="FN5" s="27">
        <v>-2.3187515108999999E-2</v>
      </c>
      <c r="FO5" s="27">
        <v>-8.0679592549999998E-3</v>
      </c>
      <c r="FP5" s="27">
        <v>6.423307447E-3</v>
      </c>
      <c r="FQ5" s="27">
        <v>2.235005407E-2</v>
      </c>
      <c r="FR5" s="27">
        <v>2.4564990647000001E-2</v>
      </c>
      <c r="FS5" s="27">
        <v>1.5774397377E-2</v>
      </c>
      <c r="FT5" s="27">
        <v>2.0932512980000001E-3</v>
      </c>
      <c r="FU5" s="27">
        <v>-9.7793106800000001E-3</v>
      </c>
      <c r="FV5" s="27">
        <v>-1.1617688601000001E-2</v>
      </c>
      <c r="FW5" s="27">
        <v>-9.2074009299999999E-3</v>
      </c>
      <c r="FX5" s="27">
        <v>-1.3476405679000001E-2</v>
      </c>
      <c r="FY5" s="27">
        <v>-2.2841327607E-2</v>
      </c>
      <c r="FZ5" s="27">
        <v>-2.5076496247999999E-2</v>
      </c>
      <c r="GA5" s="27">
        <v>-2.0293303685E-2</v>
      </c>
      <c r="GB5" s="27">
        <v>-7.6739687849999997E-3</v>
      </c>
      <c r="GC5" s="27">
        <v>1.5212701009999999E-2</v>
      </c>
      <c r="GD5" s="27">
        <v>2.8450524942E-2</v>
      </c>
      <c r="GE5" s="27">
        <v>4.1435768694000001E-2</v>
      </c>
      <c r="GF5" s="27">
        <v>5.0739821018000002E-2</v>
      </c>
      <c r="GG5" s="27">
        <v>5.2681080581000003E-2</v>
      </c>
      <c r="GH5" s="27">
        <v>3.6612321481E-2</v>
      </c>
      <c r="GI5" s="27">
        <v>1.1446902488E-2</v>
      </c>
      <c r="GJ5" s="27">
        <v>-1.5615290481000001E-2</v>
      </c>
      <c r="GK5" s="27">
        <v>-4.1830506731999999E-2</v>
      </c>
      <c r="GL5" s="27">
        <v>-7.5960256682999994E-2</v>
      </c>
      <c r="GM5" s="27">
        <v>-0.12883842297500001</v>
      </c>
      <c r="GN5" s="27">
        <v>-0.18342761720699999</v>
      </c>
      <c r="GO5" s="27">
        <v>-0.220109624611</v>
      </c>
      <c r="GP5" s="27"/>
      <c r="GQ5" s="7"/>
    </row>
    <row r="6" spans="1:199" ht="45" x14ac:dyDescent="0.25">
      <c r="A6" s="6" t="s">
        <v>292</v>
      </c>
      <c r="B6" s="27">
        <v>0.25662694116899998</v>
      </c>
      <c r="C6" s="27">
        <v>0.25400032201799999</v>
      </c>
      <c r="D6" s="27">
        <v>0.22454038168599999</v>
      </c>
      <c r="E6" s="27">
        <v>0.18566284548199999</v>
      </c>
      <c r="F6" s="27">
        <v>0.14047501880999999</v>
      </c>
      <c r="G6" s="27">
        <v>7.0176393550999999E-2</v>
      </c>
      <c r="H6" s="27">
        <v>-1.5050498596E-2</v>
      </c>
      <c r="I6" s="27">
        <v>-9.7168753755000004E-2</v>
      </c>
      <c r="J6" s="27">
        <v>-0.19014193935500001</v>
      </c>
      <c r="K6" s="27">
        <v>-0.27509432253900001</v>
      </c>
      <c r="L6" s="27">
        <v>-0.32369151028499998</v>
      </c>
      <c r="M6" s="27">
        <v>-0.32949186819100001</v>
      </c>
      <c r="N6" s="27">
        <v>-0.29774049958499998</v>
      </c>
      <c r="O6" s="27">
        <v>-0.259748727683</v>
      </c>
      <c r="P6" s="27">
        <v>-0.20615268713000001</v>
      </c>
      <c r="Q6" s="27">
        <v>-0.137441157482</v>
      </c>
      <c r="R6" s="27">
        <v>-3.6702814645999997E-2</v>
      </c>
      <c r="S6" s="27">
        <v>2.3979819196E-2</v>
      </c>
      <c r="T6" s="27">
        <v>2.8442860768000001E-2</v>
      </c>
      <c r="U6" s="27">
        <v>-1.7865131664E-2</v>
      </c>
      <c r="V6" s="27">
        <v>-7.0012730125999997E-2</v>
      </c>
      <c r="W6" s="27">
        <v>-0.112922614952</v>
      </c>
      <c r="X6" s="27">
        <v>-0.123024976561</v>
      </c>
      <c r="Y6" s="27">
        <v>-0.152015797157</v>
      </c>
      <c r="Z6" s="27">
        <v>-0.16358833651099999</v>
      </c>
      <c r="AA6" s="27">
        <v>-0.13185416537299999</v>
      </c>
      <c r="AB6" s="27">
        <v>-6.4080132366999998E-2</v>
      </c>
      <c r="AC6" s="27">
        <v>-4.783331121E-3</v>
      </c>
      <c r="AD6" s="27">
        <v>2.6381590175000001E-2</v>
      </c>
      <c r="AE6" s="27">
        <v>3.7510759201999998E-2</v>
      </c>
      <c r="AF6" s="27">
        <v>3.9262647161000003E-2</v>
      </c>
      <c r="AG6" s="27">
        <v>2.5571153714999999E-2</v>
      </c>
      <c r="AH6" s="27">
        <v>3.109090147E-3</v>
      </c>
      <c r="AI6" s="27">
        <v>-1.8762669350999999E-2</v>
      </c>
      <c r="AJ6" s="27">
        <v>-4.2946461480000003E-2</v>
      </c>
      <c r="AK6" s="27">
        <v>-5.2376131437999997E-2</v>
      </c>
      <c r="AL6" s="27">
        <v>-5.5395672841999997E-2</v>
      </c>
      <c r="AM6" s="27">
        <v>-5.6681210974000001E-2</v>
      </c>
      <c r="AN6" s="27">
        <v>-7.4280897991999995E-2</v>
      </c>
      <c r="AO6" s="27">
        <v>-7.7341220951000003E-2</v>
      </c>
      <c r="AP6" s="27">
        <v>-6.5091174862000001E-2</v>
      </c>
      <c r="AQ6" s="27">
        <v>-4.5871033106999998E-2</v>
      </c>
      <c r="AR6" s="27">
        <v>-2.6491430305000001E-2</v>
      </c>
      <c r="AS6" s="27">
        <v>5.1808877930000002E-3</v>
      </c>
      <c r="AT6" s="27">
        <v>5.7139457736000002E-2</v>
      </c>
      <c r="AU6" s="27">
        <v>0.12206304608100001</v>
      </c>
      <c r="AV6" s="27">
        <v>0.182774395624</v>
      </c>
      <c r="AW6" s="27">
        <v>0.22594216765399999</v>
      </c>
      <c r="AX6" s="27">
        <v>0.22763823231300001</v>
      </c>
      <c r="AY6" s="27">
        <v>0.19405309187200001</v>
      </c>
      <c r="AZ6" s="27">
        <v>0.133346038207</v>
      </c>
      <c r="BA6" s="27">
        <v>4.7250838794000001E-2</v>
      </c>
      <c r="BB6" s="27">
        <v>-1.7752249820999998E-2</v>
      </c>
      <c r="BC6" s="27">
        <v>-4.9352514873999997E-2</v>
      </c>
      <c r="BD6" s="27">
        <v>-5.3042542379000003E-2</v>
      </c>
      <c r="BE6" s="27">
        <v>-3.1841397666999997E-2</v>
      </c>
      <c r="BF6" s="27">
        <v>1.294009218E-3</v>
      </c>
      <c r="BG6" s="27">
        <v>2.4214466346E-2</v>
      </c>
      <c r="BH6" s="27">
        <v>3.1708837890000001E-2</v>
      </c>
      <c r="BI6" s="27">
        <v>3.4610769272999997E-2</v>
      </c>
      <c r="BJ6" s="27">
        <v>3.8989513996000001E-2</v>
      </c>
      <c r="BK6" s="27">
        <v>2.4569401554E-2</v>
      </c>
      <c r="BL6" s="27">
        <v>7.7127005619999998E-3</v>
      </c>
      <c r="BM6" s="27">
        <v>-9.5515338839999991E-3</v>
      </c>
      <c r="BN6" s="27">
        <v>-2.9560441481E-2</v>
      </c>
      <c r="BO6" s="27">
        <v>-5.0026833552000001E-2</v>
      </c>
      <c r="BP6" s="27">
        <v>-4.9420675029999998E-3</v>
      </c>
      <c r="BQ6" s="27">
        <v>9.6039662720999994E-2</v>
      </c>
      <c r="BR6" s="27">
        <v>0.170381736388</v>
      </c>
      <c r="BS6" s="27">
        <v>0.233265042793</v>
      </c>
      <c r="BT6" s="27">
        <v>0.28058679903</v>
      </c>
      <c r="BU6" s="27">
        <v>0.278246884458</v>
      </c>
      <c r="BV6" s="27">
        <v>0.24172239626799999</v>
      </c>
      <c r="BW6" s="27">
        <v>0.20436331900800001</v>
      </c>
      <c r="BX6" s="27">
        <v>0.18534526805099999</v>
      </c>
      <c r="BY6" s="27">
        <v>0.15054796088</v>
      </c>
      <c r="BZ6" s="27">
        <v>0.10553947403900001</v>
      </c>
      <c r="CA6" s="27">
        <v>4.4767748423999998E-2</v>
      </c>
      <c r="CB6" s="27">
        <v>-8.7164472700000002E-3</v>
      </c>
      <c r="CC6" s="27">
        <v>-4.7811896431999998E-2</v>
      </c>
      <c r="CD6" s="27">
        <v>-8.5221309556999997E-2</v>
      </c>
      <c r="CE6" s="27">
        <v>-9.9944386955000006E-2</v>
      </c>
      <c r="CF6" s="27">
        <v>-7.7154689844999999E-2</v>
      </c>
      <c r="CG6" s="27">
        <v>-2.9415694791000001E-2</v>
      </c>
      <c r="CH6" s="27">
        <v>3.4681973312E-2</v>
      </c>
      <c r="CI6" s="27">
        <v>8.5707555731999993E-2</v>
      </c>
      <c r="CJ6" s="27">
        <v>0.10174255143499999</v>
      </c>
      <c r="CK6" s="27">
        <v>7.5596262014999999E-2</v>
      </c>
      <c r="CL6" s="27">
        <v>4.5928756679000003E-2</v>
      </c>
      <c r="CM6" s="27">
        <v>2.2519546647999999E-2</v>
      </c>
      <c r="CN6" s="27">
        <v>2.5005256709999999E-3</v>
      </c>
      <c r="CO6" s="27">
        <v>-1.4245822623000001E-2</v>
      </c>
      <c r="CP6" s="27">
        <v>-7.6445402040000001E-3</v>
      </c>
      <c r="CQ6" s="27">
        <v>-3.8236350529999999E-3</v>
      </c>
      <c r="CR6" s="27">
        <v>1.497569654E-2</v>
      </c>
      <c r="CS6" s="27">
        <v>4.7460371675000002E-2</v>
      </c>
      <c r="CT6" s="27">
        <v>4.1898598388000002E-2</v>
      </c>
      <c r="CU6" s="27">
        <v>1.2456757412999999E-2</v>
      </c>
      <c r="CV6" s="27">
        <v>-3.4163114475999998E-2</v>
      </c>
      <c r="CW6" s="27">
        <v>-7.3792293033E-2</v>
      </c>
      <c r="CX6" s="27">
        <v>-0.108538329659</v>
      </c>
      <c r="CY6" s="27">
        <v>-0.16348351816100001</v>
      </c>
      <c r="CZ6" s="27">
        <v>-0.247749869506</v>
      </c>
      <c r="DA6" s="27">
        <v>-0.34493744917899999</v>
      </c>
      <c r="DB6" s="27">
        <v>-0.446777950383</v>
      </c>
      <c r="DC6" s="27">
        <v>-0.53087704536400004</v>
      </c>
      <c r="DD6" s="27">
        <v>-0.60294259558499996</v>
      </c>
      <c r="DE6" s="27">
        <v>-0.63023063125900003</v>
      </c>
      <c r="DF6" s="27">
        <v>-0.59820349987099997</v>
      </c>
      <c r="DG6" s="27">
        <v>-0.49508861064999998</v>
      </c>
      <c r="DH6" s="27">
        <v>-0.37852126183899998</v>
      </c>
      <c r="DI6" s="27">
        <v>-0.25272784895400002</v>
      </c>
      <c r="DJ6" s="27">
        <v>-0.13460437193899999</v>
      </c>
      <c r="DK6" s="27">
        <v>-2.2389370499E-2</v>
      </c>
      <c r="DL6" s="27">
        <v>7.0343648750000001E-2</v>
      </c>
      <c r="DM6" s="27">
        <v>0.133001345311</v>
      </c>
      <c r="DN6" s="27">
        <v>0.200961212133</v>
      </c>
      <c r="DO6" s="27">
        <v>0.25823313251399999</v>
      </c>
      <c r="DP6" s="27">
        <v>0.28466595490699997</v>
      </c>
      <c r="DQ6" s="27">
        <v>0.27380589144700002</v>
      </c>
      <c r="DR6" s="27">
        <v>0.26090336613499998</v>
      </c>
      <c r="DS6" s="27">
        <v>0.24445569496799999</v>
      </c>
      <c r="DT6" s="27">
        <v>0.22617579150600001</v>
      </c>
      <c r="DU6" s="27">
        <v>0.197239262325</v>
      </c>
      <c r="DV6" s="27">
        <v>0.161172569855</v>
      </c>
      <c r="DW6" s="27">
        <v>0.135531993431</v>
      </c>
      <c r="DX6" s="27">
        <v>0.118556783981</v>
      </c>
      <c r="DY6" s="27">
        <v>9.7588309242000001E-2</v>
      </c>
      <c r="DZ6" s="27">
        <v>6.1796587193999997E-2</v>
      </c>
      <c r="EA6" s="27">
        <v>4.4083795012E-2</v>
      </c>
      <c r="EB6" s="27">
        <v>5.1947931362000002E-2</v>
      </c>
      <c r="EC6" s="27">
        <v>7.2329541119999993E-2</v>
      </c>
      <c r="ED6" s="27">
        <v>8.5779315206999995E-2</v>
      </c>
      <c r="EE6" s="27">
        <v>9.4075836750000003E-2</v>
      </c>
      <c r="EF6" s="27">
        <v>9.8101204809000003E-2</v>
      </c>
      <c r="EG6" s="27">
        <v>9.3247499918999999E-2</v>
      </c>
      <c r="EH6" s="27">
        <v>8.9918965968000003E-2</v>
      </c>
      <c r="EI6" s="27">
        <v>8.3323256509999999E-2</v>
      </c>
      <c r="EJ6" s="27">
        <v>9.1092442558999995E-2</v>
      </c>
      <c r="EK6" s="27">
        <v>0.106345232441</v>
      </c>
      <c r="EL6" s="27">
        <v>0.123567568997</v>
      </c>
      <c r="EM6" s="27">
        <v>0.130341057063</v>
      </c>
      <c r="EN6" s="27">
        <v>0.124986222945</v>
      </c>
      <c r="EO6" s="27">
        <v>0.114761650911</v>
      </c>
      <c r="EP6" s="27">
        <v>9.9686596786000004E-2</v>
      </c>
      <c r="EQ6" s="27">
        <v>8.6036548675000005E-2</v>
      </c>
      <c r="ER6" s="27">
        <v>7.2312179694000001E-2</v>
      </c>
      <c r="ES6" s="27">
        <v>5.3044903886E-2</v>
      </c>
      <c r="ET6" s="27">
        <v>2.0231898325999999E-2</v>
      </c>
      <c r="EU6" s="27">
        <v>-2.1845108984000002E-2</v>
      </c>
      <c r="EV6" s="27">
        <v>-7.1833201664999999E-2</v>
      </c>
      <c r="EW6" s="27">
        <v>-0.109160974254</v>
      </c>
      <c r="EX6" s="27">
        <v>-0.128022814121</v>
      </c>
      <c r="EY6" s="27">
        <v>-0.154282993891</v>
      </c>
      <c r="EZ6" s="27">
        <v>-0.15779815405399999</v>
      </c>
      <c r="FA6" s="27">
        <v>-0.17507414263400001</v>
      </c>
      <c r="FB6" s="27">
        <v>-0.16969061890699999</v>
      </c>
      <c r="FC6" s="27">
        <v>-0.15276511936000001</v>
      </c>
      <c r="FD6" s="27">
        <v>-0.143213582994</v>
      </c>
      <c r="FE6" s="27">
        <v>-0.13630097028999999</v>
      </c>
      <c r="FF6" s="27">
        <v>-0.103763055204</v>
      </c>
      <c r="FG6" s="27">
        <v>-6.4517519620000005E-2</v>
      </c>
      <c r="FH6" s="27">
        <v>-3.0099784989000001E-2</v>
      </c>
      <c r="FI6" s="27">
        <v>-8.3688349800000003E-4</v>
      </c>
      <c r="FJ6" s="27">
        <v>2.6924298738000001E-2</v>
      </c>
      <c r="FK6" s="27">
        <v>6.2051445282000003E-2</v>
      </c>
      <c r="FL6" s="27">
        <v>9.2295026316000006E-2</v>
      </c>
      <c r="FM6" s="27">
        <v>0.111327499983</v>
      </c>
      <c r="FN6" s="27">
        <v>0.122255400938</v>
      </c>
      <c r="FO6" s="27">
        <v>0.12096553685899999</v>
      </c>
      <c r="FP6" s="27">
        <v>0.116439986075</v>
      </c>
      <c r="FQ6" s="27">
        <v>0.104112974717</v>
      </c>
      <c r="FR6" s="27">
        <v>8.0425327416999995E-2</v>
      </c>
      <c r="FS6" s="27">
        <v>4.8320008189999999E-2</v>
      </c>
      <c r="FT6" s="27">
        <v>2.2780238558000002E-2</v>
      </c>
      <c r="FU6" s="27">
        <v>5.8520521789999997E-3</v>
      </c>
      <c r="FV6" s="27">
        <v>-3.54983768E-3</v>
      </c>
      <c r="FW6" s="27">
        <v>-9.801916196E-3</v>
      </c>
      <c r="FX6" s="27">
        <v>-2.2198618162E-2</v>
      </c>
      <c r="FY6" s="27">
        <v>-4.1947040504999998E-2</v>
      </c>
      <c r="FZ6" s="27">
        <v>-5.6510007730999998E-2</v>
      </c>
      <c r="GA6" s="27">
        <v>-5.7245710876999999E-2</v>
      </c>
      <c r="GB6" s="27">
        <v>-5.4191043293000001E-2</v>
      </c>
      <c r="GC6" s="27">
        <v>-5.0416355737999997E-2</v>
      </c>
      <c r="GD6" s="27">
        <v>-4.4963223821000001E-2</v>
      </c>
      <c r="GE6" s="27">
        <v>-1.9222439354999999E-2</v>
      </c>
      <c r="GF6" s="27">
        <v>-1.947704325E-3</v>
      </c>
      <c r="GG6" s="27">
        <v>-4.3433237020000003E-3</v>
      </c>
      <c r="GH6" s="27">
        <v>-2.4086423542E-2</v>
      </c>
      <c r="GI6" s="27">
        <v>-5.2286953599999998E-2</v>
      </c>
      <c r="GJ6" s="27">
        <v>-7.2007887147000002E-2</v>
      </c>
      <c r="GK6" s="27">
        <v>-8.1132762509000006E-2</v>
      </c>
      <c r="GL6" s="27">
        <v>-9.5175446989999996E-2</v>
      </c>
      <c r="GM6" s="27">
        <v>-0.133843025182</v>
      </c>
      <c r="GN6" s="27">
        <v>-0.16590305105600001</v>
      </c>
      <c r="GO6" s="27">
        <v>-0.18327090172400001</v>
      </c>
      <c r="GP6" s="27"/>
      <c r="GQ6" s="7"/>
    </row>
    <row r="7" spans="1:199" ht="45" x14ac:dyDescent="0.25">
      <c r="A7" s="6" t="s">
        <v>279</v>
      </c>
      <c r="B7" s="27">
        <v>0.113274379435</v>
      </c>
      <c r="C7" s="27">
        <v>0.13637940621700001</v>
      </c>
      <c r="D7" s="27">
        <v>0.167635321197</v>
      </c>
      <c r="E7" s="27">
        <v>0.203503934927</v>
      </c>
      <c r="F7" s="27">
        <v>0.208531416287</v>
      </c>
      <c r="G7" s="27">
        <v>0.18440380994300001</v>
      </c>
      <c r="H7" s="27">
        <v>0.134166271758</v>
      </c>
      <c r="I7" s="27">
        <v>7.9160872021000001E-2</v>
      </c>
      <c r="J7" s="27">
        <v>2.5211712540999999E-2</v>
      </c>
      <c r="K7" s="27">
        <v>-2.6150773674999999E-2</v>
      </c>
      <c r="L7" s="27">
        <v>-5.7983607824E-2</v>
      </c>
      <c r="M7" s="27">
        <v>-6.4262758579999996E-2</v>
      </c>
      <c r="N7" s="27">
        <v>-5.9197942121999997E-2</v>
      </c>
      <c r="O7" s="27">
        <v>-8.2299423353000001E-2</v>
      </c>
      <c r="P7" s="27">
        <v>-0.12161556468900001</v>
      </c>
      <c r="Q7" s="27">
        <v>-0.15582963974700001</v>
      </c>
      <c r="R7" s="27">
        <v>-0.16782279800300001</v>
      </c>
      <c r="S7" s="27">
        <v>-0.15805362248499999</v>
      </c>
      <c r="T7" s="27">
        <v>-0.13678614193700001</v>
      </c>
      <c r="U7" s="27">
        <v>-0.10748271859</v>
      </c>
      <c r="V7" s="27">
        <v>-8.6307335757000003E-2</v>
      </c>
      <c r="W7" s="27">
        <v>-7.6367660589999997E-2</v>
      </c>
      <c r="X7" s="27">
        <v>-6.8431427599000005E-2</v>
      </c>
      <c r="Y7" s="27">
        <v>-6.6157095203999997E-2</v>
      </c>
      <c r="Z7" s="27">
        <v>-5.9645396247E-2</v>
      </c>
      <c r="AA7" s="27">
        <v>-4.9978021416000003E-2</v>
      </c>
      <c r="AB7" s="27">
        <v>-4.9038475555000002E-2</v>
      </c>
      <c r="AC7" s="27">
        <v>-5.4977894968999998E-2</v>
      </c>
      <c r="AD7" s="27">
        <v>-6.1098997826999998E-2</v>
      </c>
      <c r="AE7" s="27">
        <v>-6.9510572418000002E-2</v>
      </c>
      <c r="AF7" s="27">
        <v>-7.1683301379000003E-2</v>
      </c>
      <c r="AG7" s="27">
        <v>-7.5785768752999999E-2</v>
      </c>
      <c r="AH7" s="27">
        <v>-8.3388167479999997E-2</v>
      </c>
      <c r="AI7" s="27">
        <v>-8.3108830502000006E-2</v>
      </c>
      <c r="AJ7" s="27">
        <v>-7.9063826328000006E-2</v>
      </c>
      <c r="AK7" s="27">
        <v>-7.9141818572999997E-2</v>
      </c>
      <c r="AL7" s="27">
        <v>-8.1173483988999998E-2</v>
      </c>
      <c r="AM7" s="27">
        <v>-7.4951222740999995E-2</v>
      </c>
      <c r="AN7" s="27">
        <v>-6.2325426721999998E-2</v>
      </c>
      <c r="AO7" s="27">
        <v>-3.7655337167000001E-2</v>
      </c>
      <c r="AP7" s="27">
        <v>-1.3232125821E-2</v>
      </c>
      <c r="AQ7" s="27">
        <v>7.4707835640000003E-3</v>
      </c>
      <c r="AR7" s="27">
        <v>1.9319384477999999E-2</v>
      </c>
      <c r="AS7" s="27">
        <v>3.2131145430999999E-2</v>
      </c>
      <c r="AT7" s="27">
        <v>5.1774858079000001E-2</v>
      </c>
      <c r="AU7" s="27">
        <v>7.6887819699000007E-2</v>
      </c>
      <c r="AV7" s="27">
        <v>9.9710597523999994E-2</v>
      </c>
      <c r="AW7" s="27">
        <v>0.11923660727300001</v>
      </c>
      <c r="AX7" s="27">
        <v>0.12975252938199999</v>
      </c>
      <c r="AY7" s="27">
        <v>0.134960370967</v>
      </c>
      <c r="AZ7" s="27">
        <v>0.14016115832000001</v>
      </c>
      <c r="BA7" s="27">
        <v>0.12764764577000001</v>
      </c>
      <c r="BB7" s="27">
        <v>0.10302762498</v>
      </c>
      <c r="BC7" s="27">
        <v>8.6202350423999999E-2</v>
      </c>
      <c r="BD7" s="27">
        <v>8.3315548983000004E-2</v>
      </c>
      <c r="BE7" s="27">
        <v>7.7061198201999997E-2</v>
      </c>
      <c r="BF7" s="27">
        <v>8.2612011392000001E-2</v>
      </c>
      <c r="BG7" s="27">
        <v>7.4852921202999995E-2</v>
      </c>
      <c r="BH7" s="27">
        <v>4.6941093062999997E-2</v>
      </c>
      <c r="BI7" s="27">
        <v>1.6335489589999999E-3</v>
      </c>
      <c r="BJ7" s="27">
        <v>-2.8556042271999999E-2</v>
      </c>
      <c r="BK7" s="27">
        <v>-4.8952579055000001E-2</v>
      </c>
      <c r="BL7" s="27">
        <v>-6.5930271405999996E-2</v>
      </c>
      <c r="BM7" s="27">
        <v>-8.3941780413000003E-2</v>
      </c>
      <c r="BN7" s="27">
        <v>-7.2899497399999999E-2</v>
      </c>
      <c r="BO7" s="27">
        <v>-4.7148670589999997E-2</v>
      </c>
      <c r="BP7" s="27">
        <v>8.8729248600000004E-4</v>
      </c>
      <c r="BQ7" s="27">
        <v>3.5649403566E-2</v>
      </c>
      <c r="BR7" s="27">
        <v>4.4489482109E-2</v>
      </c>
      <c r="BS7" s="27">
        <v>2.0592427742999998E-2</v>
      </c>
      <c r="BT7" s="27">
        <v>5.6318630919999996E-3</v>
      </c>
      <c r="BU7" s="27">
        <v>1.2310687009999999E-3</v>
      </c>
      <c r="BV7" s="27">
        <v>-2.5205420669999999E-3</v>
      </c>
      <c r="BW7" s="27">
        <v>-1.1674532416E-2</v>
      </c>
      <c r="BX7" s="27">
        <v>-2.0125584203000001E-2</v>
      </c>
      <c r="BY7" s="27">
        <v>-1.8324130532999999E-2</v>
      </c>
      <c r="BZ7" s="27">
        <v>-2.1396561984000001E-2</v>
      </c>
      <c r="CA7" s="27">
        <v>-2.0835176082000001E-2</v>
      </c>
      <c r="CB7" s="27">
        <v>-1.3902488520999999E-2</v>
      </c>
      <c r="CC7" s="27">
        <v>-6.0714511399999999E-4</v>
      </c>
      <c r="CD7" s="27">
        <v>9.5009376690000005E-3</v>
      </c>
      <c r="CE7" s="27">
        <v>9.4173145910000002E-3</v>
      </c>
      <c r="CF7" s="27">
        <v>1.2168252999E-2</v>
      </c>
      <c r="CG7" s="27">
        <v>1.6244067777E-2</v>
      </c>
      <c r="CH7" s="27">
        <v>1.9725986562E-2</v>
      </c>
      <c r="CI7" s="27">
        <v>2.3736133382999999E-2</v>
      </c>
      <c r="CJ7" s="27">
        <v>3.0304160744000001E-2</v>
      </c>
      <c r="CK7" s="27">
        <v>4.6920358315000001E-2</v>
      </c>
      <c r="CL7" s="27">
        <v>6.6284200964999998E-2</v>
      </c>
      <c r="CM7" s="27">
        <v>7.8453904310999995E-2</v>
      </c>
      <c r="CN7" s="27">
        <v>7.4597019240999998E-2</v>
      </c>
      <c r="CO7" s="27">
        <v>5.9164841577999998E-2</v>
      </c>
      <c r="CP7" s="27">
        <v>3.8530190414E-2</v>
      </c>
      <c r="CQ7" s="27">
        <v>1.8802103652E-2</v>
      </c>
      <c r="CR7" s="27">
        <v>8.6247831949999992E-3</v>
      </c>
      <c r="CS7" s="27">
        <v>1.0061539632E-2</v>
      </c>
      <c r="CT7" s="27">
        <v>2.6433906399E-2</v>
      </c>
      <c r="CU7" s="27">
        <v>2.6771053619999999E-2</v>
      </c>
      <c r="CV7" s="27">
        <v>1.3051432522999999E-2</v>
      </c>
      <c r="CW7" s="27">
        <v>-1.6261307698000001E-2</v>
      </c>
      <c r="CX7" s="27">
        <v>-3.3554991003000002E-2</v>
      </c>
      <c r="CY7" s="27">
        <v>-6.1624778823E-2</v>
      </c>
      <c r="CZ7" s="27">
        <v>-9.9231749187999999E-2</v>
      </c>
      <c r="DA7" s="27">
        <v>-0.121959133082</v>
      </c>
      <c r="DB7" s="27">
        <v>-0.13032823030900001</v>
      </c>
      <c r="DC7" s="27">
        <v>-0.12540108189599999</v>
      </c>
      <c r="DD7" s="27">
        <v>-0.114365057167</v>
      </c>
      <c r="DE7" s="27">
        <v>-9.9261148681E-2</v>
      </c>
      <c r="DF7" s="27">
        <v>-8.6461317386999997E-2</v>
      </c>
      <c r="DG7" s="27">
        <v>-8.3629742615999994E-2</v>
      </c>
      <c r="DH7" s="27">
        <v>-8.8244754706999995E-2</v>
      </c>
      <c r="DI7" s="27">
        <v>-9.9280876633999995E-2</v>
      </c>
      <c r="DJ7" s="27">
        <v>-9.5253785325999998E-2</v>
      </c>
      <c r="DK7" s="27">
        <v>-7.1679164855000005E-2</v>
      </c>
      <c r="DL7" s="27">
        <v>-4.9773621709000002E-2</v>
      </c>
      <c r="DM7" s="27">
        <v>-3.2505050418000003E-2</v>
      </c>
      <c r="DN7" s="27">
        <v>-1.8980154207E-2</v>
      </c>
      <c r="DO7" s="27">
        <v>-5.9900308660000004E-3</v>
      </c>
      <c r="DP7" s="27">
        <v>9.3900479749999995E-3</v>
      </c>
      <c r="DQ7" s="27">
        <v>1.9608671200999999E-2</v>
      </c>
      <c r="DR7" s="27">
        <v>1.515877463E-2</v>
      </c>
      <c r="DS7" s="27">
        <v>1.7955005124000001E-2</v>
      </c>
      <c r="DT7" s="27">
        <v>1.7284429386E-2</v>
      </c>
      <c r="DU7" s="27">
        <v>1.9544824658999999E-2</v>
      </c>
      <c r="DV7" s="27">
        <v>2.1783185327E-2</v>
      </c>
      <c r="DW7" s="27">
        <v>1.6563133143000001E-2</v>
      </c>
      <c r="DX7" s="27">
        <v>7.2512287390000003E-3</v>
      </c>
      <c r="DY7" s="27">
        <v>-1.0297689181E-2</v>
      </c>
      <c r="DZ7" s="27">
        <v>-3.4207198745999999E-2</v>
      </c>
      <c r="EA7" s="27">
        <v>-4.4023830808E-2</v>
      </c>
      <c r="EB7" s="27">
        <v>-3.7400341360999997E-2</v>
      </c>
      <c r="EC7" s="27">
        <v>-3.7306229040000001E-3</v>
      </c>
      <c r="ED7" s="27">
        <v>8.2255554270000003E-3</v>
      </c>
      <c r="EE7" s="27">
        <v>3.6956255560000001E-3</v>
      </c>
      <c r="EF7" s="27">
        <v>1.4581670091999999E-2</v>
      </c>
      <c r="EG7" s="27">
        <v>2.5787315206999999E-2</v>
      </c>
      <c r="EH7" s="27">
        <v>2.5847826569999999E-2</v>
      </c>
      <c r="EI7" s="27">
        <v>2.6564114058999999E-2</v>
      </c>
      <c r="EJ7" s="27">
        <v>3.5725063744000002E-2</v>
      </c>
      <c r="EK7" s="27">
        <v>5.5905837043999998E-2</v>
      </c>
      <c r="EL7" s="27">
        <v>7.7960327593000006E-2</v>
      </c>
      <c r="EM7" s="27">
        <v>9.0011106004000002E-2</v>
      </c>
      <c r="EN7" s="27">
        <v>9.5034695704E-2</v>
      </c>
      <c r="EO7" s="27">
        <v>9.6194613730999995E-2</v>
      </c>
      <c r="EP7" s="27">
        <v>8.6315650095999993E-2</v>
      </c>
      <c r="EQ7" s="27">
        <v>7.2198121207000004E-2</v>
      </c>
      <c r="ER7" s="27">
        <v>5.5426689613999998E-2</v>
      </c>
      <c r="ES7" s="27">
        <v>3.8027458443999997E-2</v>
      </c>
      <c r="ET7" s="27">
        <v>2.1971381663999999E-2</v>
      </c>
      <c r="EU7" s="27">
        <v>1.0713978989999999E-2</v>
      </c>
      <c r="EV7" s="27">
        <v>4.5666795449999997E-3</v>
      </c>
      <c r="EW7" s="27">
        <v>1.0564665360000001E-3</v>
      </c>
      <c r="EX7" s="27">
        <v>-1.4907698499E-2</v>
      </c>
      <c r="EY7" s="27">
        <v>-5.3569138946000003E-2</v>
      </c>
      <c r="EZ7" s="27">
        <v>-8.5326357834E-2</v>
      </c>
      <c r="FA7" s="27">
        <v>-9.4129954631000004E-2</v>
      </c>
      <c r="FB7" s="27">
        <v>-6.1060321315999998E-2</v>
      </c>
      <c r="FC7" s="27">
        <v>-3.8139031949E-2</v>
      </c>
      <c r="FD7" s="27">
        <v>-2.3917445477000001E-2</v>
      </c>
      <c r="FE7" s="27">
        <v>-1.3830064140999999E-2</v>
      </c>
      <c r="FF7" s="27">
        <v>-3.7849453090000001E-3</v>
      </c>
      <c r="FG7" s="27">
        <v>-1.3365439456E-2</v>
      </c>
      <c r="FH7" s="27">
        <v>-2.6428441733000001E-2</v>
      </c>
      <c r="FI7" s="27">
        <v>-4.7419784880000003E-2</v>
      </c>
      <c r="FJ7" s="27">
        <v>-3.3013636286999999E-2</v>
      </c>
      <c r="FK7" s="27">
        <v>-9.8437858239999992E-3</v>
      </c>
      <c r="FL7" s="27">
        <v>1.013271869E-2</v>
      </c>
      <c r="FM7" s="27">
        <v>-1.864167193E-3</v>
      </c>
      <c r="FN7" s="27">
        <v>-1.8485578200000002E-2</v>
      </c>
      <c r="FO7" s="27">
        <v>-1.8486735090000001E-2</v>
      </c>
      <c r="FP7" s="27">
        <v>-6.5171158350000001E-3</v>
      </c>
      <c r="FQ7" s="27">
        <v>1.0559283551E-2</v>
      </c>
      <c r="FR7" s="27">
        <v>2.1712948815000001E-2</v>
      </c>
      <c r="FS7" s="27">
        <v>3.1537249753999998E-2</v>
      </c>
      <c r="FT7" s="27">
        <v>2.7692544504000001E-2</v>
      </c>
      <c r="FU7" s="27">
        <v>1.8388112751999999E-2</v>
      </c>
      <c r="FV7" s="27">
        <v>1.4548466426E-2</v>
      </c>
      <c r="FW7" s="27">
        <v>1.7746382137E-2</v>
      </c>
      <c r="FX7" s="27">
        <v>2.6643513327999999E-2</v>
      </c>
      <c r="FY7" s="27">
        <v>3.7615538116999997E-2</v>
      </c>
      <c r="FZ7" s="27">
        <v>4.9364147199000001E-2</v>
      </c>
      <c r="GA7" s="27">
        <v>4.9670543884000003E-2</v>
      </c>
      <c r="GB7" s="27">
        <v>4.3025894368999999E-2</v>
      </c>
      <c r="GC7" s="27">
        <v>4.0137359685999997E-2</v>
      </c>
      <c r="GD7" s="27">
        <v>4.1369194992000001E-2</v>
      </c>
      <c r="GE7" s="27">
        <v>4.2702737799000003E-2</v>
      </c>
      <c r="GF7" s="27">
        <v>3.3469651729000002E-2</v>
      </c>
      <c r="GG7" s="27">
        <v>2.0282317556000001E-2</v>
      </c>
      <c r="GH7" s="27">
        <v>8.1656739220000007E-3</v>
      </c>
      <c r="GI7" s="27">
        <v>1.5233116418000001E-2</v>
      </c>
      <c r="GJ7" s="27">
        <v>4.0932315943000001E-2</v>
      </c>
      <c r="GK7" s="27">
        <v>7.9910741088999995E-2</v>
      </c>
      <c r="GL7" s="27">
        <v>0.128990359321</v>
      </c>
      <c r="GM7" s="27">
        <v>0.15221794076199999</v>
      </c>
      <c r="GN7" s="27">
        <v>0.15439661550200001</v>
      </c>
      <c r="GO7" s="27">
        <v>0.13130735967900001</v>
      </c>
      <c r="GP7" s="27"/>
      <c r="GQ7" s="7"/>
    </row>
    <row r="8" spans="1:199" ht="45" x14ac:dyDescent="0.25">
      <c r="A8" s="6" t="s">
        <v>297</v>
      </c>
      <c r="B8" s="27">
        <v>0.121531066932</v>
      </c>
      <c r="C8" s="27">
        <v>0.121287783723</v>
      </c>
      <c r="D8" s="27">
        <v>0.122878516645</v>
      </c>
      <c r="E8" s="27">
        <v>0.129521537548</v>
      </c>
      <c r="F8" s="27">
        <v>0.14269344959499999</v>
      </c>
      <c r="G8" s="27">
        <v>0.15127461800700001</v>
      </c>
      <c r="H8" s="27">
        <v>0.148702404038</v>
      </c>
      <c r="I8" s="27">
        <v>0.13270827890600001</v>
      </c>
      <c r="J8" s="27">
        <v>9.9444634961000006E-2</v>
      </c>
      <c r="K8" s="27">
        <v>5.5703906908999998E-2</v>
      </c>
      <c r="L8" s="27">
        <v>2.6578998280000002E-3</v>
      </c>
      <c r="M8" s="27">
        <v>-4.9611720339E-2</v>
      </c>
      <c r="N8" s="27">
        <v>-9.3866763896999994E-2</v>
      </c>
      <c r="O8" s="27">
        <v>-0.13528591023299999</v>
      </c>
      <c r="P8" s="27">
        <v>-0.172246355091</v>
      </c>
      <c r="Q8" s="27">
        <v>-0.20023583819900001</v>
      </c>
      <c r="R8" s="27">
        <v>-0.22585877339900001</v>
      </c>
      <c r="S8" s="27">
        <v>-0.243414672424</v>
      </c>
      <c r="T8" s="27">
        <v>-0.25089280501799999</v>
      </c>
      <c r="U8" s="27">
        <v>-0.24845872682100001</v>
      </c>
      <c r="V8" s="27">
        <v>-0.233325020966</v>
      </c>
      <c r="W8" s="27">
        <v>-0.20281078949799999</v>
      </c>
      <c r="X8" s="27">
        <v>-0.168644855584</v>
      </c>
      <c r="Y8" s="27">
        <v>-0.13503197328800001</v>
      </c>
      <c r="Z8" s="27">
        <v>-0.10563576560600001</v>
      </c>
      <c r="AA8" s="27">
        <v>-7.6192097415000007E-2</v>
      </c>
      <c r="AB8" s="27">
        <v>-4.8890360523999997E-2</v>
      </c>
      <c r="AC8" s="27">
        <v>-2.5618256248000001E-2</v>
      </c>
      <c r="AD8" s="27">
        <v>-1.3637046702E-2</v>
      </c>
      <c r="AE8" s="27">
        <v>-1.4748703051E-2</v>
      </c>
      <c r="AF8" s="27">
        <v>-2.1521201093999999E-2</v>
      </c>
      <c r="AG8" s="27">
        <v>-3.5840719104000003E-2</v>
      </c>
      <c r="AH8" s="27">
        <v>-4.8053547693E-2</v>
      </c>
      <c r="AI8" s="27">
        <v>-6.1983954957000001E-2</v>
      </c>
      <c r="AJ8" s="27">
        <v>-7.2941664766999995E-2</v>
      </c>
      <c r="AK8" s="27">
        <v>-8.1914879809000002E-2</v>
      </c>
      <c r="AL8" s="27">
        <v>-9.2298558170000003E-2</v>
      </c>
      <c r="AM8" s="27">
        <v>-0.104982610299</v>
      </c>
      <c r="AN8" s="27">
        <v>-0.11753088933899999</v>
      </c>
      <c r="AO8" s="27">
        <v>-0.12821931151900001</v>
      </c>
      <c r="AP8" s="27">
        <v>-0.13185277338000001</v>
      </c>
      <c r="AQ8" s="27">
        <v>-0.123570776706</v>
      </c>
      <c r="AR8" s="27">
        <v>-0.105367509281</v>
      </c>
      <c r="AS8" s="27">
        <v>-7.6903378549000007E-2</v>
      </c>
      <c r="AT8" s="27">
        <v>-4.1277101401000001E-2</v>
      </c>
      <c r="AU8" s="27">
        <v>-1.1193824352E-2</v>
      </c>
      <c r="AV8" s="27">
        <v>1.1246468856000001E-2</v>
      </c>
      <c r="AW8" s="27">
        <v>2.6921994461E-2</v>
      </c>
      <c r="AX8" s="27">
        <v>3.689028515E-2</v>
      </c>
      <c r="AY8" s="27">
        <v>4.5816604922000001E-2</v>
      </c>
      <c r="AZ8" s="27">
        <v>5.2966819308999998E-2</v>
      </c>
      <c r="BA8" s="27">
        <v>5.1028035684000002E-2</v>
      </c>
      <c r="BB8" s="27">
        <v>4.5670344845000002E-2</v>
      </c>
      <c r="BC8" s="27">
        <v>3.9415917767E-2</v>
      </c>
      <c r="BD8" s="27">
        <v>3.4709655361E-2</v>
      </c>
      <c r="BE8" s="27">
        <v>3.2714010889999999E-2</v>
      </c>
      <c r="BF8" s="27">
        <v>3.2607640695000002E-2</v>
      </c>
      <c r="BG8" s="27">
        <v>3.5789084800000003E-2</v>
      </c>
      <c r="BH8" s="27">
        <v>4.2533391605999997E-2</v>
      </c>
      <c r="BI8" s="27">
        <v>4.2756092099999997E-2</v>
      </c>
      <c r="BJ8" s="27">
        <v>3.9328584522999997E-2</v>
      </c>
      <c r="BK8" s="27">
        <v>3.4028882258999998E-2</v>
      </c>
      <c r="BL8" s="27">
        <v>2.9843327292999999E-2</v>
      </c>
      <c r="BM8" s="27">
        <v>3.0671238892000002E-2</v>
      </c>
      <c r="BN8" s="27">
        <v>3.6860878616999999E-2</v>
      </c>
      <c r="BO8" s="27">
        <v>4.2742693977999999E-2</v>
      </c>
      <c r="BP8" s="27">
        <v>4.9928397622999998E-2</v>
      </c>
      <c r="BQ8" s="27">
        <v>6.0000222605E-2</v>
      </c>
      <c r="BR8" s="27">
        <v>6.5958606390999999E-2</v>
      </c>
      <c r="BS8" s="27">
        <v>6.9749481971000005E-2</v>
      </c>
      <c r="BT8" s="27">
        <v>7.4326307393999994E-2</v>
      </c>
      <c r="BU8" s="27">
        <v>8.1314715864000006E-2</v>
      </c>
      <c r="BV8" s="27">
        <v>9.1320693048000001E-2</v>
      </c>
      <c r="BW8" s="27">
        <v>0.100085898526</v>
      </c>
      <c r="BX8" s="27">
        <v>0.106608905808</v>
      </c>
      <c r="BY8" s="27">
        <v>0.10895027736600001</v>
      </c>
      <c r="BZ8" s="27">
        <v>0.108294989195</v>
      </c>
      <c r="CA8" s="27">
        <v>0.10406787226100001</v>
      </c>
      <c r="CB8" s="27">
        <v>9.7302375706000005E-2</v>
      </c>
      <c r="CC8" s="27">
        <v>9.0187279780999996E-2</v>
      </c>
      <c r="CD8" s="27">
        <v>8.5188800415999993E-2</v>
      </c>
      <c r="CE8" s="27">
        <v>8.3644100629999996E-2</v>
      </c>
      <c r="CF8" s="27">
        <v>8.5349632359999997E-2</v>
      </c>
      <c r="CG8" s="27">
        <v>8.8986114310000003E-2</v>
      </c>
      <c r="CH8" s="27">
        <v>9.5138892449000007E-2</v>
      </c>
      <c r="CI8" s="27">
        <v>9.5722216908999999E-2</v>
      </c>
      <c r="CJ8" s="27">
        <v>9.1671956307999999E-2</v>
      </c>
      <c r="CK8" s="27">
        <v>8.5390466062000001E-2</v>
      </c>
      <c r="CL8" s="27">
        <v>7.8612583304000005E-2</v>
      </c>
      <c r="CM8" s="27">
        <v>7.4559190489999996E-2</v>
      </c>
      <c r="CN8" s="27">
        <v>7.6164455569000006E-2</v>
      </c>
      <c r="CO8" s="27">
        <v>7.6775596774999996E-2</v>
      </c>
      <c r="CP8" s="27">
        <v>7.6696034646E-2</v>
      </c>
      <c r="CQ8" s="27">
        <v>7.5558242568000006E-2</v>
      </c>
      <c r="CR8" s="27">
        <v>6.8453425780999999E-2</v>
      </c>
      <c r="CS8" s="27">
        <v>5.4762255772000001E-2</v>
      </c>
      <c r="CT8" s="27">
        <v>4.2096853214000002E-2</v>
      </c>
      <c r="CU8" s="27">
        <v>2.8053767821000001E-2</v>
      </c>
      <c r="CV8" s="27">
        <v>1.300074266E-2</v>
      </c>
      <c r="CW8" s="27">
        <v>-5.3056610769999998E-3</v>
      </c>
      <c r="CX8" s="27">
        <v>-2.9391265699999999E-2</v>
      </c>
      <c r="CY8" s="27">
        <v>-6.2377169338999998E-2</v>
      </c>
      <c r="CZ8" s="27">
        <v>-0.10577722376</v>
      </c>
      <c r="DA8" s="27">
        <v>-0.15654251997900001</v>
      </c>
      <c r="DB8" s="27">
        <v>-0.210626319398</v>
      </c>
      <c r="DC8" s="27">
        <v>-0.267946300252</v>
      </c>
      <c r="DD8" s="27">
        <v>-0.32241163067400003</v>
      </c>
      <c r="DE8" s="27">
        <v>-0.36256031100899999</v>
      </c>
      <c r="DF8" s="27">
        <v>-0.38758650778699999</v>
      </c>
      <c r="DG8" s="27">
        <v>-0.385240861401</v>
      </c>
      <c r="DH8" s="27">
        <v>-0.35857001447600001</v>
      </c>
      <c r="DI8" s="27">
        <v>-0.31708121520999999</v>
      </c>
      <c r="DJ8" s="27">
        <v>-0.26683948482300002</v>
      </c>
      <c r="DK8" s="27">
        <v>-0.20755487758899999</v>
      </c>
      <c r="DL8" s="27">
        <v>-0.14688897081300001</v>
      </c>
      <c r="DM8" s="27">
        <v>-8.9369146501999994E-2</v>
      </c>
      <c r="DN8" s="27">
        <v>-3.6954872883999998E-2</v>
      </c>
      <c r="DO8" s="27">
        <v>1.1235107138E-2</v>
      </c>
      <c r="DP8" s="27">
        <v>5.5356207025999998E-2</v>
      </c>
      <c r="DQ8" s="27">
        <v>8.9709884682999994E-2</v>
      </c>
      <c r="DR8" s="27">
        <v>0.111236936592</v>
      </c>
      <c r="DS8" s="27">
        <v>0.122785988922</v>
      </c>
      <c r="DT8" s="27">
        <v>0.123696594344</v>
      </c>
      <c r="DU8" s="27">
        <v>0.115778076811</v>
      </c>
      <c r="DV8" s="27">
        <v>0.103647010772</v>
      </c>
      <c r="DW8" s="27">
        <v>9.0249804951000004E-2</v>
      </c>
      <c r="DX8" s="27">
        <v>7.9544746173000003E-2</v>
      </c>
      <c r="DY8" s="27">
        <v>7.2348237718000002E-2</v>
      </c>
      <c r="DZ8" s="27">
        <v>6.7513904759999993E-2</v>
      </c>
      <c r="EA8" s="27">
        <v>6.4984890609999998E-2</v>
      </c>
      <c r="EB8" s="27">
        <v>6.1267836494E-2</v>
      </c>
      <c r="EC8" s="27">
        <v>5.6022025825000002E-2</v>
      </c>
      <c r="ED8" s="27">
        <v>4.9776093866000001E-2</v>
      </c>
      <c r="EE8" s="27">
        <v>4.3924910015999998E-2</v>
      </c>
      <c r="EF8" s="27">
        <v>3.7485755032000002E-2</v>
      </c>
      <c r="EG8" s="27">
        <v>2.9510058346000002E-2</v>
      </c>
      <c r="EH8" s="27">
        <v>2.0580222236E-2</v>
      </c>
      <c r="EI8" s="27">
        <v>1.6449650722000001E-2</v>
      </c>
      <c r="EJ8" s="27">
        <v>1.7440452049999999E-2</v>
      </c>
      <c r="EK8" s="27">
        <v>2.2630947307999999E-2</v>
      </c>
      <c r="EL8" s="27">
        <v>3.0088654655000002E-2</v>
      </c>
      <c r="EM8" s="27">
        <v>3.8115391913999999E-2</v>
      </c>
      <c r="EN8" s="27">
        <v>4.6927562737000002E-2</v>
      </c>
      <c r="EO8" s="27">
        <v>5.5875646130999997E-2</v>
      </c>
      <c r="EP8" s="27">
        <v>6.2429174596000003E-2</v>
      </c>
      <c r="EQ8" s="27">
        <v>6.3846544160999996E-2</v>
      </c>
      <c r="ER8" s="27">
        <v>6.0478410162999999E-2</v>
      </c>
      <c r="ES8" s="27">
        <v>5.5698107657E-2</v>
      </c>
      <c r="ET8" s="27">
        <v>5.4662763670000003E-2</v>
      </c>
      <c r="EU8" s="27">
        <v>5.4936457156999997E-2</v>
      </c>
      <c r="EV8" s="27">
        <v>5.2865438661999997E-2</v>
      </c>
      <c r="EW8" s="27">
        <v>4.8820575268000002E-2</v>
      </c>
      <c r="EX8" s="27">
        <v>4.3277391532999997E-2</v>
      </c>
      <c r="EY8" s="27">
        <v>3.6245321774E-2</v>
      </c>
      <c r="EZ8" s="27">
        <v>2.8456816834E-2</v>
      </c>
      <c r="FA8" s="27">
        <v>1.9897137818E-2</v>
      </c>
      <c r="FB8" s="27">
        <v>9.3922949640000003E-3</v>
      </c>
      <c r="FC8" s="27">
        <v>-3.277830828E-3</v>
      </c>
      <c r="FD8" s="27">
        <v>-1.5861775514999999E-2</v>
      </c>
      <c r="FE8" s="27">
        <v>-2.6391227898999999E-2</v>
      </c>
      <c r="FF8" s="27">
        <v>-3.4818697942000001E-2</v>
      </c>
      <c r="FG8" s="27">
        <v>-4.0991138337999999E-2</v>
      </c>
      <c r="FH8" s="27">
        <v>-4.3797366233999997E-2</v>
      </c>
      <c r="FI8" s="27">
        <v>-4.4390188249999997E-2</v>
      </c>
      <c r="FJ8" s="27">
        <v>-4.4091966317999998E-2</v>
      </c>
      <c r="FK8" s="27">
        <v>-4.2253594776999998E-2</v>
      </c>
      <c r="FL8" s="27">
        <v>-3.9968944526E-2</v>
      </c>
      <c r="FM8" s="27">
        <v>-3.6849266961E-2</v>
      </c>
      <c r="FN8" s="27">
        <v>-3.031772869E-2</v>
      </c>
      <c r="FO8" s="27">
        <v>-1.8939074007000001E-2</v>
      </c>
      <c r="FP8" s="27">
        <v>-6.0103172309999998E-3</v>
      </c>
      <c r="FQ8" s="27">
        <v>4.6387230579999997E-3</v>
      </c>
      <c r="FR8" s="27">
        <v>7.1831986739999999E-3</v>
      </c>
      <c r="FS8" s="27">
        <v>6.5774079109999998E-3</v>
      </c>
      <c r="FT8" s="27">
        <v>5.373086004E-3</v>
      </c>
      <c r="FU8" s="27">
        <v>5.9593356270000002E-3</v>
      </c>
      <c r="FV8" s="27">
        <v>9.9884073989999992E-3</v>
      </c>
      <c r="FW8" s="27">
        <v>1.5255188761E-2</v>
      </c>
      <c r="FX8" s="27">
        <v>1.9864735189000001E-2</v>
      </c>
      <c r="FY8" s="27">
        <v>2.3502586519000002E-2</v>
      </c>
      <c r="FZ8" s="27">
        <v>2.4570333319E-2</v>
      </c>
      <c r="GA8" s="27">
        <v>2.3589037544000001E-2</v>
      </c>
      <c r="GB8" s="27">
        <v>2.1454878569E-2</v>
      </c>
      <c r="GC8" s="27">
        <v>1.8157189590000001E-2</v>
      </c>
      <c r="GD8" s="27">
        <v>1.8341772328000001E-2</v>
      </c>
      <c r="GE8" s="27">
        <v>2.2328702260999998E-2</v>
      </c>
      <c r="GF8" s="27">
        <v>2.3670409084000001E-2</v>
      </c>
      <c r="GG8" s="27">
        <v>2.1714334033E-2</v>
      </c>
      <c r="GH8" s="27">
        <v>1.6306014229999999E-2</v>
      </c>
      <c r="GI8" s="27">
        <v>9.1360308759999998E-3</v>
      </c>
      <c r="GJ8" s="27">
        <v>2.4409958630000001E-3</v>
      </c>
      <c r="GK8" s="27">
        <v>-3.1976152649999998E-3</v>
      </c>
      <c r="GL8" s="27">
        <v>-6.5490201760000002E-3</v>
      </c>
      <c r="GM8" s="27">
        <v>-9.5361466570000001E-3</v>
      </c>
      <c r="GN8" s="27">
        <v>-1.3009686709999999E-2</v>
      </c>
      <c r="GO8" s="27">
        <v>-1.5183785341000001E-2</v>
      </c>
      <c r="GP8" s="27">
        <v>-1.6254833170999999E-2</v>
      </c>
      <c r="GQ8" s="7"/>
    </row>
    <row r="9" spans="1:199" ht="45" x14ac:dyDescent="0.25">
      <c r="A9" s="6" t="s">
        <v>290</v>
      </c>
      <c r="B9" s="27">
        <v>8.9084948846999995E-2</v>
      </c>
      <c r="C9" s="27">
        <v>9.5707848898999998E-2</v>
      </c>
      <c r="D9" s="27">
        <v>8.5716931898999996E-2</v>
      </c>
      <c r="E9" s="27">
        <v>6.3170040497999999E-2</v>
      </c>
      <c r="F9" s="27">
        <v>-2.3167257859999998E-3</v>
      </c>
      <c r="G9" s="27">
        <v>-6.0304762454000002E-2</v>
      </c>
      <c r="H9" s="27">
        <v>-6.7604879482999994E-2</v>
      </c>
      <c r="I9" s="27">
        <v>-6.3354719764999998E-2</v>
      </c>
      <c r="J9" s="27">
        <v>-0.1027065507</v>
      </c>
      <c r="K9" s="27">
        <v>-0.111263045245</v>
      </c>
      <c r="L9" s="27">
        <v>7.715842796E-3</v>
      </c>
      <c r="M9" s="27">
        <v>0.14596995535099999</v>
      </c>
      <c r="N9" s="27">
        <v>0.232054951166</v>
      </c>
      <c r="O9" s="27">
        <v>0.22490088931999999</v>
      </c>
      <c r="P9" s="27">
        <v>0.13544253143599999</v>
      </c>
      <c r="Q9" s="27">
        <v>8.2045246562000004E-2</v>
      </c>
      <c r="R9" s="27">
        <v>5.7475941788000001E-2</v>
      </c>
      <c r="S9" s="27">
        <v>1.3438417483E-2</v>
      </c>
      <c r="T9" s="27">
        <v>1.6325402126000001E-2</v>
      </c>
      <c r="U9" s="27">
        <v>5.6769146019000002E-2</v>
      </c>
      <c r="V9" s="27">
        <v>0.14207443015400001</v>
      </c>
      <c r="W9" s="27">
        <v>0.20648412165499999</v>
      </c>
      <c r="X9" s="27">
        <v>0.20296472670999999</v>
      </c>
      <c r="Y9" s="27">
        <v>0.17708416954299999</v>
      </c>
      <c r="Z9" s="27">
        <v>9.8474433540999995E-2</v>
      </c>
      <c r="AA9" s="27">
        <v>1.7307085855000001E-2</v>
      </c>
      <c r="AB9" s="27">
        <v>-1.5861606378999998E-2</v>
      </c>
      <c r="AC9" s="27">
        <v>-4.6846072410000002E-2</v>
      </c>
      <c r="AD9" s="27">
        <v>-6.5074496241999999E-2</v>
      </c>
      <c r="AE9" s="27">
        <v>-7.0210751931000001E-2</v>
      </c>
      <c r="AF9" s="27">
        <v>-4.8126555231999997E-2</v>
      </c>
      <c r="AG9" s="27">
        <v>-7.1804491848999993E-2</v>
      </c>
      <c r="AH9" s="27">
        <v>-9.4126325447000003E-2</v>
      </c>
      <c r="AI9" s="27">
        <v>-0.11965436850699999</v>
      </c>
      <c r="AJ9" s="27">
        <v>-9.2447304453999998E-2</v>
      </c>
      <c r="AK9" s="27">
        <v>-4.0750928539000003E-2</v>
      </c>
      <c r="AL9" s="27">
        <v>6.0648537624E-2</v>
      </c>
      <c r="AM9" s="27">
        <v>0.16006031591700001</v>
      </c>
      <c r="AN9" s="27">
        <v>0.26001418858399999</v>
      </c>
      <c r="AO9" s="27">
        <v>0.33351889253400002</v>
      </c>
      <c r="AP9" s="27">
        <v>0.387766897996</v>
      </c>
      <c r="AQ9" s="27">
        <v>0.43077123836499998</v>
      </c>
      <c r="AR9" s="27">
        <v>0.40249793699899999</v>
      </c>
      <c r="AS9" s="27">
        <v>0.337809458226</v>
      </c>
      <c r="AT9" s="27">
        <v>0.237762281017</v>
      </c>
      <c r="AU9" s="27">
        <v>0.14493553205599999</v>
      </c>
      <c r="AV9" s="27">
        <v>7.5638715911000007E-2</v>
      </c>
      <c r="AW9" s="27">
        <v>3.0113673236000001E-2</v>
      </c>
      <c r="AX9" s="27">
        <v>3.4826494024000003E-2</v>
      </c>
      <c r="AY9" s="27">
        <v>4.8225745331999997E-2</v>
      </c>
      <c r="AZ9" s="27">
        <v>3.4323828131000003E-2</v>
      </c>
      <c r="BA9" s="27">
        <v>-3.1158992679999999E-3</v>
      </c>
      <c r="BB9" s="27">
        <v>-3.0547003566999999E-2</v>
      </c>
      <c r="BC9" s="27">
        <v>-4.3280826787000001E-2</v>
      </c>
      <c r="BD9" s="27">
        <v>-7.7664352620000002E-2</v>
      </c>
      <c r="BE9" s="27">
        <v>-0.10992584287899999</v>
      </c>
      <c r="BF9" s="27">
        <v>-0.17243658180999999</v>
      </c>
      <c r="BG9" s="27">
        <v>-0.185891848231</v>
      </c>
      <c r="BH9" s="27">
        <v>-0.15868437020199999</v>
      </c>
      <c r="BI9" s="27">
        <v>-0.157626741362</v>
      </c>
      <c r="BJ9" s="27">
        <v>-0.14667486182200001</v>
      </c>
      <c r="BK9" s="27">
        <v>-0.13336177111600001</v>
      </c>
      <c r="BL9" s="27">
        <v>-0.125081894813</v>
      </c>
      <c r="BM9" s="27">
        <v>-0.114323556944</v>
      </c>
      <c r="BN9" s="27">
        <v>-0.130273308822</v>
      </c>
      <c r="BO9" s="27">
        <v>-0.16481462566999999</v>
      </c>
      <c r="BP9" s="27">
        <v>-0.20590487764900001</v>
      </c>
      <c r="BQ9" s="27">
        <v>-0.27080461872</v>
      </c>
      <c r="BR9" s="27">
        <v>-0.28120751363899998</v>
      </c>
      <c r="BS9" s="27">
        <v>-0.236590856637</v>
      </c>
      <c r="BT9" s="27">
        <v>-0.17978055900600001</v>
      </c>
      <c r="BU9" s="27">
        <v>-9.3424409708999998E-2</v>
      </c>
      <c r="BV9" s="27">
        <v>-2.8035540764999999E-2</v>
      </c>
      <c r="BW9" s="27">
        <v>6.4369404489999999E-3</v>
      </c>
      <c r="BX9" s="27">
        <v>1.5000046348E-2</v>
      </c>
      <c r="BY9" s="27">
        <v>3.2453440579000001E-2</v>
      </c>
      <c r="BZ9" s="27">
        <v>6.7307620799999995E-2</v>
      </c>
      <c r="CA9" s="27">
        <v>0.114995289325</v>
      </c>
      <c r="CB9" s="27">
        <v>0.110608726891</v>
      </c>
      <c r="CC9" s="27">
        <v>8.2058197457000007E-2</v>
      </c>
      <c r="CD9" s="27">
        <v>6.9018095875000005E-2</v>
      </c>
      <c r="CE9" s="27">
        <v>4.3329747544999998E-2</v>
      </c>
      <c r="CF9" s="27">
        <v>2.3458988332999999E-2</v>
      </c>
      <c r="CG9" s="27">
        <v>3.5452898440000002E-3</v>
      </c>
      <c r="CH9" s="27">
        <v>-1.3516950763E-2</v>
      </c>
      <c r="CI9" s="27">
        <v>-4.4977468356E-2</v>
      </c>
      <c r="CJ9" s="27">
        <v>-8.1910322241000005E-2</v>
      </c>
      <c r="CK9" s="27">
        <v>-0.135002166743</v>
      </c>
      <c r="CL9" s="27">
        <v>-0.15759809993400001</v>
      </c>
      <c r="CM9" s="27">
        <v>-0.13989350682000001</v>
      </c>
      <c r="CN9" s="27">
        <v>-9.7969750022999999E-2</v>
      </c>
      <c r="CO9" s="27">
        <v>-4.2285363669999999E-2</v>
      </c>
      <c r="CP9" s="27">
        <v>-1.0092059053999999E-2</v>
      </c>
      <c r="CQ9" s="27">
        <v>-2.4382975208999999E-2</v>
      </c>
      <c r="CR9" s="27">
        <v>-5.8114222477000002E-2</v>
      </c>
      <c r="CS9" s="27">
        <v>-8.1529281903000003E-2</v>
      </c>
      <c r="CT9" s="27">
        <v>-0.117036852449</v>
      </c>
      <c r="CU9" s="27">
        <v>-0.15174839849800001</v>
      </c>
      <c r="CV9" s="27">
        <v>-0.16899805785200001</v>
      </c>
      <c r="CW9" s="27">
        <v>-0.14415549046600001</v>
      </c>
      <c r="CX9" s="27">
        <v>-6.3565197012999994E-2</v>
      </c>
      <c r="CY9" s="27">
        <v>4.8942058246000002E-2</v>
      </c>
      <c r="CZ9" s="27">
        <v>0.15871227737400001</v>
      </c>
      <c r="DA9" s="27">
        <v>0.23968792451199999</v>
      </c>
      <c r="DB9" s="27">
        <v>0.31818187189000002</v>
      </c>
      <c r="DC9" s="27">
        <v>0.40281815807499999</v>
      </c>
      <c r="DD9" s="27">
        <v>0.45885317476800003</v>
      </c>
      <c r="DE9" s="27">
        <v>0.451467718543</v>
      </c>
      <c r="DF9" s="27">
        <v>0.41438748256300001</v>
      </c>
      <c r="DG9" s="27">
        <v>0.38184707327700002</v>
      </c>
      <c r="DH9" s="27">
        <v>0.34831505142000002</v>
      </c>
      <c r="DI9" s="27">
        <v>0.30658593018399999</v>
      </c>
      <c r="DJ9" s="27">
        <v>0.22466959819599999</v>
      </c>
      <c r="DK9" s="27">
        <v>0.13396263722999999</v>
      </c>
      <c r="DL9" s="27">
        <v>8.1752997716000003E-2</v>
      </c>
      <c r="DM9" s="27">
        <v>1.4317442046E-2</v>
      </c>
      <c r="DN9" s="27">
        <v>-8.0296508018999999E-2</v>
      </c>
      <c r="DO9" s="27">
        <v>-0.194214048379</v>
      </c>
      <c r="DP9" s="27">
        <v>-0.249224338977</v>
      </c>
      <c r="DQ9" s="27">
        <v>-0.232394454236</v>
      </c>
      <c r="DR9" s="27">
        <v>-0.18748491257899999</v>
      </c>
      <c r="DS9" s="27">
        <v>-0.15992424620199999</v>
      </c>
      <c r="DT9" s="27">
        <v>-0.11735869834400001</v>
      </c>
      <c r="DU9" s="27">
        <v>-8.2907204186999997E-2</v>
      </c>
      <c r="DV9" s="27">
        <v>-7.1982943987999995E-2</v>
      </c>
      <c r="DW9" s="27">
        <v>-5.9391787355000003E-2</v>
      </c>
      <c r="DX9" s="27">
        <v>-6.2480640480000002E-2</v>
      </c>
      <c r="DY9" s="27">
        <v>-4.0915305175999998E-2</v>
      </c>
      <c r="DZ9" s="27">
        <v>1.0883710083000001E-2</v>
      </c>
      <c r="EA9" s="27">
        <v>9.3560938929999997E-3</v>
      </c>
      <c r="EB9" s="27">
        <v>-2.2430849861999998E-2</v>
      </c>
      <c r="EC9" s="27">
        <v>-7.4486090362999996E-2</v>
      </c>
      <c r="ED9" s="27">
        <v>-0.136518021691</v>
      </c>
      <c r="EE9" s="27">
        <v>-0.14507326084899999</v>
      </c>
      <c r="EF9" s="27">
        <v>-0.122932744486</v>
      </c>
      <c r="EG9" s="27">
        <v>-7.2678332282999997E-2</v>
      </c>
      <c r="EH9" s="27">
        <v>-3.4003857750000001E-3</v>
      </c>
      <c r="EI9" s="27">
        <v>6.7561777160000001E-3</v>
      </c>
      <c r="EJ9" s="27">
        <v>-2.0378534340000001E-2</v>
      </c>
      <c r="EK9" s="27">
        <v>-5.3501167821999998E-2</v>
      </c>
      <c r="EL9" s="27">
        <v>-7.4894504355000002E-2</v>
      </c>
      <c r="EM9" s="27">
        <v>-7.4247457628999994E-2</v>
      </c>
      <c r="EN9" s="27">
        <v>-6.0605141542000002E-2</v>
      </c>
      <c r="EO9" s="27">
        <v>-4.7890979746999997E-2</v>
      </c>
      <c r="EP9" s="27">
        <v>-6.7131605299999998E-3</v>
      </c>
      <c r="EQ9" s="27">
        <v>3.2297413949000001E-2</v>
      </c>
      <c r="ER9" s="27">
        <v>8.1151621239999999E-3</v>
      </c>
      <c r="ES9" s="27">
        <v>-1.5323188267E-2</v>
      </c>
      <c r="ET9" s="27">
        <v>-2.4069248785E-2</v>
      </c>
      <c r="EU9" s="27">
        <v>-2.8894439465000001E-2</v>
      </c>
      <c r="EV9" s="27">
        <v>-3.9840322770000004E-3</v>
      </c>
      <c r="EW9" s="27">
        <v>3.6207243138E-2</v>
      </c>
      <c r="EX9" s="27">
        <v>6.6224805548000004E-2</v>
      </c>
      <c r="EY9" s="27">
        <v>0.103355819175</v>
      </c>
      <c r="EZ9" s="27">
        <v>0.11116559847099999</v>
      </c>
      <c r="FA9" s="27">
        <v>9.1185754342000006E-2</v>
      </c>
      <c r="FB9" s="27">
        <v>5.2726625765E-2</v>
      </c>
      <c r="FC9" s="27">
        <v>-5.4564828E-4</v>
      </c>
      <c r="FD9" s="27">
        <v>-2.7632099427000002E-2</v>
      </c>
      <c r="FE9" s="27">
        <v>-5.6383791677E-2</v>
      </c>
      <c r="FF9" s="27">
        <v>-0.10049326856099999</v>
      </c>
      <c r="FG9" s="27">
        <v>-9.2657457888999997E-2</v>
      </c>
      <c r="FH9" s="27">
        <v>-7.0725075201000007E-2</v>
      </c>
      <c r="FI9" s="27">
        <v>-2.9020207223999998E-2</v>
      </c>
      <c r="FJ9" s="27">
        <v>2.5084832784000002E-2</v>
      </c>
      <c r="FK9" s="27">
        <v>7.5557142445999995E-2</v>
      </c>
      <c r="FL9" s="27">
        <v>0.148631825913</v>
      </c>
      <c r="FM9" s="27">
        <v>0.23466076392900001</v>
      </c>
      <c r="FN9" s="27">
        <v>0.25388538737600003</v>
      </c>
      <c r="FO9" s="27">
        <v>0.20763334268600001</v>
      </c>
      <c r="FP9" s="27">
        <v>0.16337266605699999</v>
      </c>
      <c r="FQ9" s="27">
        <v>9.5985981319000005E-2</v>
      </c>
      <c r="FR9" s="27">
        <v>1.8251140159999998E-2</v>
      </c>
      <c r="FS9" s="27">
        <v>-2.9950257931E-2</v>
      </c>
      <c r="FT9" s="27">
        <v>-8.6261788815000004E-2</v>
      </c>
      <c r="FU9" s="27">
        <v>-0.173903012991</v>
      </c>
      <c r="FV9" s="27">
        <v>-0.23378641241600001</v>
      </c>
      <c r="FW9" s="27">
        <v>-0.26021400408200002</v>
      </c>
      <c r="FX9" s="27">
        <v>-0.25903323025500002</v>
      </c>
      <c r="FY9" s="27">
        <v>-0.20607605579400001</v>
      </c>
      <c r="FZ9" s="27">
        <v>-0.101366464307</v>
      </c>
      <c r="GA9" s="27">
        <v>-2.8033056037000001E-2</v>
      </c>
      <c r="GB9" s="27">
        <v>9.9107970379999997E-3</v>
      </c>
      <c r="GC9" s="27">
        <v>4.1271654146000002E-2</v>
      </c>
      <c r="GD9" s="27">
        <v>5.0851028604000002E-2</v>
      </c>
      <c r="GE9" s="27">
        <v>3.6165499997E-2</v>
      </c>
      <c r="GF9" s="27">
        <v>3.0779804455E-2</v>
      </c>
      <c r="GG9" s="27">
        <v>1.5958486904999999E-2</v>
      </c>
      <c r="GH9" s="27">
        <v>-1.4001896609E-2</v>
      </c>
      <c r="GI9" s="27">
        <v>-5.2820101261999999E-2</v>
      </c>
      <c r="GJ9" s="27">
        <v>-7.6213696950000007E-2</v>
      </c>
      <c r="GK9" s="27">
        <v>-5.6159377587999999E-2</v>
      </c>
      <c r="GL9" s="27">
        <v>-6.3828931244999998E-2</v>
      </c>
      <c r="GM9" s="27">
        <v>-4.7465105817000003E-2</v>
      </c>
      <c r="GN9" s="27">
        <v>-2.2959514103000001E-2</v>
      </c>
      <c r="GO9" s="27">
        <v>1.7606278611E-2</v>
      </c>
      <c r="GP9" s="27">
        <v>6.3527012386000004E-2</v>
      </c>
      <c r="GQ9" s="7"/>
    </row>
    <row r="10" spans="1:199" ht="45" x14ac:dyDescent="0.25">
      <c r="A10" s="6" t="s">
        <v>280</v>
      </c>
      <c r="B10" s="27">
        <v>0.13389603027800001</v>
      </c>
      <c r="C10" s="27">
        <v>0.120900047493</v>
      </c>
      <c r="D10" s="27">
        <v>0.11118695543400001</v>
      </c>
      <c r="E10" s="27">
        <v>0.12482636638400001</v>
      </c>
      <c r="F10" s="27">
        <v>0.13288185343</v>
      </c>
      <c r="G10" s="27">
        <v>0.122984997439</v>
      </c>
      <c r="H10" s="27">
        <v>0.10206291652299999</v>
      </c>
      <c r="I10" s="27">
        <v>6.5812148976000004E-2</v>
      </c>
      <c r="J10" s="27">
        <v>1.7801340645999999E-2</v>
      </c>
      <c r="K10" s="27">
        <v>-3.2204117253999999E-2</v>
      </c>
      <c r="L10" s="27">
        <v>-8.7254771644000001E-2</v>
      </c>
      <c r="M10" s="27">
        <v>-0.13595265308500001</v>
      </c>
      <c r="N10" s="27">
        <v>-0.17552721362599999</v>
      </c>
      <c r="O10" s="27">
        <v>-0.19427317315199999</v>
      </c>
      <c r="P10" s="27">
        <v>-0.20279588621700001</v>
      </c>
      <c r="Q10" s="27">
        <v>-0.218459303996</v>
      </c>
      <c r="R10" s="27">
        <v>-0.234021844806</v>
      </c>
      <c r="S10" s="27">
        <v>-0.225842226098</v>
      </c>
      <c r="T10" s="27">
        <v>-0.20057349515299999</v>
      </c>
      <c r="U10" s="27">
        <v>-0.162076327834</v>
      </c>
      <c r="V10" s="27">
        <v>-0.126541264086</v>
      </c>
      <c r="W10" s="27">
        <v>-9.8054411704999997E-2</v>
      </c>
      <c r="X10" s="27">
        <v>-7.1236176578999999E-2</v>
      </c>
      <c r="Y10" s="27">
        <v>-3.6502546903999997E-2</v>
      </c>
      <c r="Z10" s="27">
        <v>1.852016527E-3</v>
      </c>
      <c r="AA10" s="27">
        <v>3.9781722763000002E-2</v>
      </c>
      <c r="AB10" s="27">
        <v>4.7373732230999999E-2</v>
      </c>
      <c r="AC10" s="27">
        <v>2.8955288690000001E-2</v>
      </c>
      <c r="AD10" s="27">
        <v>1.171347676E-3</v>
      </c>
      <c r="AE10" s="27">
        <v>-2.7706948923000001E-2</v>
      </c>
      <c r="AF10" s="27">
        <v>-4.917185005E-2</v>
      </c>
      <c r="AG10" s="27">
        <v>-6.7764167739E-2</v>
      </c>
      <c r="AH10" s="27">
        <v>-8.1651679145999995E-2</v>
      </c>
      <c r="AI10" s="27">
        <v>-9.1121133973999999E-2</v>
      </c>
      <c r="AJ10" s="27">
        <v>-8.9384265785E-2</v>
      </c>
      <c r="AK10" s="27">
        <v>-8.2436542092999998E-2</v>
      </c>
      <c r="AL10" s="27">
        <v>-7.4523378626999995E-2</v>
      </c>
      <c r="AM10" s="27">
        <v>-6.9511276939E-2</v>
      </c>
      <c r="AN10" s="27">
        <v>-6.5796871137999993E-2</v>
      </c>
      <c r="AO10" s="27">
        <v>-6.7989510687000002E-2</v>
      </c>
      <c r="AP10" s="27">
        <v>-7.0057047353000002E-2</v>
      </c>
      <c r="AQ10" s="27">
        <v>-5.6616991891000001E-2</v>
      </c>
      <c r="AR10" s="27">
        <v>-3.5846897590000003E-2</v>
      </c>
      <c r="AS10" s="27">
        <v>-1.1365212144000001E-2</v>
      </c>
      <c r="AT10" s="27">
        <v>2.5263141542999999E-2</v>
      </c>
      <c r="AU10" s="27">
        <v>6.0095226464999998E-2</v>
      </c>
      <c r="AV10" s="27">
        <v>8.6000364937000001E-2</v>
      </c>
      <c r="AW10" s="27">
        <v>0.101175385455</v>
      </c>
      <c r="AX10" s="27">
        <v>0.11174840380499999</v>
      </c>
      <c r="AY10" s="27">
        <v>0.126172108665</v>
      </c>
      <c r="AZ10" s="27">
        <v>0.122375103517</v>
      </c>
      <c r="BA10" s="27">
        <v>0.107949400276</v>
      </c>
      <c r="BB10" s="27">
        <v>8.7525441455000005E-2</v>
      </c>
      <c r="BC10" s="27">
        <v>5.8193426367999998E-2</v>
      </c>
      <c r="BD10" s="27">
        <v>4.0674364004999998E-2</v>
      </c>
      <c r="BE10" s="27">
        <v>3.2980034174999999E-2</v>
      </c>
      <c r="BF10" s="27">
        <v>3.5967992986000001E-2</v>
      </c>
      <c r="BG10" s="27">
        <v>5.1937438118000001E-2</v>
      </c>
      <c r="BH10" s="27">
        <v>5.1426793225000003E-2</v>
      </c>
      <c r="BI10" s="27">
        <v>2.315885719E-2</v>
      </c>
      <c r="BJ10" s="27">
        <v>3.4738738530000002E-3</v>
      </c>
      <c r="BK10" s="27">
        <v>-1.3075917372E-2</v>
      </c>
      <c r="BL10" s="27">
        <v>-2.0828153352000001E-2</v>
      </c>
      <c r="BM10" s="27">
        <v>-1.5269773561E-2</v>
      </c>
      <c r="BN10" s="27">
        <v>-3.570673959E-3</v>
      </c>
      <c r="BO10" s="27">
        <v>1.9881878370000002E-2</v>
      </c>
      <c r="BP10" s="27">
        <v>4.8629090520000001E-2</v>
      </c>
      <c r="BQ10" s="27">
        <v>8.4925427225999994E-2</v>
      </c>
      <c r="BR10" s="27">
        <v>0.12107599375600001</v>
      </c>
      <c r="BS10" s="27">
        <v>0.15044282314400001</v>
      </c>
      <c r="BT10" s="27">
        <v>0.15067611537</v>
      </c>
      <c r="BU10" s="27">
        <v>0.12256442949</v>
      </c>
      <c r="BV10" s="27">
        <v>8.5891517469000006E-2</v>
      </c>
      <c r="BW10" s="27">
        <v>6.4965368829999995E-2</v>
      </c>
      <c r="BX10" s="27">
        <v>5.2275914925E-2</v>
      </c>
      <c r="BY10" s="27">
        <v>4.2056359718000001E-2</v>
      </c>
      <c r="BZ10" s="27">
        <v>2.6986572806999998E-2</v>
      </c>
      <c r="CA10" s="27">
        <v>6.751006516E-3</v>
      </c>
      <c r="CB10" s="27">
        <v>-7.3792288990000001E-3</v>
      </c>
      <c r="CC10" s="27">
        <v>-1.6715766045999999E-2</v>
      </c>
      <c r="CD10" s="27">
        <v>-2.9092871762999999E-2</v>
      </c>
      <c r="CE10" s="27">
        <v>-4.2049639893999999E-2</v>
      </c>
      <c r="CF10" s="27">
        <v>-4.6606901120000002E-2</v>
      </c>
      <c r="CG10" s="27">
        <v>-3.0056241516999999E-2</v>
      </c>
      <c r="CH10" s="27">
        <v>-2.6564291469999999E-3</v>
      </c>
      <c r="CI10" s="27">
        <v>3.2883347988000002E-2</v>
      </c>
      <c r="CJ10" s="27">
        <v>6.3395468033000002E-2</v>
      </c>
      <c r="CK10" s="27">
        <v>8.5051824550999994E-2</v>
      </c>
      <c r="CL10" s="27">
        <v>8.7848894982999998E-2</v>
      </c>
      <c r="CM10" s="27">
        <v>7.5674732041999995E-2</v>
      </c>
      <c r="CN10" s="27">
        <v>6.0690950559E-2</v>
      </c>
      <c r="CO10" s="27">
        <v>5.5973601253000001E-2</v>
      </c>
      <c r="CP10" s="27">
        <v>5.2629876521999998E-2</v>
      </c>
      <c r="CQ10" s="27">
        <v>5.2787976638999999E-2</v>
      </c>
      <c r="CR10" s="27">
        <v>6.6130811651999993E-2</v>
      </c>
      <c r="CS10" s="27">
        <v>9.0778207207E-2</v>
      </c>
      <c r="CT10" s="27">
        <v>0.116311398808</v>
      </c>
      <c r="CU10" s="27">
        <v>0.12916352753900001</v>
      </c>
      <c r="CV10" s="27">
        <v>0.13216866387199999</v>
      </c>
      <c r="CW10" s="27">
        <v>0.121907742996</v>
      </c>
      <c r="CX10" s="27">
        <v>7.9084853982999997E-2</v>
      </c>
      <c r="CY10" s="27">
        <v>1.0872197853000001E-2</v>
      </c>
      <c r="CZ10" s="27">
        <v>-0.10243361466299999</v>
      </c>
      <c r="DA10" s="27">
        <v>-0.27780232246300002</v>
      </c>
      <c r="DB10" s="27">
        <v>-0.47774052223500002</v>
      </c>
      <c r="DC10" s="27">
        <v>-0.66361558477799998</v>
      </c>
      <c r="DD10" s="27">
        <v>-0.80070836869700002</v>
      </c>
      <c r="DE10" s="27">
        <v>-0.845695487109</v>
      </c>
      <c r="DF10" s="27">
        <v>-0.760717390976</v>
      </c>
      <c r="DG10" s="27">
        <v>-0.60083432258199998</v>
      </c>
      <c r="DH10" s="27">
        <v>-0.41139254176200002</v>
      </c>
      <c r="DI10" s="27">
        <v>-0.213614896134</v>
      </c>
      <c r="DJ10" s="27">
        <v>-2.2874626410000001E-2</v>
      </c>
      <c r="DK10" s="27">
        <v>0.14647795712600001</v>
      </c>
      <c r="DL10" s="27">
        <v>0.25269700321100003</v>
      </c>
      <c r="DM10" s="27">
        <v>0.31115593069000003</v>
      </c>
      <c r="DN10" s="27">
        <v>0.33315727865200001</v>
      </c>
      <c r="DO10" s="27">
        <v>0.32813833718099999</v>
      </c>
      <c r="DP10" s="27">
        <v>0.313627022724</v>
      </c>
      <c r="DQ10" s="27">
        <v>0.27829003775900002</v>
      </c>
      <c r="DR10" s="27">
        <v>0.24440439409</v>
      </c>
      <c r="DS10" s="27">
        <v>0.22229051418099999</v>
      </c>
      <c r="DT10" s="27">
        <v>0.194592878094</v>
      </c>
      <c r="DU10" s="27">
        <v>0.145882366702</v>
      </c>
      <c r="DV10" s="27">
        <v>8.8401947167000006E-2</v>
      </c>
      <c r="DW10" s="27">
        <v>5.2815180369999999E-2</v>
      </c>
      <c r="DX10" s="27">
        <v>5.2608276111000003E-2</v>
      </c>
      <c r="DY10" s="27">
        <v>6.6443495702000005E-2</v>
      </c>
      <c r="DZ10" s="27">
        <v>8.1544109236000001E-2</v>
      </c>
      <c r="EA10" s="27">
        <v>0.101981810041</v>
      </c>
      <c r="EB10" s="27">
        <v>0.11426106640100001</v>
      </c>
      <c r="EC10" s="27">
        <v>0.123707747462</v>
      </c>
      <c r="ED10" s="27">
        <v>0.123360481619</v>
      </c>
      <c r="EE10" s="27">
        <v>0.114182756213</v>
      </c>
      <c r="EF10" s="27">
        <v>0.10664444364099999</v>
      </c>
      <c r="EG10" s="27">
        <v>9.7151727155999998E-2</v>
      </c>
      <c r="EH10" s="27">
        <v>7.9125172341E-2</v>
      </c>
      <c r="EI10" s="27">
        <v>4.4030588427999999E-2</v>
      </c>
      <c r="EJ10" s="27">
        <v>2.0512600459999999E-3</v>
      </c>
      <c r="EK10" s="27">
        <v>-2.8930414748999999E-2</v>
      </c>
      <c r="EL10" s="27">
        <v>-3.7752983343999999E-2</v>
      </c>
      <c r="EM10" s="27">
        <v>-4.2345520211E-2</v>
      </c>
      <c r="EN10" s="27">
        <v>-2.7576830728000001E-2</v>
      </c>
      <c r="EO10" s="27">
        <v>-3.2458529620000001E-3</v>
      </c>
      <c r="EP10" s="27">
        <v>1.2006516807E-2</v>
      </c>
      <c r="EQ10" s="27">
        <v>1.5566497332999999E-2</v>
      </c>
      <c r="ER10" s="27">
        <v>-4.2150880900000002E-3</v>
      </c>
      <c r="ES10" s="27">
        <v>-3.2285032387E-2</v>
      </c>
      <c r="ET10" s="27">
        <v>-6.7451167293999997E-2</v>
      </c>
      <c r="EU10" s="27">
        <v>-7.8095637302999996E-2</v>
      </c>
      <c r="EV10" s="27">
        <v>-5.8455468672999999E-2</v>
      </c>
      <c r="EW10" s="27">
        <v>-2.5968247282999998E-2</v>
      </c>
      <c r="EX10" s="27">
        <v>4.0184110269999998E-3</v>
      </c>
      <c r="EY10" s="27">
        <v>2.6710705004E-2</v>
      </c>
      <c r="EZ10" s="27">
        <v>2.8339499014999998E-2</v>
      </c>
      <c r="FA10" s="27">
        <v>2.1721555829000001E-2</v>
      </c>
      <c r="FB10" s="27">
        <v>1.9722144465000001E-2</v>
      </c>
      <c r="FC10" s="27">
        <v>4.3406138229999999E-3</v>
      </c>
      <c r="FD10" s="27">
        <v>-1.5273366388E-2</v>
      </c>
      <c r="FE10" s="27">
        <v>-3.9603997273E-2</v>
      </c>
      <c r="FF10" s="27">
        <v>-6.4228408505000001E-2</v>
      </c>
      <c r="FG10" s="27">
        <v>-8.0771444262000003E-2</v>
      </c>
      <c r="FH10" s="27">
        <v>-8.4723174898999998E-2</v>
      </c>
      <c r="FI10" s="27">
        <v>-8.3126225602000003E-2</v>
      </c>
      <c r="FJ10" s="27">
        <v>-7.0276939662999999E-2</v>
      </c>
      <c r="FK10" s="27">
        <v>-4.3016225764999999E-2</v>
      </c>
      <c r="FL10" s="27">
        <v>-6.184920543E-3</v>
      </c>
      <c r="FM10" s="27">
        <v>3.9300428984999997E-2</v>
      </c>
      <c r="FN10" s="27">
        <v>8.0607906450000003E-2</v>
      </c>
      <c r="FO10" s="27">
        <v>8.9706357035000003E-2</v>
      </c>
      <c r="FP10" s="27">
        <v>8.8098862080000007E-2</v>
      </c>
      <c r="FQ10" s="27">
        <v>7.5173640622999999E-2</v>
      </c>
      <c r="FR10" s="27">
        <v>4.9024206463999999E-2</v>
      </c>
      <c r="FS10" s="27">
        <v>1.6872558901999998E-2</v>
      </c>
      <c r="FT10" s="27">
        <v>-8.3107628729999997E-3</v>
      </c>
      <c r="FU10" s="27">
        <v>-2.3586431618E-2</v>
      </c>
      <c r="FV10" s="27">
        <v>-3.6373885740999999E-2</v>
      </c>
      <c r="FW10" s="27">
        <v>-3.6899077194999998E-2</v>
      </c>
      <c r="FX10" s="27">
        <v>-4.7962815218999998E-2</v>
      </c>
      <c r="FY10" s="27">
        <v>-6.4635321430000003E-2</v>
      </c>
      <c r="FZ10" s="27">
        <v>-6.7871252628999998E-2</v>
      </c>
      <c r="GA10" s="27">
        <v>-5.7038590647000002E-2</v>
      </c>
      <c r="GB10" s="27">
        <v>-2.6595987259999999E-2</v>
      </c>
      <c r="GC10" s="27">
        <v>-3.0565873449999999E-3</v>
      </c>
      <c r="GD10" s="27">
        <v>1.2101952479999999E-3</v>
      </c>
      <c r="GE10" s="27">
        <v>1.3549513699999999E-3</v>
      </c>
      <c r="GF10" s="27">
        <v>-1.7416779709000001E-2</v>
      </c>
      <c r="GG10" s="27">
        <v>-5.3845782671999999E-2</v>
      </c>
      <c r="GH10" s="27">
        <v>-8.1245962291000007E-2</v>
      </c>
      <c r="GI10" s="27">
        <v>-9.8410387321000006E-2</v>
      </c>
      <c r="GJ10" s="27">
        <v>-0.114026901842</v>
      </c>
      <c r="GK10" s="27">
        <v>-0.11731978198199999</v>
      </c>
      <c r="GL10" s="27">
        <v>-0.112982297557</v>
      </c>
      <c r="GM10" s="27">
        <v>-0.11106455243299999</v>
      </c>
      <c r="GN10" s="27">
        <v>-0.110112619073</v>
      </c>
      <c r="GO10" s="27">
        <v>-0.11425655917200001</v>
      </c>
      <c r="GP10" s="27">
        <v>-0.13055499254799999</v>
      </c>
      <c r="GQ10" s="7"/>
    </row>
    <row r="11" spans="1:199" ht="45" x14ac:dyDescent="0.25">
      <c r="A11" s="6" t="s">
        <v>289</v>
      </c>
      <c r="B11" s="27">
        <v>0.142165147455</v>
      </c>
      <c r="C11" s="27">
        <v>9.5674140074999997E-2</v>
      </c>
      <c r="D11" s="27">
        <v>4.9792258093000002E-2</v>
      </c>
      <c r="E11" s="27">
        <v>-1.1989656825E-2</v>
      </c>
      <c r="F11" s="27">
        <v>-6.5830499365000003E-2</v>
      </c>
      <c r="G11" s="27">
        <v>-8.6043091160999993E-2</v>
      </c>
      <c r="H11" s="27">
        <v>-0.124864917804</v>
      </c>
      <c r="I11" s="27">
        <v>-0.167318135891</v>
      </c>
      <c r="J11" s="27">
        <v>-0.22539035068900001</v>
      </c>
      <c r="K11" s="27">
        <v>-0.27822618034300001</v>
      </c>
      <c r="L11" s="27">
        <v>-0.29252873158600001</v>
      </c>
      <c r="M11" s="27">
        <v>-0.27598805647199998</v>
      </c>
      <c r="N11" s="27">
        <v>-0.224371127905</v>
      </c>
      <c r="O11" s="27">
        <v>-0.147919440584</v>
      </c>
      <c r="P11" s="27">
        <v>-5.7660875054999998E-2</v>
      </c>
      <c r="Q11" s="27">
        <v>3.2467567110999997E-2</v>
      </c>
      <c r="R11" s="27">
        <v>9.2758442578999997E-2</v>
      </c>
      <c r="S11" s="27">
        <v>9.1494488914E-2</v>
      </c>
      <c r="T11" s="27">
        <v>5.7825887231000003E-2</v>
      </c>
      <c r="U11" s="27">
        <v>2.3377218317000001E-2</v>
      </c>
      <c r="V11" s="27">
        <v>1.8468047506999999E-2</v>
      </c>
      <c r="W11" s="27">
        <v>8.2378992440999999E-2</v>
      </c>
      <c r="X11" s="27">
        <v>0.15186864288400001</v>
      </c>
      <c r="Y11" s="27">
        <v>0.18326359721800001</v>
      </c>
      <c r="Z11" s="27">
        <v>0.16272148643199999</v>
      </c>
      <c r="AA11" s="27">
        <v>0.101172247117</v>
      </c>
      <c r="AB11" s="27">
        <v>1.0367577398E-2</v>
      </c>
      <c r="AC11" s="27">
        <v>-0.124775379603</v>
      </c>
      <c r="AD11" s="27">
        <v>-0.26768738564599998</v>
      </c>
      <c r="AE11" s="27">
        <v>-0.36710985299400001</v>
      </c>
      <c r="AF11" s="27">
        <v>-0.39575676855199998</v>
      </c>
      <c r="AG11" s="27">
        <v>-0.36369574602900001</v>
      </c>
      <c r="AH11" s="27">
        <v>-0.31372711332600001</v>
      </c>
      <c r="AI11" s="27">
        <v>-0.246397585079</v>
      </c>
      <c r="AJ11" s="27">
        <v>-0.18160374408300001</v>
      </c>
      <c r="AK11" s="27">
        <v>-0.14061732699900001</v>
      </c>
      <c r="AL11" s="27">
        <v>-9.8799802711000001E-2</v>
      </c>
      <c r="AM11" s="27">
        <v>-1.5641654378999999E-2</v>
      </c>
      <c r="AN11" s="27">
        <v>0.111330849042</v>
      </c>
      <c r="AO11" s="27">
        <v>0.25309192056000002</v>
      </c>
      <c r="AP11" s="27">
        <v>0.32706246195700001</v>
      </c>
      <c r="AQ11" s="27">
        <v>0.353219805311</v>
      </c>
      <c r="AR11" s="27">
        <v>0.31785639396900001</v>
      </c>
      <c r="AS11" s="27">
        <v>0.25727743435900002</v>
      </c>
      <c r="AT11" s="27">
        <v>0.20875398798399999</v>
      </c>
      <c r="AU11" s="27">
        <v>0.17685187398900001</v>
      </c>
      <c r="AV11" s="27">
        <v>0.15029188309800001</v>
      </c>
      <c r="AW11" s="27">
        <v>0.121372676813</v>
      </c>
      <c r="AX11" s="27">
        <v>7.6672327708000004E-2</v>
      </c>
      <c r="AY11" s="27">
        <v>4.6470271788999998E-2</v>
      </c>
      <c r="AZ11" s="27">
        <v>-3.0084796510000001E-3</v>
      </c>
      <c r="BA11" s="27">
        <v>-4.0115644397000001E-2</v>
      </c>
      <c r="BB11" s="27">
        <v>-8.1533076905999993E-2</v>
      </c>
      <c r="BC11" s="27">
        <v>-9.6760932209000006E-2</v>
      </c>
      <c r="BD11" s="27">
        <v>-9.0803897120000004E-2</v>
      </c>
      <c r="BE11" s="27">
        <v>-6.6109252728000001E-2</v>
      </c>
      <c r="BF11" s="27">
        <v>-3.2142519825999999E-2</v>
      </c>
      <c r="BG11" s="27">
        <v>-4.286094836E-3</v>
      </c>
      <c r="BH11" s="27">
        <v>1.9941151067999999E-2</v>
      </c>
      <c r="BI11" s="27">
        <v>2.0471121148E-2</v>
      </c>
      <c r="BJ11" s="27">
        <v>-1.8986139299999999E-3</v>
      </c>
      <c r="BK11" s="27">
        <v>-4.3410783887000003E-2</v>
      </c>
      <c r="BL11" s="27">
        <v>-6.5408752439000004E-2</v>
      </c>
      <c r="BM11" s="27">
        <v>-6.011921009E-2</v>
      </c>
      <c r="BN11" s="27">
        <v>-2.5836832858000001E-2</v>
      </c>
      <c r="BO11" s="27">
        <v>2.3460319463999998E-2</v>
      </c>
      <c r="BP11" s="27">
        <v>7.1534012406999997E-2</v>
      </c>
      <c r="BQ11" s="27">
        <v>0.114364827296</v>
      </c>
      <c r="BR11" s="27">
        <v>0.14227736613</v>
      </c>
      <c r="BS11" s="27">
        <v>0.16224528823600001</v>
      </c>
      <c r="BT11" s="27">
        <v>0.170936047472</v>
      </c>
      <c r="BU11" s="27">
        <v>0.15984050551699999</v>
      </c>
      <c r="BV11" s="27">
        <v>0.135452899012</v>
      </c>
      <c r="BW11" s="27">
        <v>0.11060444121599999</v>
      </c>
      <c r="BX11" s="27">
        <v>8.0648648497E-2</v>
      </c>
      <c r="BY11" s="27">
        <v>5.3811638527000001E-2</v>
      </c>
      <c r="BZ11" s="27">
        <v>4.0371917232000003E-2</v>
      </c>
      <c r="CA11" s="27">
        <v>4.1458184444999997E-2</v>
      </c>
      <c r="CB11" s="27">
        <v>5.9660300728E-2</v>
      </c>
      <c r="CC11" s="27">
        <v>8.7751438013000005E-2</v>
      </c>
      <c r="CD11" s="27">
        <v>0.105026216684</v>
      </c>
      <c r="CE11" s="27">
        <v>0.110994182439</v>
      </c>
      <c r="CF11" s="27">
        <v>0.108260545677</v>
      </c>
      <c r="CG11" s="27">
        <v>9.8405767983000006E-2</v>
      </c>
      <c r="CH11" s="27">
        <v>8.5961193473999997E-2</v>
      </c>
      <c r="CI11" s="27">
        <v>7.9478805636000002E-2</v>
      </c>
      <c r="CJ11" s="27">
        <v>6.8388407228000006E-2</v>
      </c>
      <c r="CK11" s="27">
        <v>5.8159194494999997E-2</v>
      </c>
      <c r="CL11" s="27">
        <v>3.9747760570999997E-2</v>
      </c>
      <c r="CM11" s="27">
        <v>3.2173324418999998E-2</v>
      </c>
      <c r="CN11" s="27">
        <v>3.2237386313999999E-2</v>
      </c>
      <c r="CO11" s="27">
        <v>2.0619866167000001E-2</v>
      </c>
      <c r="CP11" s="27">
        <v>5.9746508779999997E-3</v>
      </c>
      <c r="CQ11" s="27">
        <v>-3.5536673826000002E-2</v>
      </c>
      <c r="CR11" s="27">
        <v>-8.0722118482000005E-2</v>
      </c>
      <c r="CS11" s="27">
        <v>-0.118981193335</v>
      </c>
      <c r="CT11" s="27">
        <v>-0.15209129971499999</v>
      </c>
      <c r="CU11" s="27">
        <v>-0.171063815126</v>
      </c>
      <c r="CV11" s="27">
        <v>-0.17982509023500001</v>
      </c>
      <c r="CW11" s="27">
        <v>-0.20406625376099999</v>
      </c>
      <c r="CX11" s="27">
        <v>-0.25793832278399997</v>
      </c>
      <c r="CY11" s="27">
        <v>-0.36188846421400001</v>
      </c>
      <c r="CZ11" s="27">
        <v>-0.49349600730499998</v>
      </c>
      <c r="DA11" s="27">
        <v>-0.64188381083299995</v>
      </c>
      <c r="DB11" s="27">
        <v>-0.77451428964500002</v>
      </c>
      <c r="DC11" s="27">
        <v>-0.82989710428499996</v>
      </c>
      <c r="DD11" s="27">
        <v>-0.75029288456300003</v>
      </c>
      <c r="DE11" s="27">
        <v>-0.58502525815700002</v>
      </c>
      <c r="DF11" s="27">
        <v>-0.38453751625999999</v>
      </c>
      <c r="DG11" s="27">
        <v>-0.14437180808399999</v>
      </c>
      <c r="DH11" s="27">
        <v>0.119500597554</v>
      </c>
      <c r="DI11" s="27">
        <v>0.35267479428600002</v>
      </c>
      <c r="DJ11" s="27">
        <v>0.49214139293300002</v>
      </c>
      <c r="DK11" s="27">
        <v>0.550676837212</v>
      </c>
      <c r="DL11" s="27">
        <v>0.55154586270999995</v>
      </c>
      <c r="DM11" s="27">
        <v>0.514031753644</v>
      </c>
      <c r="DN11" s="27">
        <v>0.45242189119100001</v>
      </c>
      <c r="DO11" s="27">
        <v>0.38476570349599998</v>
      </c>
      <c r="DP11" s="27">
        <v>0.30555358756200002</v>
      </c>
      <c r="DQ11" s="27">
        <v>0.239491984721</v>
      </c>
      <c r="DR11" s="27">
        <v>0.19273445332200001</v>
      </c>
      <c r="DS11" s="27">
        <v>0.167220250307</v>
      </c>
      <c r="DT11" s="27">
        <v>0.14837223287599999</v>
      </c>
      <c r="DU11" s="27">
        <v>0.10719554029800001</v>
      </c>
      <c r="DV11" s="27">
        <v>5.7633219280000002E-2</v>
      </c>
      <c r="DW11" s="27">
        <v>3.0911354257999998E-2</v>
      </c>
      <c r="DX11" s="27">
        <v>3.431319218E-2</v>
      </c>
      <c r="DY11" s="27">
        <v>6.1689581979999998E-2</v>
      </c>
      <c r="DZ11" s="27">
        <v>9.7160152378999998E-2</v>
      </c>
      <c r="EA11" s="27">
        <v>0.115560549277</v>
      </c>
      <c r="EB11" s="27">
        <v>0.119452500861</v>
      </c>
      <c r="EC11" s="27">
        <v>0.112169028042</v>
      </c>
      <c r="ED11" s="27">
        <v>8.6604175392999999E-2</v>
      </c>
      <c r="EE11" s="27">
        <v>5.4216336035999999E-2</v>
      </c>
      <c r="EF11" s="27">
        <v>1.1140792357999999E-2</v>
      </c>
      <c r="EG11" s="27">
        <v>-3.8106763687999999E-2</v>
      </c>
      <c r="EH11" s="27">
        <v>-9.1992842009E-2</v>
      </c>
      <c r="EI11" s="27">
        <v>-0.14802527887799999</v>
      </c>
      <c r="EJ11" s="27">
        <v>-0.19360878062100001</v>
      </c>
      <c r="EK11" s="27">
        <v>-0.20959255574899999</v>
      </c>
      <c r="EL11" s="27">
        <v>-0.171933147338</v>
      </c>
      <c r="EM11" s="27">
        <v>-9.8419096265999997E-2</v>
      </c>
      <c r="EN11" s="27">
        <v>-1.9455909726999999E-2</v>
      </c>
      <c r="EO11" s="27">
        <v>3.4675101339000002E-2</v>
      </c>
      <c r="EP11" s="27">
        <v>6.2900238573000006E-2</v>
      </c>
      <c r="EQ11" s="27">
        <v>4.8055960036000003E-2</v>
      </c>
      <c r="ER11" s="27">
        <v>-2.6090010549999999E-3</v>
      </c>
      <c r="ES11" s="27">
        <v>-5.9564398666000003E-2</v>
      </c>
      <c r="ET11" s="27">
        <v>-7.8247014407999999E-2</v>
      </c>
      <c r="EU11" s="27">
        <v>-6.1346760905999997E-2</v>
      </c>
      <c r="EV11" s="27">
        <v>-2.7534197113000002E-2</v>
      </c>
      <c r="EW11" s="27">
        <v>7.7656769050000003E-3</v>
      </c>
      <c r="EX11" s="27">
        <v>4.537543032E-2</v>
      </c>
      <c r="EY11" s="27">
        <v>8.0240948512999996E-2</v>
      </c>
      <c r="EZ11" s="27">
        <v>0.101404093009</v>
      </c>
      <c r="FA11" s="27">
        <v>0.10942029693999999</v>
      </c>
      <c r="FB11" s="27">
        <v>7.8747771068000003E-2</v>
      </c>
      <c r="FC11" s="27">
        <v>3.5575605252999999E-2</v>
      </c>
      <c r="FD11" s="27">
        <v>5.6541188310000002E-3</v>
      </c>
      <c r="FE11" s="27">
        <v>-2.2527994703000001E-2</v>
      </c>
      <c r="FF11" s="27">
        <v>-5.0952811402000003E-2</v>
      </c>
      <c r="FG11" s="27">
        <v>-7.7029820067000002E-2</v>
      </c>
      <c r="FH11" s="27">
        <v>-7.0090745910000002E-2</v>
      </c>
      <c r="FI11" s="27">
        <v>-4.7772108368999998E-2</v>
      </c>
      <c r="FJ11" s="27">
        <v>-1.3740939598000001E-2</v>
      </c>
      <c r="FK11" s="27">
        <v>1.8680455161999999E-2</v>
      </c>
      <c r="FL11" s="27">
        <v>3.6717007465999998E-2</v>
      </c>
      <c r="FM11" s="27">
        <v>2.3559295704000002E-2</v>
      </c>
      <c r="FN11" s="27">
        <v>-3.951579819E-3</v>
      </c>
      <c r="FO11" s="27">
        <v>3.2109457730000002E-3</v>
      </c>
      <c r="FP11" s="27">
        <v>4.3024366244000002E-2</v>
      </c>
      <c r="FQ11" s="27">
        <v>7.6633382523999996E-2</v>
      </c>
      <c r="FR11" s="27">
        <v>9.8202112159000002E-2</v>
      </c>
      <c r="FS11" s="27">
        <v>0.10539506499</v>
      </c>
      <c r="FT11" s="27">
        <v>9.2728878050999997E-2</v>
      </c>
      <c r="FU11" s="27">
        <v>6.1374414464999999E-2</v>
      </c>
      <c r="FV11" s="27">
        <v>1.4759747012E-2</v>
      </c>
      <c r="FW11" s="27">
        <v>-3.7779332254E-2</v>
      </c>
      <c r="FX11" s="27">
        <v>-7.8560057949999998E-2</v>
      </c>
      <c r="FY11" s="27">
        <v>-9.7467934137000001E-2</v>
      </c>
      <c r="FZ11" s="27">
        <v>-9.1641835519000001E-2</v>
      </c>
      <c r="GA11" s="27">
        <v>-7.8260700323000004E-2</v>
      </c>
      <c r="GB11" s="27">
        <v>-7.9147630132999996E-2</v>
      </c>
      <c r="GC11" s="27">
        <v>-7.2771471759000006E-2</v>
      </c>
      <c r="GD11" s="27">
        <v>-7.0632490307000001E-2</v>
      </c>
      <c r="GE11" s="27">
        <v>-7.2934450930999997E-2</v>
      </c>
      <c r="GF11" s="27">
        <v>-7.6002404674000004E-2</v>
      </c>
      <c r="GG11" s="27">
        <v>-7.8373405081000005E-2</v>
      </c>
      <c r="GH11" s="27">
        <v>-7.3558417192E-2</v>
      </c>
      <c r="GI11" s="27">
        <v>-7.0106212197000001E-2</v>
      </c>
      <c r="GJ11" s="27">
        <v>-8.7930368938000006E-2</v>
      </c>
      <c r="GK11" s="27">
        <v>-0.112759637875</v>
      </c>
      <c r="GL11" s="27">
        <v>-0.124066537738</v>
      </c>
      <c r="GM11" s="27">
        <v>-0.109535920664</v>
      </c>
      <c r="GN11" s="27">
        <v>-8.1902994310000005E-2</v>
      </c>
      <c r="GO11" s="27">
        <v>-6.1915599872000002E-2</v>
      </c>
      <c r="GP11" s="27">
        <v>-5.4181305346999997E-2</v>
      </c>
      <c r="GQ11" s="7"/>
    </row>
    <row r="12" spans="1:199" ht="45" x14ac:dyDescent="0.25">
      <c r="A12" s="6" t="s">
        <v>287</v>
      </c>
      <c r="B12" s="27">
        <v>6.1602724970000002E-2</v>
      </c>
      <c r="C12" s="27">
        <v>2.2277232497000001E-2</v>
      </c>
      <c r="D12" s="27">
        <v>2.3709008420999999E-2</v>
      </c>
      <c r="E12" s="27">
        <v>1.8644368750000001E-2</v>
      </c>
      <c r="F12" s="27">
        <v>6.1291375209999999E-3</v>
      </c>
      <c r="G12" s="27">
        <v>2.0389792037000001E-2</v>
      </c>
      <c r="H12" s="27">
        <v>-4.4796932869000002E-2</v>
      </c>
      <c r="I12" s="27">
        <v>-9.8205616275000004E-2</v>
      </c>
      <c r="J12" s="27">
        <v>-0.17113496294899999</v>
      </c>
      <c r="K12" s="27">
        <v>-0.26340180613000003</v>
      </c>
      <c r="L12" s="27">
        <v>-0.31698222595600001</v>
      </c>
      <c r="M12" s="27">
        <v>-0.36773021277399998</v>
      </c>
      <c r="N12" s="27">
        <v>-0.353082632698</v>
      </c>
      <c r="O12" s="27">
        <v>-0.27954211217500002</v>
      </c>
      <c r="P12" s="27">
        <v>-0.19464228550099999</v>
      </c>
      <c r="Q12" s="27">
        <v>-0.119594459133</v>
      </c>
      <c r="R12" s="27">
        <v>-3.7478880397000001E-2</v>
      </c>
      <c r="S12" s="27">
        <v>1.2519796390999999E-2</v>
      </c>
      <c r="T12" s="27">
        <v>4.2128935577000003E-2</v>
      </c>
      <c r="U12" s="27">
        <v>3.0832537122999999E-2</v>
      </c>
      <c r="V12" s="27">
        <v>-1.447713098E-3</v>
      </c>
      <c r="W12" s="27">
        <v>3.4521672896E-2</v>
      </c>
      <c r="X12" s="27">
        <v>9.9945827006999999E-2</v>
      </c>
      <c r="Y12" s="27">
        <v>0.17758710574</v>
      </c>
      <c r="Z12" s="27">
        <v>0.23488123005600001</v>
      </c>
      <c r="AA12" s="27">
        <v>0.24929803845199999</v>
      </c>
      <c r="AB12" s="27">
        <v>0.19740879813100001</v>
      </c>
      <c r="AC12" s="27">
        <v>7.9097030848999994E-2</v>
      </c>
      <c r="AD12" s="27">
        <v>-4.4003558732999999E-2</v>
      </c>
      <c r="AE12" s="27">
        <v>-0.14746028209600001</v>
      </c>
      <c r="AF12" s="27">
        <v>-0.19045958678200001</v>
      </c>
      <c r="AG12" s="27">
        <v>-0.16814067860599999</v>
      </c>
      <c r="AH12" s="27">
        <v>-0.12027599322</v>
      </c>
      <c r="AI12" s="27">
        <v>-7.1231622049000007E-2</v>
      </c>
      <c r="AJ12" s="27">
        <v>-2.1317816831000001E-2</v>
      </c>
      <c r="AK12" s="27">
        <v>-4.5521742499999998E-3</v>
      </c>
      <c r="AL12" s="27">
        <v>-1.5989231379000001E-2</v>
      </c>
      <c r="AM12" s="27">
        <v>-1.7506212988000001E-2</v>
      </c>
      <c r="AN12" s="27">
        <v>-9.8377336979999994E-3</v>
      </c>
      <c r="AO12" s="27">
        <v>4.7805683208999999E-2</v>
      </c>
      <c r="AP12" s="27">
        <v>5.0614477965000002E-2</v>
      </c>
      <c r="AQ12" s="27">
        <v>0.117759961279</v>
      </c>
      <c r="AR12" s="27">
        <v>0.14398567071900001</v>
      </c>
      <c r="AS12" s="27">
        <v>0.15496804983699999</v>
      </c>
      <c r="AT12" s="27">
        <v>0.188345524604</v>
      </c>
      <c r="AU12" s="27">
        <v>0.22340480837000001</v>
      </c>
      <c r="AV12" s="27">
        <v>0.218249500401</v>
      </c>
      <c r="AW12" s="27">
        <v>0.21658659366999999</v>
      </c>
      <c r="AX12" s="27">
        <v>0.20311331747899999</v>
      </c>
      <c r="AY12" s="27">
        <v>0.17706946313899999</v>
      </c>
      <c r="AZ12" s="27">
        <v>0.15281098185</v>
      </c>
      <c r="BA12" s="27">
        <v>0.106917570704</v>
      </c>
      <c r="BB12" s="27">
        <v>-5.1801843920000002E-3</v>
      </c>
      <c r="BC12" s="27">
        <v>-7.8477874503000006E-2</v>
      </c>
      <c r="BD12" s="27">
        <v>-0.11054803646</v>
      </c>
      <c r="BE12" s="27">
        <v>-0.112009618449</v>
      </c>
      <c r="BF12" s="27">
        <v>-0.104497312992</v>
      </c>
      <c r="BG12" s="27">
        <v>-0.104293031161</v>
      </c>
      <c r="BH12" s="27">
        <v>-5.3545787560000002E-2</v>
      </c>
      <c r="BI12" s="27">
        <v>-1.7282965963E-2</v>
      </c>
      <c r="BJ12" s="27">
        <v>-1.9627551571999999E-2</v>
      </c>
      <c r="BK12" s="27">
        <v>-0.115268546486</v>
      </c>
      <c r="BL12" s="27">
        <v>-0.16773937945699999</v>
      </c>
      <c r="BM12" s="27">
        <v>-0.18852722245100001</v>
      </c>
      <c r="BN12" s="27">
        <v>-0.15453321679000001</v>
      </c>
      <c r="BO12" s="27">
        <v>-6.7213986195999997E-2</v>
      </c>
      <c r="BP12" s="27">
        <v>4.2217067966999998E-2</v>
      </c>
      <c r="BQ12" s="27">
        <v>0.143325991953</v>
      </c>
      <c r="BR12" s="27">
        <v>0.16383114593100001</v>
      </c>
      <c r="BS12" s="27">
        <v>0.159700486881</v>
      </c>
      <c r="BT12" s="27">
        <v>0.12666126659499999</v>
      </c>
      <c r="BU12" s="27">
        <v>8.6005896361000006E-2</v>
      </c>
      <c r="BV12" s="27">
        <v>7.0243865978000003E-2</v>
      </c>
      <c r="BW12" s="27">
        <v>8.8877736479000005E-2</v>
      </c>
      <c r="BX12" s="27">
        <v>0.12489621454499999</v>
      </c>
      <c r="BY12" s="27">
        <v>0.14520408331099999</v>
      </c>
      <c r="BZ12" s="27">
        <v>0.141806779173</v>
      </c>
      <c r="CA12" s="27">
        <v>8.2173433135000001E-2</v>
      </c>
      <c r="CB12" s="27">
        <v>-1.5774532195E-2</v>
      </c>
      <c r="CC12" s="27">
        <v>-8.2153882676000003E-2</v>
      </c>
      <c r="CD12" s="27">
        <v>-0.12908868556399999</v>
      </c>
      <c r="CE12" s="27">
        <v>-0.15844065458199999</v>
      </c>
      <c r="CF12" s="27">
        <v>-0.16279281590200001</v>
      </c>
      <c r="CG12" s="27">
        <v>-0.12826000933699999</v>
      </c>
      <c r="CH12" s="27">
        <v>-6.5277663565999997E-2</v>
      </c>
      <c r="CI12" s="27">
        <v>1.8804646750000001E-2</v>
      </c>
      <c r="CJ12" s="27">
        <v>5.2829058376E-2</v>
      </c>
      <c r="CK12" s="27">
        <v>6.7502262261999998E-2</v>
      </c>
      <c r="CL12" s="27">
        <v>5.9101395782999999E-2</v>
      </c>
      <c r="CM12" s="27">
        <v>9.5993771019000002E-2</v>
      </c>
      <c r="CN12" s="27">
        <v>0.15288405544600001</v>
      </c>
      <c r="CO12" s="27">
        <v>0.145335000169</v>
      </c>
      <c r="CP12" s="27">
        <v>9.8410400445999996E-2</v>
      </c>
      <c r="CQ12" s="27">
        <v>-2.7438805638E-2</v>
      </c>
      <c r="CR12" s="27">
        <v>-0.10437340333300001</v>
      </c>
      <c r="CS12" s="27">
        <v>-0.144859117801</v>
      </c>
      <c r="CT12" s="27">
        <v>-0.19621420730399999</v>
      </c>
      <c r="CU12" s="27">
        <v>-0.247685361795</v>
      </c>
      <c r="CV12" s="27">
        <v>-0.260543844591</v>
      </c>
      <c r="CW12" s="27">
        <v>-0.25946752286000002</v>
      </c>
      <c r="CX12" s="27">
        <v>-0.24245633638899999</v>
      </c>
      <c r="CY12" s="27">
        <v>-0.25399792136299998</v>
      </c>
      <c r="CZ12" s="27">
        <v>-0.27844124433799999</v>
      </c>
      <c r="DA12" s="27">
        <v>-0.35735282092100001</v>
      </c>
      <c r="DB12" s="27">
        <v>-0.423755258646</v>
      </c>
      <c r="DC12" s="27">
        <v>-0.45154605202199999</v>
      </c>
      <c r="DD12" s="27">
        <v>-0.40731710758900003</v>
      </c>
      <c r="DE12" s="27">
        <v>-0.31958066735000001</v>
      </c>
      <c r="DF12" s="27">
        <v>-0.25746624822899999</v>
      </c>
      <c r="DG12" s="27">
        <v>-0.15305891388199999</v>
      </c>
      <c r="DH12" s="27">
        <v>-1.7334652137999999E-2</v>
      </c>
      <c r="DI12" s="27">
        <v>0.17409704546599999</v>
      </c>
      <c r="DJ12" s="27">
        <v>0.35702684538500001</v>
      </c>
      <c r="DK12" s="27">
        <v>0.51612106202300001</v>
      </c>
      <c r="DL12" s="27">
        <v>0.61843341463599999</v>
      </c>
      <c r="DM12" s="27">
        <v>0.65227059098999995</v>
      </c>
      <c r="DN12" s="27">
        <v>0.61823700364099998</v>
      </c>
      <c r="DO12" s="27">
        <v>0.54757485181700005</v>
      </c>
      <c r="DP12" s="27">
        <v>0.39131725851400001</v>
      </c>
      <c r="DQ12" s="27">
        <v>0.25559460879599999</v>
      </c>
      <c r="DR12" s="27">
        <v>0.179461658498</v>
      </c>
      <c r="DS12" s="27">
        <v>0.123599281288</v>
      </c>
      <c r="DT12" s="27">
        <v>0.101379354992</v>
      </c>
      <c r="DU12" s="27">
        <v>7.1080346884000001E-2</v>
      </c>
      <c r="DV12" s="27">
        <v>3.0058854558999999E-2</v>
      </c>
      <c r="DW12" s="27">
        <v>-9.5836105849999992E-3</v>
      </c>
      <c r="DX12" s="27">
        <v>-4.1814621556999998E-2</v>
      </c>
      <c r="DY12" s="27">
        <v>-6.0601261236000001E-2</v>
      </c>
      <c r="DZ12" s="27">
        <v>-7.4917283784999997E-2</v>
      </c>
      <c r="EA12" s="27">
        <v>-0.121825471623</v>
      </c>
      <c r="EB12" s="27">
        <v>-0.131178987149</v>
      </c>
      <c r="EC12" s="27">
        <v>-9.3677992597000007E-2</v>
      </c>
      <c r="ED12" s="27">
        <v>-5.4846787631000003E-2</v>
      </c>
      <c r="EE12" s="27">
        <v>-6.737133587E-3</v>
      </c>
      <c r="EF12" s="27">
        <v>2.0016324746E-2</v>
      </c>
      <c r="EG12" s="27">
        <v>2.6135031725999999E-2</v>
      </c>
      <c r="EH12" s="27">
        <v>2.3616968756000001E-2</v>
      </c>
      <c r="EI12" s="27">
        <v>1.2752160811E-2</v>
      </c>
      <c r="EJ12" s="27">
        <v>-1.2231234640000001E-3</v>
      </c>
      <c r="EK12" s="27">
        <v>2.4536617771E-2</v>
      </c>
      <c r="EL12" s="27">
        <v>7.2807112701000001E-2</v>
      </c>
      <c r="EM12" s="27">
        <v>0.13012100593299999</v>
      </c>
      <c r="EN12" s="27">
        <v>0.17396969596299999</v>
      </c>
      <c r="EO12" s="27">
        <v>0.15710491486299999</v>
      </c>
      <c r="EP12" s="27">
        <v>0.11840205142</v>
      </c>
      <c r="EQ12" s="27">
        <v>3.675516283E-2</v>
      </c>
      <c r="ER12" s="27">
        <v>-6.8902089651999995E-2</v>
      </c>
      <c r="ES12" s="27">
        <v>-0.16489008210299999</v>
      </c>
      <c r="ET12" s="27">
        <v>-0.176102104944</v>
      </c>
      <c r="EU12" s="27">
        <v>-0.16924359449900001</v>
      </c>
      <c r="EV12" s="27">
        <v>-0.165884841846</v>
      </c>
      <c r="EW12" s="27">
        <v>-0.14213327835600001</v>
      </c>
      <c r="EX12" s="27">
        <v>-7.7495183913000004E-2</v>
      </c>
      <c r="EY12" s="27">
        <v>9.1145894710000005E-3</v>
      </c>
      <c r="EZ12" s="27">
        <v>4.9640929542000001E-2</v>
      </c>
      <c r="FA12" s="27">
        <v>2.5782373401000001E-2</v>
      </c>
      <c r="FB12" s="27">
        <v>-0.119715649937</v>
      </c>
      <c r="FC12" s="27">
        <v>-0.25605193198699999</v>
      </c>
      <c r="FD12" s="27">
        <v>-0.29650210974899999</v>
      </c>
      <c r="FE12" s="27">
        <v>-0.28523449202899998</v>
      </c>
      <c r="FF12" s="27">
        <v>-0.25007043918600003</v>
      </c>
      <c r="FG12" s="27">
        <v>-0.220769443762</v>
      </c>
      <c r="FH12" s="27">
        <v>-0.14278969125300001</v>
      </c>
      <c r="FI12" s="27">
        <v>-5.2297546507999997E-2</v>
      </c>
      <c r="FJ12" s="27">
        <v>3.1642484702999997E-2</v>
      </c>
      <c r="FK12" s="27">
        <v>8.6020896279999995E-2</v>
      </c>
      <c r="FL12" s="27">
        <v>9.3989087011999997E-2</v>
      </c>
      <c r="FM12" s="27">
        <v>2.2597832493E-2</v>
      </c>
      <c r="FN12" s="27">
        <v>-7.5526444654999997E-2</v>
      </c>
      <c r="FO12" s="27">
        <v>-8.1477027324000001E-2</v>
      </c>
      <c r="FP12" s="27">
        <v>-1.6349240540000001E-3</v>
      </c>
      <c r="FQ12" s="27">
        <v>4.3543529297999997E-2</v>
      </c>
      <c r="FR12" s="27">
        <v>4.9109101324000003E-2</v>
      </c>
      <c r="FS12" s="27">
        <v>3.7868066704000003E-2</v>
      </c>
      <c r="FT12" s="27">
        <v>3.6986360473000003E-2</v>
      </c>
      <c r="FU12" s="27">
        <v>4.6070681662999997E-2</v>
      </c>
      <c r="FV12" s="27">
        <v>3.4584970739999998E-2</v>
      </c>
      <c r="FW12" s="27">
        <v>7.2765555189999997E-3</v>
      </c>
      <c r="FX12" s="27">
        <v>-3.0036915249999998E-3</v>
      </c>
      <c r="FY12" s="27">
        <v>4.2333756695000002E-2</v>
      </c>
      <c r="FZ12" s="27">
        <v>0.112901851124</v>
      </c>
      <c r="GA12" s="27">
        <v>0.15200225923800001</v>
      </c>
      <c r="GB12" s="27">
        <v>0.124346206923</v>
      </c>
      <c r="GC12" s="27">
        <v>0.12743717899500001</v>
      </c>
      <c r="GD12" s="27">
        <v>0.13736918656800001</v>
      </c>
      <c r="GE12" s="27">
        <v>0.15251855372600001</v>
      </c>
      <c r="GF12" s="27">
        <v>0.165747972509</v>
      </c>
      <c r="GG12" s="27">
        <v>0.150369397046</v>
      </c>
      <c r="GH12" s="27">
        <v>0.118668304365</v>
      </c>
      <c r="GI12" s="27">
        <v>7.6728697607999996E-2</v>
      </c>
      <c r="GJ12" s="27">
        <v>2.7753006861000001E-2</v>
      </c>
      <c r="GK12" s="27">
        <v>-9.2356369860000006E-3</v>
      </c>
      <c r="GL12" s="27">
        <v>-2.9694963681999999E-2</v>
      </c>
      <c r="GM12" s="27">
        <v>-4.9571921339E-2</v>
      </c>
      <c r="GN12" s="27">
        <v>-7.4603872180999994E-2</v>
      </c>
      <c r="GO12" s="27">
        <v>-9.2918422501000006E-2</v>
      </c>
      <c r="GP12" s="27">
        <v>-0.104213688135</v>
      </c>
      <c r="GQ12" s="7"/>
    </row>
    <row r="13" spans="1:199" ht="45" x14ac:dyDescent="0.25">
      <c r="A13" s="6" t="s">
        <v>288</v>
      </c>
      <c r="B13" s="27"/>
      <c r="C13" s="27"/>
      <c r="D13" s="27"/>
      <c r="E13" s="27"/>
      <c r="F13" s="27"/>
      <c r="G13" s="27"/>
      <c r="H13" s="27"/>
      <c r="I13" s="27"/>
      <c r="J13" s="27"/>
      <c r="K13" s="27"/>
      <c r="L13" s="27"/>
      <c r="M13" s="27"/>
      <c r="N13" s="27"/>
      <c r="O13" s="27"/>
      <c r="P13" s="27"/>
      <c r="Q13" s="27"/>
      <c r="R13" s="27"/>
      <c r="S13" s="27"/>
      <c r="T13" s="27"/>
      <c r="U13" s="27"/>
      <c r="V13" s="27"/>
      <c r="W13" s="27"/>
      <c r="X13" s="27"/>
      <c r="Y13" s="27"/>
      <c r="Z13" s="27"/>
      <c r="AA13" s="27"/>
      <c r="AB13" s="27"/>
      <c r="AC13" s="27"/>
      <c r="AD13" s="27"/>
      <c r="AE13" s="27"/>
      <c r="AF13" s="27"/>
      <c r="AG13" s="27"/>
      <c r="AH13" s="27"/>
      <c r="AI13" s="27"/>
      <c r="AJ13" s="27"/>
      <c r="AK13" s="27"/>
      <c r="AL13" s="27"/>
      <c r="AM13" s="27"/>
      <c r="AN13" s="27"/>
      <c r="AO13" s="27"/>
      <c r="AP13" s="27"/>
      <c r="AQ13" s="27"/>
      <c r="AR13" s="27"/>
      <c r="AS13" s="27"/>
      <c r="AT13" s="27"/>
      <c r="AU13" s="27"/>
      <c r="AV13" s="27"/>
      <c r="AW13" s="27"/>
      <c r="AX13" s="27"/>
      <c r="AY13" s="27">
        <v>0.14862049546600001</v>
      </c>
      <c r="AZ13" s="27">
        <v>0.15849906168399999</v>
      </c>
      <c r="BA13" s="27">
        <v>0.17877418838100001</v>
      </c>
      <c r="BB13" s="27">
        <v>0.16716151880899999</v>
      </c>
      <c r="BC13" s="27">
        <v>0.123630957863</v>
      </c>
      <c r="BD13" s="27">
        <v>8.8542425322999996E-2</v>
      </c>
      <c r="BE13" s="27">
        <v>6.3772859331999998E-2</v>
      </c>
      <c r="BF13" s="27">
        <v>6.0710450966000001E-2</v>
      </c>
      <c r="BG13" s="27">
        <v>7.7004806028E-2</v>
      </c>
      <c r="BH13" s="27">
        <v>8.1353037160000002E-2</v>
      </c>
      <c r="BI13" s="27">
        <v>6.8245785249999996E-2</v>
      </c>
      <c r="BJ13" s="27">
        <v>5.4771780217E-2</v>
      </c>
      <c r="BK13" s="27">
        <v>5.4790798751E-2</v>
      </c>
      <c r="BL13" s="27">
        <v>5.5838486170999999E-2</v>
      </c>
      <c r="BM13" s="27">
        <v>5.1671560808999997E-2</v>
      </c>
      <c r="BN13" s="27">
        <v>3.724899282E-2</v>
      </c>
      <c r="BO13" s="27">
        <v>2.2879667284E-2</v>
      </c>
      <c r="BP13" s="27">
        <v>9.6927997289999995E-3</v>
      </c>
      <c r="BQ13" s="27">
        <v>1.2222205191E-2</v>
      </c>
      <c r="BR13" s="27">
        <v>3.4512298247000001E-2</v>
      </c>
      <c r="BS13" s="27">
        <v>5.7309932089000003E-2</v>
      </c>
      <c r="BT13" s="27">
        <v>6.5644483081999994E-2</v>
      </c>
      <c r="BU13" s="27">
        <v>7.0540268980000001E-2</v>
      </c>
      <c r="BV13" s="27">
        <v>7.5867560715000004E-2</v>
      </c>
      <c r="BW13" s="27">
        <v>9.7477390881999998E-2</v>
      </c>
      <c r="BX13" s="27">
        <v>8.9096229087999995E-2</v>
      </c>
      <c r="BY13" s="27">
        <v>7.5926744512000002E-2</v>
      </c>
      <c r="BZ13" s="27">
        <v>6.9500121531999998E-2</v>
      </c>
      <c r="CA13" s="27">
        <v>6.9102580454000001E-2</v>
      </c>
      <c r="CB13" s="27">
        <v>9.1522756994999996E-2</v>
      </c>
      <c r="CC13" s="27">
        <v>0.118951585616</v>
      </c>
      <c r="CD13" s="27">
        <v>0.12009942055099999</v>
      </c>
      <c r="CE13" s="27">
        <v>0.115660586303</v>
      </c>
      <c r="CF13" s="27">
        <v>0.12134202425899999</v>
      </c>
      <c r="CG13" s="27">
        <v>0.11821988281699999</v>
      </c>
      <c r="CH13" s="27">
        <v>0.10429598752200001</v>
      </c>
      <c r="CI13" s="27">
        <v>8.0445815843999999E-2</v>
      </c>
      <c r="CJ13" s="27">
        <v>5.0462574794000001E-2</v>
      </c>
      <c r="CK13" s="27">
        <v>1.8794832713E-2</v>
      </c>
      <c r="CL13" s="27">
        <v>-4.5907098449999998E-3</v>
      </c>
      <c r="CM13" s="27">
        <v>3.8736961420000001E-3</v>
      </c>
      <c r="CN13" s="27">
        <v>2.6590716047000001E-2</v>
      </c>
      <c r="CO13" s="27">
        <v>5.0979802358000002E-2</v>
      </c>
      <c r="CP13" s="27">
        <v>6.7201198707999996E-2</v>
      </c>
      <c r="CQ13" s="27">
        <v>6.0361848959999999E-2</v>
      </c>
      <c r="CR13" s="27">
        <v>6.5024162680000002E-3</v>
      </c>
      <c r="CS13" s="27">
        <v>-9.8061299313000005E-2</v>
      </c>
      <c r="CT13" s="27">
        <v>-0.196628254182</v>
      </c>
      <c r="CU13" s="27">
        <v>-0.27081076703000001</v>
      </c>
      <c r="CV13" s="27">
        <v>-0.30930876581799999</v>
      </c>
      <c r="CW13" s="27">
        <v>-0.33234488179400001</v>
      </c>
      <c r="CX13" s="27">
        <v>-0.35174949119100002</v>
      </c>
      <c r="CY13" s="27">
        <v>-0.41317265723800001</v>
      </c>
      <c r="CZ13" s="27">
        <v>-0.52229143195200001</v>
      </c>
      <c r="DA13" s="27">
        <v>-0.64852137064799997</v>
      </c>
      <c r="DB13" s="27">
        <v>-0.766427675089</v>
      </c>
      <c r="DC13" s="27">
        <v>-0.80799190942999999</v>
      </c>
      <c r="DD13" s="27">
        <v>-0.74142459787199999</v>
      </c>
      <c r="DE13" s="27">
        <v>-0.59228292979300001</v>
      </c>
      <c r="DF13" s="27">
        <v>-0.37453672963500001</v>
      </c>
      <c r="DG13" s="27">
        <v>-0.14015205670399999</v>
      </c>
      <c r="DH13" s="27">
        <v>9.1049342502000002E-2</v>
      </c>
      <c r="DI13" s="27">
        <v>0.231490631684</v>
      </c>
      <c r="DJ13" s="27">
        <v>0.29037210842799999</v>
      </c>
      <c r="DK13" s="27">
        <v>0.30561998710999999</v>
      </c>
      <c r="DL13" s="27">
        <v>0.29092287404400002</v>
      </c>
      <c r="DM13" s="27">
        <v>0.28158061643100002</v>
      </c>
      <c r="DN13" s="27">
        <v>0.29285731398699999</v>
      </c>
      <c r="DO13" s="27">
        <v>0.29556634233899998</v>
      </c>
      <c r="DP13" s="27">
        <v>0.30180550961800001</v>
      </c>
      <c r="DQ13" s="27">
        <v>0.32752031438500001</v>
      </c>
      <c r="DR13" s="27">
        <v>0.363351401909</v>
      </c>
      <c r="DS13" s="27">
        <v>0.434203726309</v>
      </c>
      <c r="DT13" s="27">
        <v>0.47699781109299999</v>
      </c>
      <c r="DU13" s="27">
        <v>0.46309886366000003</v>
      </c>
      <c r="DV13" s="27">
        <v>0.40581572969000002</v>
      </c>
      <c r="DW13" s="27">
        <v>0.32213322671299999</v>
      </c>
      <c r="DX13" s="27">
        <v>0.24137573165199999</v>
      </c>
      <c r="DY13" s="27">
        <v>0.184331685262</v>
      </c>
      <c r="DZ13" s="27">
        <v>0.145394058913</v>
      </c>
      <c r="EA13" s="27">
        <v>0.11996611573099999</v>
      </c>
      <c r="EB13" s="27">
        <v>9.8472738847999994E-2</v>
      </c>
      <c r="EC13" s="27">
        <v>7.0394651498000005E-2</v>
      </c>
      <c r="ED13" s="27">
        <v>3.2802937135000002E-2</v>
      </c>
      <c r="EE13" s="27">
        <v>3.5359426860000001E-3</v>
      </c>
      <c r="EF13" s="27">
        <v>-1.9098755443E-2</v>
      </c>
      <c r="EG13" s="27">
        <v>-4.0446136794999997E-2</v>
      </c>
      <c r="EH13" s="27">
        <v>-6.4520760883000003E-2</v>
      </c>
      <c r="EI13" s="27">
        <v>-0.107146418944</v>
      </c>
      <c r="EJ13" s="27">
        <v>-0.15192362079499999</v>
      </c>
      <c r="EK13" s="27">
        <v>-0.180345347229</v>
      </c>
      <c r="EL13" s="27">
        <v>-0.162907309458</v>
      </c>
      <c r="EM13" s="27">
        <v>-0.131046222558</v>
      </c>
      <c r="EN13" s="27">
        <v>-9.0247288083999996E-2</v>
      </c>
      <c r="EO13" s="27">
        <v>-5.9132042799000001E-2</v>
      </c>
      <c r="EP13" s="27">
        <v>-4.1427188938999999E-2</v>
      </c>
      <c r="EQ13" s="27">
        <v>-4.5667156568000002E-2</v>
      </c>
      <c r="ER13" s="27">
        <v>-6.2456070453000001E-2</v>
      </c>
      <c r="ES13" s="27">
        <v>-7.5874323221000003E-2</v>
      </c>
      <c r="ET13" s="27">
        <v>-7.1890503957000002E-2</v>
      </c>
      <c r="EU13" s="27">
        <v>-4.5168638365999998E-2</v>
      </c>
      <c r="EV13" s="27">
        <v>-1.3229771750000001E-3</v>
      </c>
      <c r="EW13" s="27">
        <v>4.4545653993999998E-2</v>
      </c>
      <c r="EX13" s="27">
        <v>8.2196270836999999E-2</v>
      </c>
      <c r="EY13" s="27">
        <v>0.111841123818</v>
      </c>
      <c r="EZ13" s="27">
        <v>0.128558386237</v>
      </c>
      <c r="FA13" s="27">
        <v>0.13464273125699999</v>
      </c>
      <c r="FB13" s="27">
        <v>0.129707227949</v>
      </c>
      <c r="FC13" s="27">
        <v>0.10613606555000001</v>
      </c>
      <c r="FD13" s="27">
        <v>6.7977411508000005E-2</v>
      </c>
      <c r="FE13" s="27">
        <v>2.7215852629E-2</v>
      </c>
      <c r="FF13" s="27">
        <v>-2.1677721314E-2</v>
      </c>
      <c r="FG13" s="27">
        <v>-8.0141999739999997E-2</v>
      </c>
      <c r="FH13" s="27">
        <v>-0.13121156394899999</v>
      </c>
      <c r="FI13" s="27">
        <v>-0.17143605175400001</v>
      </c>
      <c r="FJ13" s="27">
        <v>-0.18795659368600001</v>
      </c>
      <c r="FK13" s="27">
        <v>-0.17027806736000001</v>
      </c>
      <c r="FL13" s="27">
        <v>-0.11689548803700001</v>
      </c>
      <c r="FM13" s="27">
        <v>-5.7335569330000002E-2</v>
      </c>
      <c r="FN13" s="27">
        <v>-2.3540275767000001E-2</v>
      </c>
      <c r="FO13" s="27">
        <v>1.2926313459E-2</v>
      </c>
      <c r="FP13" s="27">
        <v>4.0037954426999998E-2</v>
      </c>
      <c r="FQ13" s="27">
        <v>6.3448829654000005E-2</v>
      </c>
      <c r="FR13" s="27">
        <v>8.3830336305999995E-2</v>
      </c>
      <c r="FS13" s="27">
        <v>0.10234717160700001</v>
      </c>
      <c r="FT13" s="27">
        <v>0.10557086081100001</v>
      </c>
      <c r="FU13" s="27">
        <v>7.8919383534000007E-2</v>
      </c>
      <c r="FV13" s="27">
        <v>2.8048594382999999E-2</v>
      </c>
      <c r="FW13" s="27">
        <v>-3.8790622502000001E-2</v>
      </c>
      <c r="FX13" s="27">
        <v>-0.10742241252199999</v>
      </c>
      <c r="FY13" s="27">
        <v>-0.15970651831400001</v>
      </c>
      <c r="FZ13" s="27">
        <v>-0.188635507328</v>
      </c>
      <c r="GA13" s="27">
        <v>-0.19151991214</v>
      </c>
      <c r="GB13" s="27">
        <v>-0.17090682269999999</v>
      </c>
      <c r="GC13" s="27">
        <v>-0.13784030738700001</v>
      </c>
      <c r="GD13" s="27">
        <v>-9.9236110153000004E-2</v>
      </c>
      <c r="GE13" s="27">
        <v>-6.2793422160000001E-2</v>
      </c>
      <c r="GF13" s="27">
        <v>-3.0068939554000002E-2</v>
      </c>
      <c r="GG13" s="27">
        <v>4.8440139169999997E-3</v>
      </c>
      <c r="GH13" s="27">
        <v>3.7154008395E-2</v>
      </c>
      <c r="GI13" s="27">
        <v>5.3306787414000002E-2</v>
      </c>
      <c r="GJ13" s="27">
        <v>4.4709815169000001E-2</v>
      </c>
      <c r="GK13" s="27">
        <v>2.2732317217999998E-2</v>
      </c>
      <c r="GL13" s="27">
        <v>-2.0078468640000002E-3</v>
      </c>
      <c r="GM13" s="27">
        <v>-1.3112641291E-2</v>
      </c>
      <c r="GN13" s="27">
        <v>-1.788306675E-3</v>
      </c>
      <c r="GO13" s="27">
        <v>2.5802719599000001E-2</v>
      </c>
      <c r="GP13" s="27">
        <v>4.5977508606999999E-2</v>
      </c>
      <c r="GQ13" s="7">
        <v>5.8128822549000002E-2</v>
      </c>
    </row>
    <row r="14" spans="1:199" ht="45" x14ac:dyDescent="0.25">
      <c r="A14" s="6" t="s">
        <v>284</v>
      </c>
      <c r="B14" s="27">
        <v>0.172956390982</v>
      </c>
      <c r="C14" s="27">
        <v>9.2897921751999998E-2</v>
      </c>
      <c r="D14" s="27">
        <v>-6.5129047170000001E-3</v>
      </c>
      <c r="E14" s="27">
        <v>-9.2404749416000007E-2</v>
      </c>
      <c r="F14" s="27">
        <v>-0.127822875089</v>
      </c>
      <c r="G14" s="27">
        <v>-0.12634902594299999</v>
      </c>
      <c r="H14" s="27">
        <v>-0.14407627339000001</v>
      </c>
      <c r="I14" s="27">
        <v>-0.16097551114700001</v>
      </c>
      <c r="J14" s="27">
        <v>-0.178663240867</v>
      </c>
      <c r="K14" s="27">
        <v>-0.17992023498599999</v>
      </c>
      <c r="L14" s="27">
        <v>-0.16213143565999999</v>
      </c>
      <c r="M14" s="27">
        <v>-0.109483542877</v>
      </c>
      <c r="N14" s="27">
        <v>-5.5947222808999997E-2</v>
      </c>
      <c r="O14" s="27">
        <v>-3.3682691552000002E-2</v>
      </c>
      <c r="P14" s="27">
        <v>-1.0664946304E-2</v>
      </c>
      <c r="Q14" s="27">
        <v>1.2503919516E-2</v>
      </c>
      <c r="R14" s="27">
        <v>7.9322303369999993E-3</v>
      </c>
      <c r="S14" s="27">
        <v>-3.6711346094000001E-2</v>
      </c>
      <c r="T14" s="27">
        <v>-9.2684267710999996E-2</v>
      </c>
      <c r="U14" s="27">
        <v>-0.12661327171799999</v>
      </c>
      <c r="V14" s="27">
        <v>-0.11262797226</v>
      </c>
      <c r="W14" s="27">
        <v>-3.2334421576E-2</v>
      </c>
      <c r="X14" s="27">
        <v>6.3044749521000004E-2</v>
      </c>
      <c r="Y14" s="27">
        <v>0.13131299816299999</v>
      </c>
      <c r="Z14" s="27">
        <v>0.14530816369499999</v>
      </c>
      <c r="AA14" s="27">
        <v>0.10562530847</v>
      </c>
      <c r="AB14" s="27">
        <v>3.3629579893E-2</v>
      </c>
      <c r="AC14" s="27">
        <v>-7.2697103319000006E-2</v>
      </c>
      <c r="AD14" s="27">
        <v>-0.18255346993300001</v>
      </c>
      <c r="AE14" s="27">
        <v>-0.25854158251699999</v>
      </c>
      <c r="AF14" s="27">
        <v>-0.28314646329799997</v>
      </c>
      <c r="AG14" s="27">
        <v>-0.26520356967600001</v>
      </c>
      <c r="AH14" s="27">
        <v>-0.23087226631499999</v>
      </c>
      <c r="AI14" s="27">
        <v>-0.17867726235</v>
      </c>
      <c r="AJ14" s="27">
        <v>-0.135274668909</v>
      </c>
      <c r="AK14" s="27">
        <v>-0.10240356572500001</v>
      </c>
      <c r="AL14" s="27">
        <v>-6.6349087937000006E-2</v>
      </c>
      <c r="AM14" s="27">
        <v>-1.5340332123999999E-2</v>
      </c>
      <c r="AN14" s="27">
        <v>4.6895936375000002E-2</v>
      </c>
      <c r="AO14" s="27">
        <v>0.10885286186900001</v>
      </c>
      <c r="AP14" s="27">
        <v>0.14605124348699999</v>
      </c>
      <c r="AQ14" s="27">
        <v>0.16353268154100001</v>
      </c>
      <c r="AR14" s="27">
        <v>0.16436796648599999</v>
      </c>
      <c r="AS14" s="27">
        <v>0.156933360907</v>
      </c>
      <c r="AT14" s="27">
        <v>0.14974256805399999</v>
      </c>
      <c r="AU14" s="27">
        <v>0.14648615040400001</v>
      </c>
      <c r="AV14" s="27">
        <v>0.14426511417599999</v>
      </c>
      <c r="AW14" s="27">
        <v>0.13493878272199999</v>
      </c>
      <c r="AX14" s="27">
        <v>0.116048897768</v>
      </c>
      <c r="AY14" s="27">
        <v>7.8853246099000004E-2</v>
      </c>
      <c r="AZ14" s="27">
        <v>2.7829068483999998E-2</v>
      </c>
      <c r="BA14" s="27">
        <v>-2.1988067175000001E-2</v>
      </c>
      <c r="BB14" s="27">
        <v>-4.3371658825999998E-2</v>
      </c>
      <c r="BC14" s="27">
        <v>-4.1639689787E-2</v>
      </c>
      <c r="BD14" s="27">
        <v>-2.1811411881000001E-2</v>
      </c>
      <c r="BE14" s="27">
        <v>1.6317770788000001E-2</v>
      </c>
      <c r="BF14" s="27">
        <v>5.7665077098999998E-2</v>
      </c>
      <c r="BG14" s="27">
        <v>8.1515223346000004E-2</v>
      </c>
      <c r="BH14" s="27">
        <v>8.0834654906999995E-2</v>
      </c>
      <c r="BI14" s="27">
        <v>5.5864952518E-2</v>
      </c>
      <c r="BJ14" s="27">
        <v>9.5209675630000008E-3</v>
      </c>
      <c r="BK14" s="27">
        <v>-3.8872228558000002E-2</v>
      </c>
      <c r="BL14" s="27">
        <v>-7.2942094513000003E-2</v>
      </c>
      <c r="BM14" s="27">
        <v>-6.0020705510000001E-2</v>
      </c>
      <c r="BN14" s="27">
        <v>-1.1467567158E-2</v>
      </c>
      <c r="BO14" s="27">
        <v>4.2429809610000001E-2</v>
      </c>
      <c r="BP14" s="27">
        <v>8.8023160796999997E-2</v>
      </c>
      <c r="BQ14" s="27">
        <v>0.11856044292200001</v>
      </c>
      <c r="BR14" s="27">
        <v>0.14099177070800001</v>
      </c>
      <c r="BS14" s="27">
        <v>0.139345037852</v>
      </c>
      <c r="BT14" s="27">
        <v>0.13398814626200001</v>
      </c>
      <c r="BU14" s="27">
        <v>0.115363906857</v>
      </c>
      <c r="BV14" s="27">
        <v>8.2814658673000002E-2</v>
      </c>
      <c r="BW14" s="27">
        <v>4.2061804307000003E-2</v>
      </c>
      <c r="BX14" s="27">
        <v>9.6200652630000008E-3</v>
      </c>
      <c r="BY14" s="27">
        <v>-1.4701467894E-2</v>
      </c>
      <c r="BZ14" s="27">
        <v>-2.6656704805000001E-2</v>
      </c>
      <c r="CA14" s="27">
        <v>2.1041878330000001E-3</v>
      </c>
      <c r="CB14" s="27">
        <v>5.0202317539999999E-2</v>
      </c>
      <c r="CC14" s="27">
        <v>9.9497591809999994E-2</v>
      </c>
      <c r="CD14" s="27">
        <v>0.14172165197100001</v>
      </c>
      <c r="CE14" s="27">
        <v>0.173089763185</v>
      </c>
      <c r="CF14" s="27">
        <v>0.18684298038700001</v>
      </c>
      <c r="CG14" s="27">
        <v>0.17745828385199999</v>
      </c>
      <c r="CH14" s="27">
        <v>0.15341019015999999</v>
      </c>
      <c r="CI14" s="27">
        <v>0.127693408832</v>
      </c>
      <c r="CJ14" s="27">
        <v>0.112396383483</v>
      </c>
      <c r="CK14" s="27">
        <v>8.7290440107000003E-2</v>
      </c>
      <c r="CL14" s="27">
        <v>5.1970562651000002E-2</v>
      </c>
      <c r="CM14" s="27">
        <v>-1.8717534169999999E-3</v>
      </c>
      <c r="CN14" s="27">
        <v>-5.3194667224E-2</v>
      </c>
      <c r="CO14" s="27">
        <v>-9.0483817984000001E-2</v>
      </c>
      <c r="CP14" s="27">
        <v>-0.11292327419000001</v>
      </c>
      <c r="CQ14" s="27">
        <v>-0.124840703484</v>
      </c>
      <c r="CR14" s="27">
        <v>-0.13168114847699999</v>
      </c>
      <c r="CS14" s="27">
        <v>-0.11914708665400001</v>
      </c>
      <c r="CT14" s="27">
        <v>-9.6537422095000006E-2</v>
      </c>
      <c r="CU14" s="27">
        <v>-7.4452737073E-2</v>
      </c>
      <c r="CV14" s="27">
        <v>-7.4551087192000001E-2</v>
      </c>
      <c r="CW14" s="27">
        <v>-0.11653585542100001</v>
      </c>
      <c r="CX14" s="27">
        <v>-0.19133602993000001</v>
      </c>
      <c r="CY14" s="27">
        <v>-0.29573666672499999</v>
      </c>
      <c r="CZ14" s="27">
        <v>-0.39089328756699998</v>
      </c>
      <c r="DA14" s="27">
        <v>-0.46065779526400003</v>
      </c>
      <c r="DB14" s="27">
        <v>-0.49725130893800001</v>
      </c>
      <c r="DC14" s="27">
        <v>-0.48632145083299999</v>
      </c>
      <c r="DD14" s="27">
        <v>-0.40918997617699998</v>
      </c>
      <c r="DE14" s="27">
        <v>-0.30862364610999998</v>
      </c>
      <c r="DF14" s="27">
        <v>-0.204149097418</v>
      </c>
      <c r="DG14" s="27">
        <v>-5.9708337448999997E-2</v>
      </c>
      <c r="DH14" s="27">
        <v>0.10986133664099999</v>
      </c>
      <c r="DI14" s="27">
        <v>0.24562100027100001</v>
      </c>
      <c r="DJ14" s="27">
        <v>0.32143634978000002</v>
      </c>
      <c r="DK14" s="27">
        <v>0.33950227297199997</v>
      </c>
      <c r="DL14" s="27">
        <v>0.325956065809</v>
      </c>
      <c r="DM14" s="27">
        <v>0.27980338074299999</v>
      </c>
      <c r="DN14" s="27">
        <v>0.220610922131</v>
      </c>
      <c r="DO14" s="27">
        <v>0.16229503138099999</v>
      </c>
      <c r="DP14" s="27">
        <v>0.115770857586</v>
      </c>
      <c r="DQ14" s="27">
        <v>6.7159611341E-2</v>
      </c>
      <c r="DR14" s="27">
        <v>2.5058293806000002E-2</v>
      </c>
      <c r="DS14" s="27">
        <v>5.8758996319999996E-3</v>
      </c>
      <c r="DT14" s="27">
        <v>-8.4739502709999994E-3</v>
      </c>
      <c r="DU14" s="27">
        <v>-2.3080124951000001E-2</v>
      </c>
      <c r="DV14" s="27">
        <v>-2.4880014546000001E-2</v>
      </c>
      <c r="DW14" s="27">
        <v>-7.992388861E-3</v>
      </c>
      <c r="DX14" s="27">
        <v>2.6745303514999999E-2</v>
      </c>
      <c r="DY14" s="27">
        <v>6.4245548163000002E-2</v>
      </c>
      <c r="DZ14" s="27">
        <v>0.101027767236</v>
      </c>
      <c r="EA14" s="27">
        <v>0.116621828203</v>
      </c>
      <c r="EB14" s="27">
        <v>0.10215647734699999</v>
      </c>
      <c r="EC14" s="27">
        <v>6.5370414845999994E-2</v>
      </c>
      <c r="ED14" s="27">
        <v>1.6880916353E-2</v>
      </c>
      <c r="EE14" s="27">
        <v>-2.0464866411E-2</v>
      </c>
      <c r="EF14" s="27">
        <v>-4.8183945850999998E-2</v>
      </c>
      <c r="EG14" s="27">
        <v>-6.9400011506999995E-2</v>
      </c>
      <c r="EH14" s="27">
        <v>-8.1248064078999996E-2</v>
      </c>
      <c r="EI14" s="27">
        <v>-8.3466471006999998E-2</v>
      </c>
      <c r="EJ14" s="27">
        <v>-8.2489454111999996E-2</v>
      </c>
      <c r="EK14" s="27">
        <v>-7.1180603975999998E-2</v>
      </c>
      <c r="EL14" s="27">
        <v>-4.7331773552000002E-2</v>
      </c>
      <c r="EM14" s="27">
        <v>-9.4526408000000003E-3</v>
      </c>
      <c r="EN14" s="27">
        <v>1.5320867187000001E-2</v>
      </c>
      <c r="EO14" s="27">
        <v>3.0998340558E-2</v>
      </c>
      <c r="EP14" s="27">
        <v>4.255911825E-2</v>
      </c>
      <c r="EQ14" s="27">
        <v>5.0725292280999999E-2</v>
      </c>
      <c r="ER14" s="27">
        <v>5.2863439560000003E-2</v>
      </c>
      <c r="ES14" s="27">
        <v>4.5302342420000002E-2</v>
      </c>
      <c r="ET14" s="27">
        <v>3.9313069420999998E-2</v>
      </c>
      <c r="EU14" s="27">
        <v>4.247985093E-2</v>
      </c>
      <c r="EV14" s="27">
        <v>4.1043752251000001E-2</v>
      </c>
      <c r="EW14" s="27">
        <v>4.2351302850000001E-2</v>
      </c>
      <c r="EX14" s="27">
        <v>5.2922372013999998E-2</v>
      </c>
      <c r="EY14" s="27">
        <v>5.9186390115000001E-2</v>
      </c>
      <c r="EZ14" s="27">
        <v>5.7331041498000002E-2</v>
      </c>
      <c r="FA14" s="27">
        <v>4.4459949398E-2</v>
      </c>
      <c r="FB14" s="27">
        <v>1.1954013532999999E-2</v>
      </c>
      <c r="FC14" s="27">
        <v>-3.3770427314999997E-2</v>
      </c>
      <c r="FD14" s="27">
        <v>-7.3546264592000005E-2</v>
      </c>
      <c r="FE14" s="27">
        <v>-0.100623048573</v>
      </c>
      <c r="FF14" s="27">
        <v>-0.10745226194099999</v>
      </c>
      <c r="FG14" s="27">
        <v>-9.9468530974000005E-2</v>
      </c>
      <c r="FH14" s="27">
        <v>-8.0841771707999999E-2</v>
      </c>
      <c r="FI14" s="27">
        <v>-5.9645995027E-2</v>
      </c>
      <c r="FJ14" s="27">
        <v>-3.610196156E-2</v>
      </c>
      <c r="FK14" s="27">
        <v>-2.3305358785000001E-2</v>
      </c>
      <c r="FL14" s="27">
        <v>-2.5960408636E-2</v>
      </c>
      <c r="FM14" s="27">
        <v>-4.0060597782000003E-2</v>
      </c>
      <c r="FN14" s="27">
        <v>-4.8349229213E-2</v>
      </c>
      <c r="FO14" s="27">
        <v>-3.1235780186000001E-2</v>
      </c>
      <c r="FP14" s="27">
        <v>9.6358447340000007E-3</v>
      </c>
      <c r="FQ14" s="27">
        <v>4.9224111367000001E-2</v>
      </c>
      <c r="FR14" s="27">
        <v>7.9672809085999996E-2</v>
      </c>
      <c r="FS14" s="27">
        <v>9.2987605971000004E-2</v>
      </c>
      <c r="FT14" s="27">
        <v>8.3932413161999994E-2</v>
      </c>
      <c r="FU14" s="27">
        <v>5.4548022895999998E-2</v>
      </c>
      <c r="FV14" s="27">
        <v>1.0809350840999999E-2</v>
      </c>
      <c r="FW14" s="27">
        <v>-2.8516382863000001E-2</v>
      </c>
      <c r="FX14" s="27">
        <v>-5.4167124019E-2</v>
      </c>
      <c r="FY14" s="27">
        <v>-5.7125887081999997E-2</v>
      </c>
      <c r="FZ14" s="27">
        <v>-3.6956013964000001E-2</v>
      </c>
      <c r="GA14" s="27">
        <v>-2.503215332E-3</v>
      </c>
      <c r="GB14" s="27">
        <v>1.6348346012000001E-2</v>
      </c>
      <c r="GC14" s="27">
        <v>2.3803373506000002E-2</v>
      </c>
      <c r="GD14" s="27">
        <v>1.6035279130999999E-2</v>
      </c>
      <c r="GE14" s="27">
        <v>-2.522181679E-3</v>
      </c>
      <c r="GF14" s="27">
        <v>-2.5167590172000001E-2</v>
      </c>
      <c r="GG14" s="27">
        <v>-4.2325737351000002E-2</v>
      </c>
      <c r="GH14" s="27">
        <v>-4.6471584502999999E-2</v>
      </c>
      <c r="GI14" s="27">
        <v>-3.8807440414999998E-2</v>
      </c>
      <c r="GJ14" s="27">
        <v>-3.0594339323999999E-2</v>
      </c>
      <c r="GK14" s="27">
        <v>-1.2658174616999999E-2</v>
      </c>
      <c r="GL14" s="27">
        <v>1.2047134621999999E-2</v>
      </c>
      <c r="GM14" s="27">
        <v>3.4827831146E-2</v>
      </c>
      <c r="GN14" s="27">
        <v>5.1200098211000002E-2</v>
      </c>
      <c r="GO14" s="27">
        <v>5.2960535500000003E-2</v>
      </c>
      <c r="GP14" s="27">
        <v>4.9640553604E-2</v>
      </c>
      <c r="GQ14" s="7"/>
    </row>
    <row r="15" spans="1:199" ht="45" x14ac:dyDescent="0.25">
      <c r="A15" s="6" t="s">
        <v>286</v>
      </c>
      <c r="B15" s="27">
        <v>-2.37374422E-2</v>
      </c>
      <c r="C15" s="27">
        <v>-1.1265043872000001E-2</v>
      </c>
      <c r="D15" s="27">
        <v>6.4720110030000002E-3</v>
      </c>
      <c r="E15" s="27">
        <v>2.6506048038999998E-2</v>
      </c>
      <c r="F15" s="27">
        <v>3.4480243702E-2</v>
      </c>
      <c r="G15" s="27">
        <v>2.1361679838999999E-2</v>
      </c>
      <c r="H15" s="27">
        <v>-9.0703685450000005E-3</v>
      </c>
      <c r="I15" s="27">
        <v>-1.9499285347999998E-2</v>
      </c>
      <c r="J15" s="27">
        <v>-7.446984714E-3</v>
      </c>
      <c r="K15" s="27">
        <v>7.3420084880000003E-3</v>
      </c>
      <c r="L15" s="27">
        <v>1.1824090404999999E-2</v>
      </c>
      <c r="M15" s="27">
        <v>1.0927553288E-2</v>
      </c>
      <c r="N15" s="27">
        <v>2.9309987640000002E-3</v>
      </c>
      <c r="O15" s="27">
        <v>-3.2759018952000001E-2</v>
      </c>
      <c r="P15" s="27">
        <v>-7.7080727601000001E-2</v>
      </c>
      <c r="Q15" s="27">
        <v>-0.10848054591</v>
      </c>
      <c r="R15" s="27">
        <v>-0.111121141612</v>
      </c>
      <c r="S15" s="27">
        <v>-9.0990900760000007E-2</v>
      </c>
      <c r="T15" s="27">
        <v>-6.5571206234000007E-2</v>
      </c>
      <c r="U15" s="27">
        <v>-5.0287733353999997E-2</v>
      </c>
      <c r="V15" s="27">
        <v>-4.7735036830000001E-2</v>
      </c>
      <c r="W15" s="27">
        <v>-6.4642480823999995E-2</v>
      </c>
      <c r="X15" s="27">
        <v>-7.8704607716999997E-2</v>
      </c>
      <c r="Y15" s="27">
        <v>-7.1933463478000004E-2</v>
      </c>
      <c r="Z15" s="27">
        <v>-4.2236403466000001E-2</v>
      </c>
      <c r="AA15" s="27">
        <v>6.4919448319999996E-3</v>
      </c>
      <c r="AB15" s="27">
        <v>6.6546294778000004E-2</v>
      </c>
      <c r="AC15" s="27">
        <v>0.12890577819099999</v>
      </c>
      <c r="AD15" s="27">
        <v>0.177515441153</v>
      </c>
      <c r="AE15" s="27">
        <v>0.193824048093</v>
      </c>
      <c r="AF15" s="27">
        <v>0.185657064205</v>
      </c>
      <c r="AG15" s="27">
        <v>0.17030534451099999</v>
      </c>
      <c r="AH15" s="27">
        <v>0.15650940745700001</v>
      </c>
      <c r="AI15" s="27">
        <v>0.14311695173899999</v>
      </c>
      <c r="AJ15" s="27">
        <v>0.13631708097199999</v>
      </c>
      <c r="AK15" s="27">
        <v>0.13496234013799999</v>
      </c>
      <c r="AL15" s="27">
        <v>0.130285955407</v>
      </c>
      <c r="AM15" s="27">
        <v>9.5903751539999998E-2</v>
      </c>
      <c r="AN15" s="27">
        <v>3.4776219040999999E-2</v>
      </c>
      <c r="AO15" s="27">
        <v>-1.7708595574000001E-2</v>
      </c>
      <c r="AP15" s="27">
        <v>-2.7497100992E-2</v>
      </c>
      <c r="AQ15" s="27">
        <v>4.9628125670000004E-3</v>
      </c>
      <c r="AR15" s="27">
        <v>4.3279938546999998E-2</v>
      </c>
      <c r="AS15" s="27">
        <v>7.5701240941000003E-2</v>
      </c>
      <c r="AT15" s="27">
        <v>8.0719784239000003E-2</v>
      </c>
      <c r="AU15" s="27">
        <v>6.0708086638000001E-2</v>
      </c>
      <c r="AV15" s="27">
        <v>2.7412425726E-2</v>
      </c>
      <c r="AW15" s="27">
        <v>6.4206069189999999E-3</v>
      </c>
      <c r="AX15" s="27">
        <v>3.2009071939999999E-3</v>
      </c>
      <c r="AY15" s="27">
        <v>3.0346743187000001E-2</v>
      </c>
      <c r="AZ15" s="27">
        <v>6.6121008268999998E-2</v>
      </c>
      <c r="BA15" s="27">
        <v>9.3136215135999997E-2</v>
      </c>
      <c r="BB15" s="27">
        <v>9.0267079767999997E-2</v>
      </c>
      <c r="BC15" s="27">
        <v>5.5012315519000002E-2</v>
      </c>
      <c r="BD15" s="27">
        <v>1.0597896218000001E-2</v>
      </c>
      <c r="BE15" s="27">
        <v>-3.5266313839000002E-2</v>
      </c>
      <c r="BF15" s="27">
        <v>-7.1710058317000003E-2</v>
      </c>
      <c r="BG15" s="27">
        <v>-9.9799352051999995E-2</v>
      </c>
      <c r="BH15" s="27">
        <v>-0.114538951257</v>
      </c>
      <c r="BI15" s="27">
        <v>-0.11520807983</v>
      </c>
      <c r="BJ15" s="27">
        <v>-0.1014355357</v>
      </c>
      <c r="BK15" s="27">
        <v>-8.8846557963000006E-2</v>
      </c>
      <c r="BL15" s="27">
        <v>-8.0122016941000004E-2</v>
      </c>
      <c r="BM15" s="27">
        <v>-7.9718086780000003E-2</v>
      </c>
      <c r="BN15" s="27">
        <v>-8.5170835686999999E-2</v>
      </c>
      <c r="BO15" s="27">
        <v>-8.6196165098999994E-2</v>
      </c>
      <c r="BP15" s="27">
        <v>-7.8263731692000002E-2</v>
      </c>
      <c r="BQ15" s="27">
        <v>-6.5400369257000004E-2</v>
      </c>
      <c r="BR15" s="27">
        <v>-6.0078784928999998E-2</v>
      </c>
      <c r="BS15" s="27">
        <v>-6.8804217700999995E-2</v>
      </c>
      <c r="BT15" s="27">
        <v>-7.4809246656E-2</v>
      </c>
      <c r="BU15" s="27">
        <v>-5.2152146389000002E-2</v>
      </c>
      <c r="BV15" s="27">
        <v>-3.0444141699999998E-4</v>
      </c>
      <c r="BW15" s="27">
        <v>6.6055276356999995E-2</v>
      </c>
      <c r="BX15" s="27">
        <v>0.12823658754</v>
      </c>
      <c r="BY15" s="27">
        <v>0.15405534265500001</v>
      </c>
      <c r="BZ15" s="27">
        <v>0.12892591989800001</v>
      </c>
      <c r="CA15" s="27">
        <v>6.4676417360000002E-2</v>
      </c>
      <c r="CB15" s="27">
        <v>-2.1366812778999999E-2</v>
      </c>
      <c r="CC15" s="27">
        <v>-8.6240739605000005E-2</v>
      </c>
      <c r="CD15" s="27">
        <v>-0.12024479482</v>
      </c>
      <c r="CE15" s="27">
        <v>-0.12629923756299999</v>
      </c>
      <c r="CF15" s="27">
        <v>-0.105791821328</v>
      </c>
      <c r="CG15" s="27">
        <v>-6.7357924957000007E-2</v>
      </c>
      <c r="CH15" s="27">
        <v>-2.2632942134000002E-2</v>
      </c>
      <c r="CI15" s="27">
        <v>1.3316767441999999E-2</v>
      </c>
      <c r="CJ15" s="27">
        <v>3.0842356655999999E-2</v>
      </c>
      <c r="CK15" s="27">
        <v>2.6507157585E-2</v>
      </c>
      <c r="CL15" s="27">
        <v>1.4497565267999999E-2</v>
      </c>
      <c r="CM15" s="27">
        <v>1.0064587859999999E-3</v>
      </c>
      <c r="CN15" s="27">
        <v>-1.3826821711E-2</v>
      </c>
      <c r="CO15" s="27">
        <v>-2.9641267551000001E-2</v>
      </c>
      <c r="CP15" s="27">
        <v>-5.4478533348999998E-2</v>
      </c>
      <c r="CQ15" s="27">
        <v>-7.7932978173999995E-2</v>
      </c>
      <c r="CR15" s="27">
        <v>-9.1086973503999996E-2</v>
      </c>
      <c r="CS15" s="27">
        <v>-0.102098095178</v>
      </c>
      <c r="CT15" s="27">
        <v>-0.112341648039</v>
      </c>
      <c r="CU15" s="27">
        <v>-0.12356797827300001</v>
      </c>
      <c r="CV15" s="27">
        <v>-0.123412887202</v>
      </c>
      <c r="CW15" s="27">
        <v>-0.105268781284</v>
      </c>
      <c r="CX15" s="27">
        <v>-5.7597748631999998E-2</v>
      </c>
      <c r="CY15" s="27">
        <v>2.1104705503000001E-2</v>
      </c>
      <c r="CZ15" s="27">
        <v>0.13793927561300001</v>
      </c>
      <c r="DA15" s="27">
        <v>0.29108275436300002</v>
      </c>
      <c r="DB15" s="27">
        <v>0.45796679534899998</v>
      </c>
      <c r="DC15" s="27">
        <v>0.56809300537999996</v>
      </c>
      <c r="DD15" s="27">
        <v>0.55850073205600004</v>
      </c>
      <c r="DE15" s="27">
        <v>0.48316071143</v>
      </c>
      <c r="DF15" s="27">
        <v>0.37148033832499999</v>
      </c>
      <c r="DG15" s="27">
        <v>0.22405145252899999</v>
      </c>
      <c r="DH15" s="27">
        <v>5.3623838849000002E-2</v>
      </c>
      <c r="DI15" s="27">
        <v>-9.0489147860999999E-2</v>
      </c>
      <c r="DJ15" s="27">
        <v>-0.15089031264399999</v>
      </c>
      <c r="DK15" s="27">
        <v>-0.160272221898</v>
      </c>
      <c r="DL15" s="27">
        <v>-0.156712931877</v>
      </c>
      <c r="DM15" s="27">
        <v>-0.14989284600899999</v>
      </c>
      <c r="DN15" s="27">
        <v>-0.14189788578500001</v>
      </c>
      <c r="DO15" s="27">
        <v>-0.15390173703000001</v>
      </c>
      <c r="DP15" s="27">
        <v>-0.169753233941</v>
      </c>
      <c r="DQ15" s="27">
        <v>-0.17570836344400001</v>
      </c>
      <c r="DR15" s="27">
        <v>-0.16160435197199999</v>
      </c>
      <c r="DS15" s="27">
        <v>-0.134273634005</v>
      </c>
      <c r="DT15" s="27">
        <v>-0.1006743355</v>
      </c>
      <c r="DU15" s="27">
        <v>-5.1276821968E-2</v>
      </c>
      <c r="DV15" s="27">
        <v>-1.8004965620000001E-3</v>
      </c>
      <c r="DW15" s="27">
        <v>8.8849457160000006E-3</v>
      </c>
      <c r="DX15" s="27">
        <v>-1.2602253729E-2</v>
      </c>
      <c r="DY15" s="27">
        <v>-5.7605288290999999E-2</v>
      </c>
      <c r="DZ15" s="27">
        <v>-0.10942146495500001</v>
      </c>
      <c r="EA15" s="27">
        <v>-0.15777970258400001</v>
      </c>
      <c r="EB15" s="27">
        <v>-0.17826930423099999</v>
      </c>
      <c r="EC15" s="27">
        <v>-0.174885169102</v>
      </c>
      <c r="ED15" s="27">
        <v>-0.158039861467</v>
      </c>
      <c r="EE15" s="27">
        <v>-0.122515628202</v>
      </c>
      <c r="EF15" s="27">
        <v>-7.4021672267000002E-2</v>
      </c>
      <c r="EG15" s="27">
        <v>-1.4945063567999999E-2</v>
      </c>
      <c r="EH15" s="27">
        <v>6.0943995660999999E-2</v>
      </c>
      <c r="EI15" s="27">
        <v>0.14444144687300001</v>
      </c>
      <c r="EJ15" s="27">
        <v>0.22461787320900001</v>
      </c>
      <c r="EK15" s="27">
        <v>0.292010974581</v>
      </c>
      <c r="EL15" s="27">
        <v>0.30601410961699999</v>
      </c>
      <c r="EM15" s="27">
        <v>0.25040327703100002</v>
      </c>
      <c r="EN15" s="27">
        <v>0.15031325208599999</v>
      </c>
      <c r="EO15" s="27">
        <v>4.7807414414E-2</v>
      </c>
      <c r="EP15" s="27">
        <v>-2.6480429827E-2</v>
      </c>
      <c r="EQ15" s="27">
        <v>-4.8203686729000002E-2</v>
      </c>
      <c r="ER15" s="27">
        <v>-1.3914019406000001E-2</v>
      </c>
      <c r="ES15" s="27">
        <v>2.7975189614000001E-2</v>
      </c>
      <c r="ET15" s="27">
        <v>3.3059136960999998E-2</v>
      </c>
      <c r="EU15" s="27">
        <v>-1.4760931382000001E-2</v>
      </c>
      <c r="EV15" s="27">
        <v>-9.2068654321999996E-2</v>
      </c>
      <c r="EW15" s="27">
        <v>-0.148623982041</v>
      </c>
      <c r="EX15" s="27">
        <v>-0.18262041077499999</v>
      </c>
      <c r="EY15" s="27">
        <v>-0.19684549879499999</v>
      </c>
      <c r="EZ15" s="27">
        <v>-0.197748768302</v>
      </c>
      <c r="FA15" s="27">
        <v>-0.19414887830800001</v>
      </c>
      <c r="FB15" s="27">
        <v>-0.176645818304</v>
      </c>
      <c r="FC15" s="27">
        <v>-0.14682929035</v>
      </c>
      <c r="FD15" s="27">
        <v>-0.108418309002</v>
      </c>
      <c r="FE15" s="27">
        <v>-5.3397706454E-2</v>
      </c>
      <c r="FF15" s="27">
        <v>1.5391580596E-2</v>
      </c>
      <c r="FG15" s="27">
        <v>6.5064094505999995E-2</v>
      </c>
      <c r="FH15" s="27">
        <v>6.7465675254999996E-2</v>
      </c>
      <c r="FI15" s="27">
        <v>4.8961914531000003E-2</v>
      </c>
      <c r="FJ15" s="27">
        <v>1.7013157912000001E-2</v>
      </c>
      <c r="FK15" s="27">
        <v>-2.1485215716000001E-2</v>
      </c>
      <c r="FL15" s="27">
        <v>-4.7877918270999999E-2</v>
      </c>
      <c r="FM15" s="27">
        <v>-5.8535965512E-2</v>
      </c>
      <c r="FN15" s="27">
        <v>-5.7667012082999999E-2</v>
      </c>
      <c r="FO15" s="27">
        <v>-5.8852858743000003E-2</v>
      </c>
      <c r="FP15" s="27">
        <v>-6.4807404232000002E-2</v>
      </c>
      <c r="FQ15" s="27">
        <v>-6.8690901346999997E-2</v>
      </c>
      <c r="FR15" s="27">
        <v>-6.4374357221000003E-2</v>
      </c>
      <c r="FS15" s="27">
        <v>-5.0789992048999998E-2</v>
      </c>
      <c r="FT15" s="27">
        <v>-2.8631782880000001E-2</v>
      </c>
      <c r="FU15" s="27">
        <v>4.3199438470000002E-3</v>
      </c>
      <c r="FV15" s="27">
        <v>4.4259566697E-2</v>
      </c>
      <c r="FW15" s="27">
        <v>9.1786997814000001E-2</v>
      </c>
      <c r="FX15" s="27">
        <v>0.14040919413700001</v>
      </c>
      <c r="FY15" s="27">
        <v>0.18635796523100001</v>
      </c>
      <c r="FZ15" s="27">
        <v>0.20531297528600001</v>
      </c>
      <c r="GA15" s="27">
        <v>0.20832346984700001</v>
      </c>
      <c r="GB15" s="27">
        <v>0.20133855849099999</v>
      </c>
      <c r="GC15" s="27">
        <v>0.19069589591700001</v>
      </c>
      <c r="GD15" s="27">
        <v>0.18565601497299999</v>
      </c>
      <c r="GE15" s="27">
        <v>0.18346923172900001</v>
      </c>
      <c r="GF15" s="27">
        <v>0.17622551811699999</v>
      </c>
      <c r="GG15" s="27">
        <v>0.153798997706</v>
      </c>
      <c r="GH15" s="27">
        <v>0.116368065938</v>
      </c>
      <c r="GI15" s="27">
        <v>8.3873040797999995E-2</v>
      </c>
      <c r="GJ15" s="27">
        <v>7.9529548695999999E-2</v>
      </c>
      <c r="GK15" s="27">
        <v>9.4350588156000004E-2</v>
      </c>
      <c r="GL15" s="27">
        <v>0.102477101498</v>
      </c>
      <c r="GM15" s="27">
        <v>8.1416043246999997E-2</v>
      </c>
      <c r="GN15" s="27">
        <v>5.3523399860000001E-2</v>
      </c>
      <c r="GO15" s="27">
        <v>5.5963286321999997E-2</v>
      </c>
      <c r="GP15" s="27">
        <v>7.5794832261000006E-2</v>
      </c>
      <c r="GQ15" s="7"/>
    </row>
    <row r="16" spans="1:199" ht="45" x14ac:dyDescent="0.25">
      <c r="A16" s="6" t="s">
        <v>283</v>
      </c>
      <c r="B16" s="27">
        <v>-0.136354233652</v>
      </c>
      <c r="C16" s="27">
        <v>-0.12080695644099999</v>
      </c>
      <c r="D16" s="27">
        <v>-8.2194812583000001E-2</v>
      </c>
      <c r="E16" s="27">
        <v>2.310856652E-3</v>
      </c>
      <c r="F16" s="27">
        <v>0.10661141370299999</v>
      </c>
      <c r="G16" s="27">
        <v>0.182622684964</v>
      </c>
      <c r="H16" s="27">
        <v>0.218031708499</v>
      </c>
      <c r="I16" s="27">
        <v>0.237312094739</v>
      </c>
      <c r="J16" s="27">
        <v>0.25405221247100002</v>
      </c>
      <c r="K16" s="27">
        <v>0.25613212760999998</v>
      </c>
      <c r="L16" s="27">
        <v>0.226233346817</v>
      </c>
      <c r="M16" s="27">
        <v>0.153791226596</v>
      </c>
      <c r="N16" s="27">
        <v>5.2622178096999997E-2</v>
      </c>
      <c r="O16" s="27">
        <v>-7.1479251253999995E-2</v>
      </c>
      <c r="P16" s="27">
        <v>-0.20177122332</v>
      </c>
      <c r="Q16" s="27">
        <v>-0.319519687582</v>
      </c>
      <c r="R16" s="27">
        <v>-0.40377615847999998</v>
      </c>
      <c r="S16" s="27">
        <v>-0.42620863857699998</v>
      </c>
      <c r="T16" s="27">
        <v>-0.38775326801400001</v>
      </c>
      <c r="U16" s="27">
        <v>-0.335821759336</v>
      </c>
      <c r="V16" s="27">
        <v>-0.30243900915799998</v>
      </c>
      <c r="W16" s="27">
        <v>-0.286984457601</v>
      </c>
      <c r="X16" s="27">
        <v>-0.26412189464800001</v>
      </c>
      <c r="Y16" s="27">
        <v>-0.20506452389599999</v>
      </c>
      <c r="Z16" s="27">
        <v>-0.12109625458000001</v>
      </c>
      <c r="AA16" s="27">
        <v>-5.1795900156000003E-2</v>
      </c>
      <c r="AB16" s="27">
        <v>-1.8067469881000001E-2</v>
      </c>
      <c r="AC16" s="27">
        <v>2.5306638946999999E-2</v>
      </c>
      <c r="AD16" s="27">
        <v>0.10593997344</v>
      </c>
      <c r="AE16" s="27">
        <v>0.161723964158</v>
      </c>
      <c r="AF16" s="27">
        <v>0.185007149264</v>
      </c>
      <c r="AG16" s="27">
        <v>0.202457866115</v>
      </c>
      <c r="AH16" s="27">
        <v>0.23035045300500001</v>
      </c>
      <c r="AI16" s="27">
        <v>0.23612095802399999</v>
      </c>
      <c r="AJ16" s="27">
        <v>0.220342728367</v>
      </c>
      <c r="AK16" s="27">
        <v>0.18906166579100001</v>
      </c>
      <c r="AL16" s="27">
        <v>0.120803336287</v>
      </c>
      <c r="AM16" s="27">
        <v>-1.7179254963000001E-2</v>
      </c>
      <c r="AN16" s="27">
        <v>-0.21480134454899999</v>
      </c>
      <c r="AO16" s="27">
        <v>-0.41864588744199999</v>
      </c>
      <c r="AP16" s="27">
        <v>-0.55219954432100005</v>
      </c>
      <c r="AQ16" s="27">
        <v>-0.57094807814899995</v>
      </c>
      <c r="AR16" s="27">
        <v>-0.48423501270899999</v>
      </c>
      <c r="AS16" s="27">
        <v>-0.33457726664499998</v>
      </c>
      <c r="AT16" s="27">
        <v>-0.16514960247900001</v>
      </c>
      <c r="AU16" s="27">
        <v>-1.9897382748999999E-2</v>
      </c>
      <c r="AV16" s="27">
        <v>8.0225027817E-2</v>
      </c>
      <c r="AW16" s="27">
        <v>0.165978196316</v>
      </c>
      <c r="AX16" s="27">
        <v>0.24522739968400001</v>
      </c>
      <c r="AY16" s="27">
        <v>0.30565397320600002</v>
      </c>
      <c r="AZ16" s="27">
        <v>0.33263615982400002</v>
      </c>
      <c r="BA16" s="27">
        <v>0.32714879521099999</v>
      </c>
      <c r="BB16" s="27">
        <v>0.32027277495599998</v>
      </c>
      <c r="BC16" s="27">
        <v>0.29915479882399998</v>
      </c>
      <c r="BD16" s="27">
        <v>0.28375591942799999</v>
      </c>
      <c r="BE16" s="27">
        <v>0.27905029234399997</v>
      </c>
      <c r="BF16" s="27">
        <v>0.27718966637600001</v>
      </c>
      <c r="BG16" s="27">
        <v>0.27601593534199997</v>
      </c>
      <c r="BH16" s="27">
        <v>0.27150729899699999</v>
      </c>
      <c r="BI16" s="27">
        <v>0.25659366433300002</v>
      </c>
      <c r="BJ16" s="27">
        <v>0.23578067335</v>
      </c>
      <c r="BK16" s="27">
        <v>0.213305982261</v>
      </c>
      <c r="BL16" s="27">
        <v>0.17959196474799999</v>
      </c>
      <c r="BM16" s="27">
        <v>0.135222306742</v>
      </c>
      <c r="BN16" s="27">
        <v>8.3372867362000003E-2</v>
      </c>
      <c r="BO16" s="27">
        <v>2.8908986027000001E-2</v>
      </c>
      <c r="BP16" s="27">
        <v>-2.3479440125000001E-2</v>
      </c>
      <c r="BQ16" s="27">
        <v>-7.5245935425999999E-2</v>
      </c>
      <c r="BR16" s="27">
        <v>-0.12531718979000001</v>
      </c>
      <c r="BS16" s="27">
        <v>-0.16773799630899999</v>
      </c>
      <c r="BT16" s="27">
        <v>-0.20188047633799999</v>
      </c>
      <c r="BU16" s="27">
        <v>-0.225588908965</v>
      </c>
      <c r="BV16" s="27">
        <v>-0.2330106076</v>
      </c>
      <c r="BW16" s="27">
        <v>-0.22391233416</v>
      </c>
      <c r="BX16" s="27">
        <v>-0.19676229469600001</v>
      </c>
      <c r="BY16" s="27">
        <v>-0.15726385069099999</v>
      </c>
      <c r="BZ16" s="27">
        <v>-0.112761645759</v>
      </c>
      <c r="CA16" s="27">
        <v>-6.8428232655000004E-2</v>
      </c>
      <c r="CB16" s="27">
        <v>-3.1884388850999999E-2</v>
      </c>
      <c r="CC16" s="27">
        <v>-4.1778719560000002E-3</v>
      </c>
      <c r="CD16" s="27">
        <v>1.5788476799000001E-2</v>
      </c>
      <c r="CE16" s="27">
        <v>2.9927911655E-2</v>
      </c>
      <c r="CF16" s="27">
        <v>4.0819807664E-2</v>
      </c>
      <c r="CG16" s="27">
        <v>5.0130700053E-2</v>
      </c>
      <c r="CH16" s="27">
        <v>5.7272265768E-2</v>
      </c>
      <c r="CI16" s="27">
        <v>6.1873672704000002E-2</v>
      </c>
      <c r="CJ16" s="27">
        <v>6.5148701628000003E-2</v>
      </c>
      <c r="CK16" s="27">
        <v>6.8387061735999996E-2</v>
      </c>
      <c r="CL16" s="27">
        <v>6.9760720060000003E-2</v>
      </c>
      <c r="CM16" s="27">
        <v>6.4771637110000002E-2</v>
      </c>
      <c r="CN16" s="27">
        <v>5.9297995114000003E-2</v>
      </c>
      <c r="CO16" s="27">
        <v>5.6367923760999999E-2</v>
      </c>
      <c r="CP16" s="27">
        <v>5.6639933258E-2</v>
      </c>
      <c r="CQ16" s="27">
        <v>5.9289049901E-2</v>
      </c>
      <c r="CR16" s="27">
        <v>6.0911246528E-2</v>
      </c>
      <c r="CS16" s="27">
        <v>5.7767673036999999E-2</v>
      </c>
      <c r="CT16" s="27">
        <v>5.5528310418999999E-2</v>
      </c>
      <c r="CU16" s="27">
        <v>5.8085917234000001E-2</v>
      </c>
      <c r="CV16" s="27">
        <v>6.7820394539000003E-2</v>
      </c>
      <c r="CW16" s="27">
        <v>8.5520309720999999E-2</v>
      </c>
      <c r="CX16" s="27">
        <v>0.109790307921</v>
      </c>
      <c r="CY16" s="27">
        <v>0.13645538005399999</v>
      </c>
      <c r="CZ16" s="27">
        <v>0.15578960575799999</v>
      </c>
      <c r="DA16" s="27">
        <v>0.155237927581</v>
      </c>
      <c r="DB16" s="27">
        <v>0.129678549103</v>
      </c>
      <c r="DC16" s="27">
        <v>8.1051417708000006E-2</v>
      </c>
      <c r="DD16" s="27">
        <v>1.0540701761E-2</v>
      </c>
      <c r="DE16" s="27">
        <v>-8.2029974988000007E-2</v>
      </c>
      <c r="DF16" s="27">
        <v>-0.191490743416</v>
      </c>
      <c r="DG16" s="27">
        <v>-0.30266185337599999</v>
      </c>
      <c r="DH16" s="27">
        <v>-0.40027418866699999</v>
      </c>
      <c r="DI16" s="27">
        <v>-0.469482447616</v>
      </c>
      <c r="DJ16" s="27">
        <v>-0.480226330599</v>
      </c>
      <c r="DK16" s="27">
        <v>-0.42536278675599998</v>
      </c>
      <c r="DL16" s="27">
        <v>-0.32454423454600001</v>
      </c>
      <c r="DM16" s="27">
        <v>-0.20537729754299999</v>
      </c>
      <c r="DN16" s="27">
        <v>-9.8252354528999997E-2</v>
      </c>
      <c r="DO16" s="27">
        <v>-1.7509347298000001E-2</v>
      </c>
      <c r="DP16" s="27">
        <v>3.5487757524999997E-2</v>
      </c>
      <c r="DQ16" s="27">
        <v>6.4727281353000002E-2</v>
      </c>
      <c r="DR16" s="27">
        <v>7.7583562295999997E-2</v>
      </c>
      <c r="DS16" s="27">
        <v>8.0886080644000005E-2</v>
      </c>
      <c r="DT16" s="27">
        <v>7.8159635153000007E-2</v>
      </c>
      <c r="DU16" s="27">
        <v>7.2127347696000002E-2</v>
      </c>
      <c r="DV16" s="27">
        <v>6.3976236074000006E-2</v>
      </c>
      <c r="DW16" s="27">
        <v>5.5602227527000003E-2</v>
      </c>
      <c r="DX16" s="27">
        <v>4.8347338221E-2</v>
      </c>
      <c r="DY16" s="27">
        <v>4.3578863283000001E-2</v>
      </c>
      <c r="DZ16" s="27">
        <v>4.1357643878999997E-2</v>
      </c>
      <c r="EA16" s="27">
        <v>4.0747194140999997E-2</v>
      </c>
      <c r="EB16" s="27">
        <v>4.1782029296000001E-2</v>
      </c>
      <c r="EC16" s="27">
        <v>4.2715398500000001E-2</v>
      </c>
      <c r="ED16" s="27">
        <v>4.2684286928999997E-2</v>
      </c>
      <c r="EE16" s="27">
        <v>4.3460556752000001E-2</v>
      </c>
      <c r="EF16" s="27">
        <v>4.4803072869000003E-2</v>
      </c>
      <c r="EG16" s="27">
        <v>4.5288009102000003E-2</v>
      </c>
      <c r="EH16" s="27">
        <v>4.4042521750000001E-2</v>
      </c>
      <c r="EI16" s="27">
        <v>4.1612221727E-2</v>
      </c>
      <c r="EJ16" s="27">
        <v>3.9093086449000003E-2</v>
      </c>
      <c r="EK16" s="27">
        <v>3.82796652E-2</v>
      </c>
      <c r="EL16" s="27">
        <v>3.9024086244E-2</v>
      </c>
      <c r="EM16" s="27">
        <v>4.1130998596000001E-2</v>
      </c>
      <c r="EN16" s="27">
        <v>4.2397484981000003E-2</v>
      </c>
      <c r="EO16" s="27">
        <v>4.2202323972000001E-2</v>
      </c>
      <c r="EP16" s="27">
        <v>4.1393081935999998E-2</v>
      </c>
      <c r="EQ16" s="27">
        <v>4.1341533533999997E-2</v>
      </c>
      <c r="ER16" s="27">
        <v>4.3044588367000002E-2</v>
      </c>
      <c r="ES16" s="27">
        <v>4.7110243044000001E-2</v>
      </c>
      <c r="ET16" s="27">
        <v>5.3618909069999998E-2</v>
      </c>
      <c r="EU16" s="27">
        <v>5.9918607615000001E-2</v>
      </c>
      <c r="EV16" s="27">
        <v>6.4887240358999995E-2</v>
      </c>
      <c r="EW16" s="27">
        <v>6.6571665427999999E-2</v>
      </c>
      <c r="EX16" s="27">
        <v>6.3710914172000005E-2</v>
      </c>
      <c r="EY16" s="27">
        <v>5.4658254113000002E-2</v>
      </c>
      <c r="EZ16" s="27">
        <v>3.7576053524000001E-2</v>
      </c>
      <c r="FA16" s="27">
        <v>1.2011606871999999E-2</v>
      </c>
      <c r="FB16" s="27">
        <v>-1.9892409888999998E-2</v>
      </c>
      <c r="FC16" s="27">
        <v>-5.3437370663999999E-2</v>
      </c>
      <c r="FD16" s="27">
        <v>-7.9087221297999999E-2</v>
      </c>
      <c r="FE16" s="27">
        <v>-8.1936485540999998E-2</v>
      </c>
      <c r="FF16" s="27">
        <v>-7.0984588473999993E-2</v>
      </c>
      <c r="FG16" s="27">
        <v>-6.1322847919000001E-2</v>
      </c>
      <c r="FH16" s="27">
        <v>-6.0627869188999997E-2</v>
      </c>
      <c r="FI16" s="27">
        <v>-7.0921264752999993E-2</v>
      </c>
      <c r="FJ16" s="27">
        <v>-8.4455328846000002E-2</v>
      </c>
      <c r="FK16" s="27">
        <v>-8.6131294792999996E-2</v>
      </c>
      <c r="FL16" s="27">
        <v>-7.4020861992000003E-2</v>
      </c>
      <c r="FM16" s="27">
        <v>-5.0146708619000002E-2</v>
      </c>
      <c r="FN16" s="27">
        <v>-3.0039327793999999E-2</v>
      </c>
      <c r="FO16" s="27">
        <v>-2.2434634354000001E-2</v>
      </c>
      <c r="FP16" s="27">
        <v>-3.1941975908999998E-2</v>
      </c>
      <c r="FQ16" s="27">
        <v>-5.7244396320000002E-2</v>
      </c>
      <c r="FR16" s="27">
        <v>-9.0457354625E-2</v>
      </c>
      <c r="FS16" s="27">
        <v>-0.115355535449</v>
      </c>
      <c r="FT16" s="27">
        <v>-0.107399701606</v>
      </c>
      <c r="FU16" s="27">
        <v>-7.6981286863000001E-2</v>
      </c>
      <c r="FV16" s="27">
        <v>-4.1281619483999998E-2</v>
      </c>
      <c r="FW16" s="27">
        <v>-9.0877609429999995E-3</v>
      </c>
      <c r="FX16" s="27">
        <v>1.5228575453E-2</v>
      </c>
      <c r="FY16" s="27">
        <v>3.0719021523999999E-2</v>
      </c>
      <c r="FZ16" s="27">
        <v>3.8064012071999997E-2</v>
      </c>
      <c r="GA16" s="27">
        <v>3.9780012573999997E-2</v>
      </c>
      <c r="GB16" s="27">
        <v>3.8276339647000002E-2</v>
      </c>
      <c r="GC16" s="27">
        <v>3.5685008227999998E-2</v>
      </c>
      <c r="GD16" s="27">
        <v>3.3923081346999999E-2</v>
      </c>
      <c r="GE16" s="27">
        <v>3.4834793351000003E-2</v>
      </c>
      <c r="GF16" s="27">
        <v>4.0276129300999997E-2</v>
      </c>
      <c r="GG16" s="27">
        <v>5.2009752728E-2</v>
      </c>
      <c r="GH16" s="27">
        <v>7.1277312004000004E-2</v>
      </c>
      <c r="GI16" s="27">
        <v>0.10064626023999999</v>
      </c>
      <c r="GJ16" s="27">
        <v>0.141227580085</v>
      </c>
      <c r="GK16" s="27">
        <v>0.186468648589</v>
      </c>
      <c r="GL16" s="27">
        <v>0.22329024163299999</v>
      </c>
      <c r="GM16" s="27">
        <v>0.24083366913900001</v>
      </c>
      <c r="GN16" s="27">
        <v>0.23250753451</v>
      </c>
      <c r="GO16" s="27">
        <v>0.20006716896599999</v>
      </c>
      <c r="GP16" s="27">
        <v>0.16656649403599999</v>
      </c>
      <c r="GQ16" s="7">
        <v>0.14288022533600001</v>
      </c>
    </row>
    <row r="17" spans="1:199" ht="45" x14ac:dyDescent="0.25">
      <c r="A17" s="6" t="s">
        <v>285</v>
      </c>
      <c r="B17" s="27">
        <v>8.6709755020000001E-2</v>
      </c>
      <c r="C17" s="27">
        <v>7.6698321582999995E-2</v>
      </c>
      <c r="D17" s="27">
        <v>7.5673953177E-2</v>
      </c>
      <c r="E17" s="27">
        <v>6.1981204891000001E-2</v>
      </c>
      <c r="F17" s="27">
        <v>3.9888252181999997E-2</v>
      </c>
      <c r="G17" s="27">
        <v>1.8608133209999999E-2</v>
      </c>
      <c r="H17" s="27">
        <v>-2.4948718107000001E-2</v>
      </c>
      <c r="I17" s="27">
        <v>-8.9532745907E-2</v>
      </c>
      <c r="J17" s="27">
        <v>-0.16675142317800001</v>
      </c>
      <c r="K17" s="27">
        <v>-0.235256841464</v>
      </c>
      <c r="L17" s="27">
        <v>-0.273309287663</v>
      </c>
      <c r="M17" s="27">
        <v>-0.292542363262</v>
      </c>
      <c r="N17" s="27">
        <v>-0.29512081033400001</v>
      </c>
      <c r="O17" s="27">
        <v>-0.29185761907500002</v>
      </c>
      <c r="P17" s="27">
        <v>-0.26878012556899999</v>
      </c>
      <c r="Q17" s="27">
        <v>-0.21097694215400001</v>
      </c>
      <c r="R17" s="27">
        <v>-0.171277507341</v>
      </c>
      <c r="S17" s="27">
        <v>-0.18321449943199999</v>
      </c>
      <c r="T17" s="27">
        <v>-0.206975016787</v>
      </c>
      <c r="U17" s="27">
        <v>-0.211175246889</v>
      </c>
      <c r="V17" s="27">
        <v>-0.173566934285</v>
      </c>
      <c r="W17" s="27">
        <v>-7.4885088215000006E-2</v>
      </c>
      <c r="X17" s="27">
        <v>8.3987770540000003E-3</v>
      </c>
      <c r="Y17" s="27">
        <v>3.4618729820999998E-2</v>
      </c>
      <c r="Z17" s="27">
        <v>7.4407199610000002E-3</v>
      </c>
      <c r="AA17" s="27">
        <v>-5.7665647245E-2</v>
      </c>
      <c r="AB17" s="27">
        <v>-0.14745571217100001</v>
      </c>
      <c r="AC17" s="27">
        <v>-0.27466760506499999</v>
      </c>
      <c r="AD17" s="27">
        <v>-0.39635700550500003</v>
      </c>
      <c r="AE17" s="27">
        <v>-0.481456603594</v>
      </c>
      <c r="AF17" s="27">
        <v>-0.49573252848499999</v>
      </c>
      <c r="AG17" s="27">
        <v>-0.42533911094499999</v>
      </c>
      <c r="AH17" s="27">
        <v>-0.32424840016599998</v>
      </c>
      <c r="AI17" s="27">
        <v>-0.20513698363499999</v>
      </c>
      <c r="AJ17" s="27">
        <v>-0.101644387563</v>
      </c>
      <c r="AK17" s="27">
        <v>-4.5139996724999999E-2</v>
      </c>
      <c r="AL17" s="27">
        <v>-1.1011248329999999E-3</v>
      </c>
      <c r="AM17" s="27">
        <v>5.8609570893E-2</v>
      </c>
      <c r="AN17" s="27">
        <v>0.159874592462</v>
      </c>
      <c r="AO17" s="27">
        <v>0.26393726850600002</v>
      </c>
      <c r="AP17" s="27">
        <v>0.33104664558300001</v>
      </c>
      <c r="AQ17" s="27">
        <v>0.34869791040600001</v>
      </c>
      <c r="AR17" s="27">
        <v>0.32692924393799999</v>
      </c>
      <c r="AS17" s="27">
        <v>0.30034469654700002</v>
      </c>
      <c r="AT17" s="27">
        <v>0.28430746512799998</v>
      </c>
      <c r="AU17" s="27">
        <v>0.26972695134199998</v>
      </c>
      <c r="AV17" s="27">
        <v>0.25399990431199998</v>
      </c>
      <c r="AW17" s="27">
        <v>0.231832224596</v>
      </c>
      <c r="AX17" s="27">
        <v>0.18887285357299999</v>
      </c>
      <c r="AY17" s="27">
        <v>0.119739849473</v>
      </c>
      <c r="AZ17" s="27">
        <v>4.7428680803000001E-2</v>
      </c>
      <c r="BA17" s="27">
        <v>-5.954148175E-3</v>
      </c>
      <c r="BB17" s="27">
        <v>-3.8415173620999998E-2</v>
      </c>
      <c r="BC17" s="27">
        <v>-4.1389919630999999E-2</v>
      </c>
      <c r="BD17" s="27">
        <v>-2.9736844496E-2</v>
      </c>
      <c r="BE17" s="27">
        <v>7.8499034970000003E-3</v>
      </c>
      <c r="BF17" s="27">
        <v>6.1370418598999998E-2</v>
      </c>
      <c r="BG17" s="27">
        <v>0.10462373106599999</v>
      </c>
      <c r="BH17" s="27">
        <v>0.12912146329099999</v>
      </c>
      <c r="BI17" s="27">
        <v>0.117500098129</v>
      </c>
      <c r="BJ17" s="27">
        <v>8.1987378962999999E-2</v>
      </c>
      <c r="BK17" s="27">
        <v>4.7923106824E-2</v>
      </c>
      <c r="BL17" s="27">
        <v>1.9298070258E-2</v>
      </c>
      <c r="BM17" s="27">
        <v>8.7972168040000003E-3</v>
      </c>
      <c r="BN17" s="27">
        <v>2.2271429002E-2</v>
      </c>
      <c r="BO17" s="27">
        <v>3.9670869275999998E-2</v>
      </c>
      <c r="BP17" s="27">
        <v>4.8156214449999998E-2</v>
      </c>
      <c r="BQ17" s="27">
        <v>4.8613919143999998E-2</v>
      </c>
      <c r="BR17" s="27">
        <v>5.1730149604999998E-2</v>
      </c>
      <c r="BS17" s="27">
        <v>6.4467155922000002E-2</v>
      </c>
      <c r="BT17" s="27">
        <v>8.9593320919999997E-2</v>
      </c>
      <c r="BU17" s="27">
        <v>9.7970306386000003E-2</v>
      </c>
      <c r="BV17" s="27">
        <v>8.6569696799999998E-2</v>
      </c>
      <c r="BW17" s="27">
        <v>6.1859020296000003E-2</v>
      </c>
      <c r="BX17" s="27">
        <v>3.4623722145000001E-2</v>
      </c>
      <c r="BY17" s="27">
        <v>8.3892859969999997E-3</v>
      </c>
      <c r="BZ17" s="27">
        <v>-4.9121214640000001E-3</v>
      </c>
      <c r="CA17" s="27">
        <v>1.0842982934E-2</v>
      </c>
      <c r="CB17" s="27">
        <v>6.2522275742999997E-2</v>
      </c>
      <c r="CC17" s="27">
        <v>0.128826211213</v>
      </c>
      <c r="CD17" s="27">
        <v>0.18834316399199999</v>
      </c>
      <c r="CE17" s="27">
        <v>0.22303109287799999</v>
      </c>
      <c r="CF17" s="27">
        <v>0.228272109483</v>
      </c>
      <c r="CG17" s="27">
        <v>0.21406259458499999</v>
      </c>
      <c r="CH17" s="27">
        <v>0.19049744187500001</v>
      </c>
      <c r="CI17" s="27">
        <v>0.17026868637500001</v>
      </c>
      <c r="CJ17" s="27">
        <v>0.15739049334300001</v>
      </c>
      <c r="CK17" s="27">
        <v>0.15694871261000001</v>
      </c>
      <c r="CL17" s="27">
        <v>0.13882195844799999</v>
      </c>
      <c r="CM17" s="27">
        <v>9.8138166673000002E-2</v>
      </c>
      <c r="CN17" s="27">
        <v>4.9806411494000002E-2</v>
      </c>
      <c r="CO17" s="27">
        <v>4.4406232540000002E-3</v>
      </c>
      <c r="CP17" s="27">
        <v>-2.6319594403E-2</v>
      </c>
      <c r="CQ17" s="27">
        <v>-7.0709244052999998E-2</v>
      </c>
      <c r="CR17" s="27">
        <v>-0.12768320597300001</v>
      </c>
      <c r="CS17" s="27">
        <v>-0.16433578713499999</v>
      </c>
      <c r="CT17" s="27">
        <v>-0.18365764134900001</v>
      </c>
      <c r="CU17" s="27">
        <v>-0.165627807727</v>
      </c>
      <c r="CV17" s="27">
        <v>-0.13978122799500001</v>
      </c>
      <c r="CW17" s="27">
        <v>-0.13820990814199999</v>
      </c>
      <c r="CX17" s="27">
        <v>-0.20734727841100001</v>
      </c>
      <c r="CY17" s="27">
        <v>-0.34578632842500001</v>
      </c>
      <c r="CZ17" s="27">
        <v>-0.51412952114300003</v>
      </c>
      <c r="DA17" s="27">
        <v>-0.68785053001300001</v>
      </c>
      <c r="DB17" s="27">
        <v>-0.86299891959499997</v>
      </c>
      <c r="DC17" s="27">
        <v>-0.96746771688199995</v>
      </c>
      <c r="DD17" s="27">
        <v>-0.91296818229700005</v>
      </c>
      <c r="DE17" s="27">
        <v>-0.74871296584799996</v>
      </c>
      <c r="DF17" s="27">
        <v>-0.54187853800600005</v>
      </c>
      <c r="DG17" s="27">
        <v>-0.31063842558900001</v>
      </c>
      <c r="DH17" s="27">
        <v>-4.6049052096E-2</v>
      </c>
      <c r="DI17" s="27">
        <v>0.21774261026399999</v>
      </c>
      <c r="DJ17" s="27">
        <v>0.39404396528399999</v>
      </c>
      <c r="DK17" s="27">
        <v>0.48428405076199998</v>
      </c>
      <c r="DL17" s="27">
        <v>0.51811386760800004</v>
      </c>
      <c r="DM17" s="27">
        <v>0.51376376021699999</v>
      </c>
      <c r="DN17" s="27">
        <v>0.46121000586700001</v>
      </c>
      <c r="DO17" s="27">
        <v>0.38209743835600002</v>
      </c>
      <c r="DP17" s="27">
        <v>0.29484406785200001</v>
      </c>
      <c r="DQ17" s="27">
        <v>0.209087551787</v>
      </c>
      <c r="DR17" s="27">
        <v>0.129004804764</v>
      </c>
      <c r="DS17" s="27">
        <v>6.0455284834999998E-2</v>
      </c>
      <c r="DT17" s="27">
        <v>8.7378290710000001E-3</v>
      </c>
      <c r="DU17" s="27">
        <v>-5.5927301339999999E-2</v>
      </c>
      <c r="DV17" s="27">
        <v>-0.11530788131</v>
      </c>
      <c r="DW17" s="27">
        <v>-0.114827359723</v>
      </c>
      <c r="DX17" s="27">
        <v>-5.1535500523000002E-2</v>
      </c>
      <c r="DY17" s="27">
        <v>4.7943606238000001E-2</v>
      </c>
      <c r="DZ17" s="27">
        <v>0.15409278647899999</v>
      </c>
      <c r="EA17" s="27">
        <v>0.23641855740600001</v>
      </c>
      <c r="EB17" s="27">
        <v>0.278044948683</v>
      </c>
      <c r="EC17" s="27">
        <v>0.280215359361</v>
      </c>
      <c r="ED17" s="27">
        <v>0.24069914433799999</v>
      </c>
      <c r="EE17" s="27">
        <v>0.164277841727</v>
      </c>
      <c r="EF17" s="27">
        <v>6.3186622891999999E-2</v>
      </c>
      <c r="EG17" s="27">
        <v>-4.0342077107000003E-2</v>
      </c>
      <c r="EH17" s="27">
        <v>-0.14558652525099999</v>
      </c>
      <c r="EI17" s="27">
        <v>-0.23583560340199999</v>
      </c>
      <c r="EJ17" s="27">
        <v>-0.28509227879299998</v>
      </c>
      <c r="EK17" s="27">
        <v>-0.29192049107599999</v>
      </c>
      <c r="EL17" s="27">
        <v>-0.21414669612199999</v>
      </c>
      <c r="EM17" s="27">
        <v>-9.6849845611999996E-2</v>
      </c>
      <c r="EN17" s="27">
        <v>1.4838481104E-2</v>
      </c>
      <c r="EO17" s="27">
        <v>0.10153069186999999</v>
      </c>
      <c r="EP17" s="27">
        <v>0.15022985924099999</v>
      </c>
      <c r="EQ17" s="27">
        <v>0.14603157604100001</v>
      </c>
      <c r="ER17" s="27">
        <v>9.7054470810000001E-2</v>
      </c>
      <c r="ES17" s="27">
        <v>2.9212039629E-2</v>
      </c>
      <c r="ET17" s="27">
        <v>-2.1673717089999999E-2</v>
      </c>
      <c r="EU17" s="27">
        <v>-3.1466946437000001E-2</v>
      </c>
      <c r="EV17" s="27">
        <v>-1.2576905637000001E-2</v>
      </c>
      <c r="EW17" s="27">
        <v>4.6479870499999999E-3</v>
      </c>
      <c r="EX17" s="27">
        <v>7.3134428069999997E-3</v>
      </c>
      <c r="EY17" s="27">
        <v>2.7807231599999999E-3</v>
      </c>
      <c r="EZ17" s="27">
        <v>1.5153136823000001E-2</v>
      </c>
      <c r="FA17" s="27">
        <v>5.6312919085000003E-2</v>
      </c>
      <c r="FB17" s="27">
        <v>0.100576385019</v>
      </c>
      <c r="FC17" s="27">
        <v>0.127560346085</v>
      </c>
      <c r="FD17" s="27">
        <v>0.13747407219999999</v>
      </c>
      <c r="FE17" s="27">
        <v>0.132031431841</v>
      </c>
      <c r="FF17" s="27">
        <v>0.117163292802</v>
      </c>
      <c r="FG17" s="27">
        <v>9.2021591708999997E-2</v>
      </c>
      <c r="FH17" s="27">
        <v>7.7696061873999994E-2</v>
      </c>
      <c r="FI17" s="27">
        <v>6.7863289372999999E-2</v>
      </c>
      <c r="FJ17" s="27">
        <v>6.9300107925999999E-2</v>
      </c>
      <c r="FK17" s="27">
        <v>7.5633112057999996E-2</v>
      </c>
      <c r="FL17" s="27">
        <v>7.5733331084000002E-2</v>
      </c>
      <c r="FM17" s="27">
        <v>6.1570218874999999E-2</v>
      </c>
      <c r="FN17" s="27">
        <v>4.3699101157E-2</v>
      </c>
      <c r="FO17" s="27">
        <v>3.1508702715000003E-2</v>
      </c>
      <c r="FP17" s="27">
        <v>2.9532400651999999E-2</v>
      </c>
      <c r="FQ17" s="27">
        <v>2.8341626147000001E-2</v>
      </c>
      <c r="FR17" s="27">
        <v>3.0438871494E-2</v>
      </c>
      <c r="FS17" s="27">
        <v>2.7677949851999999E-2</v>
      </c>
      <c r="FT17" s="27">
        <v>1.3185957171999999E-2</v>
      </c>
      <c r="FU17" s="27">
        <v>-3.5303833340000002E-3</v>
      </c>
      <c r="FV17" s="27">
        <v>-1.0663302748E-2</v>
      </c>
      <c r="FW17" s="27">
        <v>-1.0339807455000001E-2</v>
      </c>
      <c r="FX17" s="27">
        <v>1.93134504E-3</v>
      </c>
      <c r="FY17" s="27">
        <v>-3.3325454500000001E-3</v>
      </c>
      <c r="FZ17" s="27">
        <v>-1.5236077883E-2</v>
      </c>
      <c r="GA17" s="27">
        <v>-2.6962402797999999E-2</v>
      </c>
      <c r="GB17" s="27">
        <v>-5.0853134964999998E-2</v>
      </c>
      <c r="GC17" s="27">
        <v>-8.1865536170000003E-2</v>
      </c>
      <c r="GD17" s="27">
        <v>-0.120769001386</v>
      </c>
      <c r="GE17" s="27">
        <v>-0.16440545829100001</v>
      </c>
      <c r="GF17" s="27">
        <v>-0.20194667368200001</v>
      </c>
      <c r="GG17" s="27">
        <v>-0.22462231943700001</v>
      </c>
      <c r="GH17" s="27">
        <v>-0.219739990946</v>
      </c>
      <c r="GI17" s="27">
        <v>-0.19075617900399999</v>
      </c>
      <c r="GJ17" s="27">
        <v>-0.177376441015</v>
      </c>
      <c r="GK17" s="27">
        <v>-0.176884430393</v>
      </c>
      <c r="GL17" s="27">
        <v>-0.15725400147900001</v>
      </c>
      <c r="GM17" s="27">
        <v>-9.3697270205000002E-2</v>
      </c>
      <c r="GN17" s="27">
        <v>-2.0621122036E-2</v>
      </c>
      <c r="GO17" s="27">
        <v>1.9323868702999999E-2</v>
      </c>
      <c r="GP17" s="27">
        <v>3.1432029248000003E-2</v>
      </c>
      <c r="GQ17" s="7">
        <v>3.5291566736999999E-2</v>
      </c>
    </row>
    <row r="18" spans="1:199" ht="45" x14ac:dyDescent="0.25">
      <c r="A18" s="6" t="s">
        <v>282</v>
      </c>
      <c r="B18" s="27"/>
      <c r="C18" s="27"/>
      <c r="D18" s="27"/>
      <c r="E18" s="27"/>
      <c r="F18" s="27"/>
      <c r="G18" s="27"/>
      <c r="H18" s="27"/>
      <c r="I18" s="27"/>
      <c r="J18" s="27"/>
      <c r="K18" s="27"/>
      <c r="L18" s="27"/>
      <c r="M18" s="27"/>
      <c r="N18" s="27"/>
      <c r="O18" s="27"/>
      <c r="P18" s="27"/>
      <c r="Q18" s="27"/>
      <c r="R18" s="27"/>
      <c r="S18" s="27"/>
      <c r="T18" s="27"/>
      <c r="U18" s="27"/>
      <c r="V18" s="27"/>
      <c r="W18" s="27"/>
      <c r="X18" s="27"/>
      <c r="Y18" s="27"/>
      <c r="Z18" s="27"/>
      <c r="AA18" s="27"/>
      <c r="AB18" s="27"/>
      <c r="AC18" s="27"/>
      <c r="AD18" s="27"/>
      <c r="AE18" s="27"/>
      <c r="AF18" s="27"/>
      <c r="AG18" s="27"/>
      <c r="AH18" s="27"/>
      <c r="AI18" s="27"/>
      <c r="AJ18" s="27"/>
      <c r="AK18" s="27"/>
      <c r="AL18" s="27"/>
      <c r="AM18" s="27"/>
      <c r="AN18" s="27"/>
      <c r="AO18" s="27"/>
      <c r="AP18" s="27"/>
      <c r="AQ18" s="27"/>
      <c r="AR18" s="27"/>
      <c r="AS18" s="27"/>
      <c r="AT18" s="27"/>
      <c r="AU18" s="27"/>
      <c r="AV18" s="27"/>
      <c r="AW18" s="27"/>
      <c r="AX18" s="27"/>
      <c r="AY18" s="27">
        <v>0.106461796681</v>
      </c>
      <c r="AZ18" s="27">
        <v>0.11158749912599999</v>
      </c>
      <c r="BA18" s="27">
        <v>0.134691906921</v>
      </c>
      <c r="BB18" s="27">
        <v>0.133146695521</v>
      </c>
      <c r="BC18" s="27">
        <v>0.112169440563</v>
      </c>
      <c r="BD18" s="27">
        <v>8.4126005037000004E-2</v>
      </c>
      <c r="BE18" s="27">
        <v>6.0401767006000001E-2</v>
      </c>
      <c r="BF18" s="27">
        <v>4.1978792102999998E-2</v>
      </c>
      <c r="BG18" s="27">
        <v>3.0620674684E-2</v>
      </c>
      <c r="BH18" s="27">
        <v>3.0412019783999999E-2</v>
      </c>
      <c r="BI18" s="27">
        <v>2.9560773533999999E-2</v>
      </c>
      <c r="BJ18" s="27">
        <v>2.8950660116000001E-2</v>
      </c>
      <c r="BK18" s="27">
        <v>2.2080250459999999E-2</v>
      </c>
      <c r="BL18" s="27">
        <v>6.289765038E-3</v>
      </c>
      <c r="BM18" s="27">
        <v>-7.2868543449999996E-3</v>
      </c>
      <c r="BN18" s="27">
        <v>-1.4209658635000001E-2</v>
      </c>
      <c r="BO18" s="27">
        <v>-1.2477771306E-2</v>
      </c>
      <c r="BP18" s="27">
        <v>3.1586262460000002E-3</v>
      </c>
      <c r="BQ18" s="27">
        <v>3.3359147913000001E-2</v>
      </c>
      <c r="BR18" s="27">
        <v>6.9921000304999995E-2</v>
      </c>
      <c r="BS18" s="27">
        <v>9.8439592303999998E-2</v>
      </c>
      <c r="BT18" s="27">
        <v>0.110441025549</v>
      </c>
      <c r="BU18" s="27">
        <v>0.113464626205</v>
      </c>
      <c r="BV18" s="27">
        <v>0.107001542151</v>
      </c>
      <c r="BW18" s="27">
        <v>9.7260951691000005E-2</v>
      </c>
      <c r="BX18" s="27">
        <v>9.1626884490000005E-2</v>
      </c>
      <c r="BY18" s="27">
        <v>8.4707089543999997E-2</v>
      </c>
      <c r="BZ18" s="27">
        <v>8.3855431600999994E-2</v>
      </c>
      <c r="CA18" s="27">
        <v>9.0558184875000003E-2</v>
      </c>
      <c r="CB18" s="27">
        <v>9.5353994159000005E-2</v>
      </c>
      <c r="CC18" s="27">
        <v>9.2562139136000005E-2</v>
      </c>
      <c r="CD18" s="27">
        <v>9.415420695E-2</v>
      </c>
      <c r="CE18" s="27">
        <v>0.100101456698</v>
      </c>
      <c r="CF18" s="27">
        <v>0.121640282578</v>
      </c>
      <c r="CG18" s="27">
        <v>0.144287257788</v>
      </c>
      <c r="CH18" s="27">
        <v>0.13453639728299999</v>
      </c>
      <c r="CI18" s="27">
        <v>0.10185876645899999</v>
      </c>
      <c r="CJ18" s="27">
        <v>5.0969521832999999E-2</v>
      </c>
      <c r="CK18" s="27">
        <v>2.5425490119999998E-3</v>
      </c>
      <c r="CL18" s="27">
        <v>-3.2711592053999997E-2</v>
      </c>
      <c r="CM18" s="27">
        <v>-4.8254011919999999E-2</v>
      </c>
      <c r="CN18" s="27">
        <v>-5.1355223656000003E-2</v>
      </c>
      <c r="CO18" s="27">
        <v>-4.9504897526999998E-2</v>
      </c>
      <c r="CP18" s="27">
        <v>-5.4128685024999998E-2</v>
      </c>
      <c r="CQ18" s="27">
        <v>-6.2691192017999997E-2</v>
      </c>
      <c r="CR18" s="27">
        <v>-8.9485586502000003E-2</v>
      </c>
      <c r="CS18" s="27">
        <v>-0.13713438001200001</v>
      </c>
      <c r="CT18" s="27">
        <v>-0.19490249681499999</v>
      </c>
      <c r="CU18" s="27">
        <v>-0.253140280213</v>
      </c>
      <c r="CV18" s="27">
        <v>-0.28644331590599997</v>
      </c>
      <c r="CW18" s="27">
        <v>-0.31023144669000002</v>
      </c>
      <c r="CX18" s="27">
        <v>-0.32740727777</v>
      </c>
      <c r="CY18" s="27">
        <v>-0.37932134589400002</v>
      </c>
      <c r="CZ18" s="27">
        <v>-0.465285683166</v>
      </c>
      <c r="DA18" s="27">
        <v>-0.57853327136800003</v>
      </c>
      <c r="DB18" s="27">
        <v>-0.70533751406800005</v>
      </c>
      <c r="DC18" s="27">
        <v>-0.774030467497</v>
      </c>
      <c r="DD18" s="27">
        <v>-0.72062369732099996</v>
      </c>
      <c r="DE18" s="27">
        <v>-0.58258873807</v>
      </c>
      <c r="DF18" s="27">
        <v>-0.38503600272400001</v>
      </c>
      <c r="DG18" s="27">
        <v>-0.16677975041500001</v>
      </c>
      <c r="DH18" s="27">
        <v>4.5963154574999998E-2</v>
      </c>
      <c r="DI18" s="27">
        <v>0.206811380214</v>
      </c>
      <c r="DJ18" s="27">
        <v>0.30393008189100001</v>
      </c>
      <c r="DK18" s="27">
        <v>0.36696386154999999</v>
      </c>
      <c r="DL18" s="27">
        <v>0.39959668199999998</v>
      </c>
      <c r="DM18" s="27">
        <v>0.40598529342700002</v>
      </c>
      <c r="DN18" s="27">
        <v>0.40052159013999999</v>
      </c>
      <c r="DO18" s="27">
        <v>0.38791951358499999</v>
      </c>
      <c r="DP18" s="27">
        <v>0.38804430841199999</v>
      </c>
      <c r="DQ18" s="27">
        <v>0.41496077513899998</v>
      </c>
      <c r="DR18" s="27">
        <v>0.45015171662800002</v>
      </c>
      <c r="DS18" s="27">
        <v>0.495498806663</v>
      </c>
      <c r="DT18" s="27">
        <v>0.51521104702800002</v>
      </c>
      <c r="DU18" s="27">
        <v>0.48641042254599998</v>
      </c>
      <c r="DV18" s="27">
        <v>0.41574692535800001</v>
      </c>
      <c r="DW18" s="27">
        <v>0.32433852998000001</v>
      </c>
      <c r="DX18" s="27">
        <v>0.23663766959099999</v>
      </c>
      <c r="DY18" s="27">
        <v>0.163817230565</v>
      </c>
      <c r="DZ18" s="27">
        <v>0.110868521373</v>
      </c>
      <c r="EA18" s="27">
        <v>7.2901492848999994E-2</v>
      </c>
      <c r="EB18" s="27">
        <v>4.1052971229999999E-2</v>
      </c>
      <c r="EC18" s="27">
        <v>6.8257395480000004E-3</v>
      </c>
      <c r="ED18" s="27">
        <v>-3.3852103022E-2</v>
      </c>
      <c r="EE18" s="27">
        <v>-7.5621410804999997E-2</v>
      </c>
      <c r="EF18" s="27">
        <v>-0.111503940919</v>
      </c>
      <c r="EG18" s="27">
        <v>-0.131093357661</v>
      </c>
      <c r="EH18" s="27">
        <v>-0.13716926555200001</v>
      </c>
      <c r="EI18" s="27">
        <v>-0.147471809004</v>
      </c>
      <c r="EJ18" s="27">
        <v>-0.15968108285999999</v>
      </c>
      <c r="EK18" s="27">
        <v>-0.16482828383799999</v>
      </c>
      <c r="EL18" s="27">
        <v>-0.141790639977</v>
      </c>
      <c r="EM18" s="27">
        <v>-0.106979732328</v>
      </c>
      <c r="EN18" s="27">
        <v>-6.7916951062000006E-2</v>
      </c>
      <c r="EO18" s="27">
        <v>-4.3063079099E-2</v>
      </c>
      <c r="EP18" s="27">
        <v>-2.6978368478E-2</v>
      </c>
      <c r="EQ18" s="27">
        <v>-2.7060726603000001E-2</v>
      </c>
      <c r="ER18" s="27">
        <v>-3.8892454212999999E-2</v>
      </c>
      <c r="ES18" s="27">
        <v>-4.1832598872999997E-2</v>
      </c>
      <c r="ET18" s="27">
        <v>-2.2981582811999999E-2</v>
      </c>
      <c r="EU18" s="27">
        <v>2.0131560667999999E-2</v>
      </c>
      <c r="EV18" s="27">
        <v>6.7804036314000005E-2</v>
      </c>
      <c r="EW18" s="27">
        <v>0.10748755026700001</v>
      </c>
      <c r="EX18" s="27">
        <v>0.13009669268099999</v>
      </c>
      <c r="EY18" s="27">
        <v>0.140487517704</v>
      </c>
      <c r="EZ18" s="27">
        <v>0.136443576476</v>
      </c>
      <c r="FA18" s="27">
        <v>0.11791160613</v>
      </c>
      <c r="FB18" s="27">
        <v>8.3187502859000007E-2</v>
      </c>
      <c r="FC18" s="27">
        <v>3.5241342531000003E-2</v>
      </c>
      <c r="FD18" s="27">
        <v>-1.6406421532999999E-2</v>
      </c>
      <c r="FE18" s="27">
        <v>-6.7847828898000007E-2</v>
      </c>
      <c r="FF18" s="27">
        <v>-0.118528882888</v>
      </c>
      <c r="FG18" s="27">
        <v>-0.168807342438</v>
      </c>
      <c r="FH18" s="27">
        <v>-0.20959141839600001</v>
      </c>
      <c r="FI18" s="27">
        <v>-0.240680650513</v>
      </c>
      <c r="FJ18" s="27">
        <v>-0.25498551087900001</v>
      </c>
      <c r="FK18" s="27">
        <v>-0.22392123465200001</v>
      </c>
      <c r="FL18" s="27">
        <v>-0.15626866311099999</v>
      </c>
      <c r="FM18" s="27">
        <v>-7.4708331983999995E-2</v>
      </c>
      <c r="FN18" s="27">
        <v>-1.0442970459000001E-2</v>
      </c>
      <c r="FO18" s="27">
        <v>3.8396212595E-2</v>
      </c>
      <c r="FP18" s="27">
        <v>6.7309369849999995E-2</v>
      </c>
      <c r="FQ18" s="27">
        <v>8.1786664260999994E-2</v>
      </c>
      <c r="FR18" s="27">
        <v>9.0708457140999996E-2</v>
      </c>
      <c r="FS18" s="27">
        <v>9.8914023488000005E-2</v>
      </c>
      <c r="FT18" s="27">
        <v>9.7923945419E-2</v>
      </c>
      <c r="FU18" s="27">
        <v>7.5837478863999996E-2</v>
      </c>
      <c r="FV18" s="27">
        <v>2.4451060691E-2</v>
      </c>
      <c r="FW18" s="27">
        <v>-4.2672306939000003E-2</v>
      </c>
      <c r="FX18" s="27">
        <v>-0.110992499434</v>
      </c>
      <c r="FY18" s="27">
        <v>-0.15015027079500001</v>
      </c>
      <c r="FZ18" s="27">
        <v>-0.15358708753299999</v>
      </c>
      <c r="GA18" s="27">
        <v>-0.140847734054</v>
      </c>
      <c r="GB18" s="27">
        <v>-0.11193098814499999</v>
      </c>
      <c r="GC18" s="27">
        <v>-7.0490924841999994E-2</v>
      </c>
      <c r="GD18" s="27">
        <v>-2.6171210534000001E-2</v>
      </c>
      <c r="GE18" s="27">
        <v>7.4285043620000001E-3</v>
      </c>
      <c r="GF18" s="27">
        <v>3.1370094773999997E-2</v>
      </c>
      <c r="GG18" s="27">
        <v>5.2876495870999997E-2</v>
      </c>
      <c r="GH18" s="27">
        <v>7.2281859219999994E-2</v>
      </c>
      <c r="GI18" s="27">
        <v>7.4022708379000005E-2</v>
      </c>
      <c r="GJ18" s="27">
        <v>4.1606548472000002E-2</v>
      </c>
      <c r="GK18" s="27">
        <v>-2.0427313700000001E-4</v>
      </c>
      <c r="GL18" s="27">
        <v>-3.2208748575000001E-2</v>
      </c>
      <c r="GM18" s="27">
        <v>-3.2872725934000001E-2</v>
      </c>
      <c r="GN18" s="27">
        <v>-4.2042768060000001E-3</v>
      </c>
      <c r="GO18" s="27">
        <v>3.0809368515000001E-2</v>
      </c>
      <c r="GP18" s="27">
        <v>4.7280490326999998E-2</v>
      </c>
      <c r="GQ18" s="7">
        <v>5.3540599257999998E-2</v>
      </c>
    </row>
    <row r="19" spans="1:199" ht="45.75" thickBot="1" x14ac:dyDescent="0.3">
      <c r="A19" s="8" t="s">
        <v>281</v>
      </c>
      <c r="B19" s="9"/>
      <c r="C19" s="9"/>
      <c r="D19" s="9"/>
      <c r="E19" s="9"/>
      <c r="F19" s="9"/>
      <c r="G19" s="9"/>
      <c r="H19" s="9"/>
      <c r="I19" s="9"/>
      <c r="J19" s="9"/>
      <c r="K19" s="9"/>
      <c r="L19" s="9"/>
      <c r="M19" s="9"/>
      <c r="N19" s="9"/>
      <c r="O19" s="9"/>
      <c r="P19" s="9"/>
      <c r="Q19" s="9"/>
      <c r="R19" s="9">
        <v>-0.14105064076900001</v>
      </c>
      <c r="S19" s="9">
        <v>-0.10947843761999999</v>
      </c>
      <c r="T19" s="9">
        <v>-9.3014296452999995E-2</v>
      </c>
      <c r="U19" s="9">
        <v>-0.15707412249800001</v>
      </c>
      <c r="V19" s="9">
        <v>-0.28207528813499999</v>
      </c>
      <c r="W19" s="9">
        <v>-0.37281789339100002</v>
      </c>
      <c r="X19" s="9">
        <v>-0.41340427286699999</v>
      </c>
      <c r="Y19" s="9">
        <v>-0.42265484087499999</v>
      </c>
      <c r="Z19" s="9">
        <v>-0.38848383772299999</v>
      </c>
      <c r="AA19" s="9">
        <v>-0.26497444693900002</v>
      </c>
      <c r="AB19" s="9">
        <v>-7.1602559649000003E-2</v>
      </c>
      <c r="AC19" s="9">
        <v>0.10200119144</v>
      </c>
      <c r="AD19" s="9">
        <v>0.226484056908</v>
      </c>
      <c r="AE19" s="9">
        <v>0.28605621105200002</v>
      </c>
      <c r="AF19" s="9">
        <v>0.29638551035499999</v>
      </c>
      <c r="AG19" s="9">
        <v>0.25665517066400001</v>
      </c>
      <c r="AH19" s="9">
        <v>0.17036773734800001</v>
      </c>
      <c r="AI19" s="9">
        <v>6.2530323451E-2</v>
      </c>
      <c r="AJ19" s="9">
        <v>-7.2313284024000002E-2</v>
      </c>
      <c r="AK19" s="9">
        <v>-0.23437170869099999</v>
      </c>
      <c r="AL19" s="9">
        <v>-0.34557831825300001</v>
      </c>
      <c r="AM19" s="9">
        <v>-0.35049091175199998</v>
      </c>
      <c r="AN19" s="9">
        <v>-0.25634230274999997</v>
      </c>
      <c r="AO19" s="9">
        <v>-9.9901115346000005E-2</v>
      </c>
      <c r="AP19" s="9">
        <v>-3.0485483860000001E-3</v>
      </c>
      <c r="AQ19" s="9">
        <v>4.0333396858999997E-2</v>
      </c>
      <c r="AR19" s="9">
        <v>3.2695461269999997E-2</v>
      </c>
      <c r="AS19" s="9">
        <v>-4.4118678699999999E-4</v>
      </c>
      <c r="AT19" s="9">
        <v>-3.3136037112E-2</v>
      </c>
      <c r="AU19" s="9">
        <v>-5.3461834804999997E-2</v>
      </c>
      <c r="AV19" s="9">
        <v>-6.7731325430000003E-2</v>
      </c>
      <c r="AW19" s="9">
        <v>-5.7075648510999999E-2</v>
      </c>
      <c r="AX19" s="9">
        <v>-1.6512591239999999E-2</v>
      </c>
      <c r="AY19" s="9">
        <v>1.6838827210999999E-2</v>
      </c>
      <c r="AZ19" s="9">
        <v>3.2844227465E-2</v>
      </c>
      <c r="BA19" s="9">
        <v>4.7116410256000003E-2</v>
      </c>
      <c r="BB19" s="9">
        <v>3.5472735895000003E-2</v>
      </c>
      <c r="BC19" s="9">
        <v>4.3343823730000001E-3</v>
      </c>
      <c r="BD19" s="9">
        <v>-1.3394450864E-2</v>
      </c>
      <c r="BE19" s="9">
        <v>2.4139310309999999E-2</v>
      </c>
      <c r="BF19" s="9">
        <v>0.105708699882</v>
      </c>
      <c r="BG19" s="9">
        <v>0.18024268885299999</v>
      </c>
      <c r="BH19" s="9">
        <v>0.24412544726400001</v>
      </c>
      <c r="BI19" s="9">
        <v>0.270049507656</v>
      </c>
      <c r="BJ19" s="9">
        <v>0.230978809644</v>
      </c>
      <c r="BK19" s="9">
        <v>0.12809930477699999</v>
      </c>
      <c r="BL19" s="9">
        <v>-1.6723049005999999E-2</v>
      </c>
      <c r="BM19" s="9">
        <v>-0.110231955635</v>
      </c>
      <c r="BN19" s="9">
        <v>-0.12443217003900001</v>
      </c>
      <c r="BO19" s="9">
        <v>-6.3350456432999996E-2</v>
      </c>
      <c r="BP19" s="9">
        <v>2.3126838130000001E-2</v>
      </c>
      <c r="BQ19" s="9">
        <v>0.12810476830100001</v>
      </c>
      <c r="BR19" s="9">
        <v>0.24854560949400001</v>
      </c>
      <c r="BS19" s="9">
        <v>0.32188048374099998</v>
      </c>
      <c r="BT19" s="9">
        <v>0.34768636102</v>
      </c>
      <c r="BU19" s="9">
        <v>0.340488824824</v>
      </c>
      <c r="BV19" s="9">
        <v>0.30727612930199999</v>
      </c>
      <c r="BW19" s="9">
        <v>0.25156049959799998</v>
      </c>
      <c r="BX19" s="9">
        <v>0.17672436815100001</v>
      </c>
      <c r="BY19" s="9">
        <v>0.10040978314399999</v>
      </c>
      <c r="BZ19" s="9">
        <v>4.9733637071000002E-2</v>
      </c>
      <c r="CA19" s="9">
        <v>2.6222302608E-2</v>
      </c>
      <c r="CB19" s="9">
        <v>1.7155295431999999E-2</v>
      </c>
      <c r="CC19" s="9">
        <v>-2.7573807940000001E-3</v>
      </c>
      <c r="CD19" s="9">
        <v>-2.4805779726999998E-2</v>
      </c>
      <c r="CE19" s="9">
        <v>-5.5241581645000003E-2</v>
      </c>
      <c r="CF19" s="9">
        <v>-9.0333490505000003E-2</v>
      </c>
      <c r="CG19" s="9">
        <v>-0.10543038616</v>
      </c>
      <c r="CH19" s="9">
        <v>-9.0748667485999995E-2</v>
      </c>
      <c r="CI19" s="9">
        <v>-4.1071347175000002E-2</v>
      </c>
      <c r="CJ19" s="9">
        <v>5.9112787740000002E-3</v>
      </c>
      <c r="CK19" s="9">
        <v>3.4805187630999997E-2</v>
      </c>
      <c r="CL19" s="9">
        <v>3.8700455814000001E-2</v>
      </c>
      <c r="CM19" s="9">
        <v>2.5874761768999999E-2</v>
      </c>
      <c r="CN19" s="9">
        <v>1.1375987549000001E-2</v>
      </c>
      <c r="CO19" s="9">
        <v>-3.6428877470000001E-3</v>
      </c>
      <c r="CP19" s="9">
        <v>-2.2684002976000001E-2</v>
      </c>
      <c r="CQ19" s="9">
        <v>-2.4672563783E-2</v>
      </c>
      <c r="CR19" s="9">
        <v>-2.7627053041000001E-2</v>
      </c>
      <c r="CS19" s="9">
        <v>-5.0566242402E-2</v>
      </c>
      <c r="CT19" s="9">
        <v>-0.11337506366199999</v>
      </c>
      <c r="CU19" s="9">
        <v>-0.208947649974</v>
      </c>
      <c r="CV19" s="9">
        <v>-0.32509759604799998</v>
      </c>
      <c r="CW19" s="9">
        <v>-0.43970326671999999</v>
      </c>
      <c r="CX19" s="9">
        <v>-0.50826157505500003</v>
      </c>
      <c r="CY19" s="9">
        <v>-0.519643486707</v>
      </c>
      <c r="CZ19" s="9">
        <v>-0.48286727982299998</v>
      </c>
      <c r="DA19" s="9">
        <v>-0.42269060926399998</v>
      </c>
      <c r="DB19" s="9">
        <v>-0.36775560837499999</v>
      </c>
      <c r="DC19" s="9">
        <v>-0.31545539076899998</v>
      </c>
      <c r="DD19" s="9">
        <v>-0.25877208501900001</v>
      </c>
      <c r="DE19" s="9">
        <v>-0.229716730304</v>
      </c>
      <c r="DF19" s="9">
        <v>-0.186892248022</v>
      </c>
      <c r="DG19" s="9">
        <v>-0.12566063495400001</v>
      </c>
      <c r="DH19" s="9">
        <v>-5.2699899784999997E-2</v>
      </c>
      <c r="DI19" s="9">
        <v>9.3888248350000002E-3</v>
      </c>
      <c r="DJ19" s="9">
        <v>3.6587288528999999E-2</v>
      </c>
      <c r="DK19" s="9">
        <v>6.0680799260000001E-2</v>
      </c>
      <c r="DL19" s="9">
        <v>3.9921999838000002E-2</v>
      </c>
      <c r="DM19" s="9">
        <v>-2.0366486553E-2</v>
      </c>
      <c r="DN19" s="9">
        <v>-3.8745439620000002E-2</v>
      </c>
      <c r="DO19" s="9">
        <v>-1.7324185815999999E-2</v>
      </c>
      <c r="DP19" s="9">
        <v>4.3137885932999998E-2</v>
      </c>
      <c r="DQ19" s="9">
        <v>0.106495350191</v>
      </c>
      <c r="DR19" s="9">
        <v>0.17129881839300001</v>
      </c>
      <c r="DS19" s="9">
        <v>0.21885174181700001</v>
      </c>
      <c r="DT19" s="9">
        <v>0.257690829791</v>
      </c>
      <c r="DU19" s="9">
        <v>0.28973004786899997</v>
      </c>
      <c r="DV19" s="9">
        <v>0.31309166794600002</v>
      </c>
      <c r="DW19" s="9">
        <v>0.311883572878</v>
      </c>
      <c r="DX19" s="9">
        <v>0.294106947831</v>
      </c>
      <c r="DY19" s="9">
        <v>0.28232453570299998</v>
      </c>
      <c r="DZ19" s="9">
        <v>0.25949387403200003</v>
      </c>
      <c r="EA19" s="9">
        <v>0.215537693118</v>
      </c>
      <c r="EB19" s="9">
        <v>0.16614947723699999</v>
      </c>
      <c r="EC19" s="9">
        <v>0.124309983662</v>
      </c>
      <c r="ED19" s="9">
        <v>8.5287091273000007E-2</v>
      </c>
      <c r="EE19" s="9">
        <v>4.3781873912000002E-2</v>
      </c>
      <c r="EF19" s="9">
        <v>-6.7935063830000001E-3</v>
      </c>
      <c r="EG19" s="9">
        <v>-3.3461674789000001E-2</v>
      </c>
      <c r="EH19" s="9">
        <v>-2.0856769091E-2</v>
      </c>
      <c r="EI19" s="9">
        <v>5.76470933E-4</v>
      </c>
      <c r="EJ19" s="9">
        <v>-9.5947143900000002E-4</v>
      </c>
      <c r="EK19" s="9">
        <v>-1.2397078237E-2</v>
      </c>
      <c r="EL19" s="9">
        <v>-9.8939169930000008E-3</v>
      </c>
      <c r="EM19" s="9">
        <v>1.7563140503999999E-2</v>
      </c>
      <c r="EN19" s="9">
        <v>5.7463232341000002E-2</v>
      </c>
      <c r="EO19" s="9">
        <v>0.11109487112499999</v>
      </c>
      <c r="EP19" s="9">
        <v>0.15920015619899999</v>
      </c>
      <c r="EQ19" s="9">
        <v>0.16466596810699999</v>
      </c>
      <c r="ER19" s="9">
        <v>0.14245893418399999</v>
      </c>
      <c r="ES19" s="9">
        <v>0.109715827682</v>
      </c>
      <c r="ET19" s="9">
        <v>5.5608051354000002E-2</v>
      </c>
      <c r="EU19" s="9">
        <v>1.3834004916E-2</v>
      </c>
      <c r="EV19" s="9">
        <v>1.4015105030000001E-3</v>
      </c>
      <c r="EW19" s="9">
        <v>-2.4572424949999999E-3</v>
      </c>
      <c r="EX19" s="9">
        <v>8.8213399259999999E-3</v>
      </c>
      <c r="EY19" s="9">
        <v>4.9077543422999997E-2</v>
      </c>
      <c r="EZ19" s="9">
        <v>6.8989071198999996E-2</v>
      </c>
      <c r="FA19" s="9">
        <v>6.5535873194000005E-2</v>
      </c>
      <c r="FB19" s="9">
        <v>1.8534748484999999E-2</v>
      </c>
      <c r="FC19" s="9">
        <v>-4.4709890661E-2</v>
      </c>
      <c r="FD19" s="9">
        <v>-9.2546613799000005E-2</v>
      </c>
      <c r="FE19" s="9">
        <v>-0.118409269562</v>
      </c>
      <c r="FF19" s="9">
        <v>-0.13115217007800001</v>
      </c>
      <c r="FG19" s="9">
        <v>-0.135485948455</v>
      </c>
      <c r="FH19" s="9">
        <v>-0.137301253614</v>
      </c>
      <c r="FI19" s="9">
        <v>-0.18790550356800001</v>
      </c>
      <c r="FJ19" s="9">
        <v>-0.26639612331399998</v>
      </c>
      <c r="FK19" s="9">
        <v>-0.31859489993899998</v>
      </c>
      <c r="FL19" s="9">
        <v>-0.32820098154600003</v>
      </c>
      <c r="FM19" s="9">
        <v>-0.28250193836800003</v>
      </c>
      <c r="FN19" s="9">
        <v>-0.189565866296</v>
      </c>
      <c r="FO19" s="9">
        <v>-4.8186820003000001E-2</v>
      </c>
      <c r="FP19" s="9">
        <v>6.0089295748000003E-2</v>
      </c>
      <c r="FQ19" s="9">
        <v>0.106679668297</v>
      </c>
      <c r="FR19" s="9">
        <v>0.110036928837</v>
      </c>
      <c r="FS19" s="9">
        <v>0.101559454928</v>
      </c>
      <c r="FT19" s="9">
        <v>0.106018555615</v>
      </c>
      <c r="FU19" s="9">
        <v>0.12134263640200001</v>
      </c>
      <c r="FV19" s="9">
        <v>0.133291512779</v>
      </c>
      <c r="FW19" s="9">
        <v>0.122327448229</v>
      </c>
      <c r="FX19" s="9">
        <v>9.7904692498999996E-2</v>
      </c>
      <c r="FY19" s="9">
        <v>5.5955921707999998E-2</v>
      </c>
      <c r="FZ19" s="9">
        <v>2.5377963715E-2</v>
      </c>
      <c r="GA19" s="9">
        <v>1.3472767094000001E-2</v>
      </c>
      <c r="GB19" s="9">
        <v>-8.6213490539999993E-3</v>
      </c>
      <c r="GC19" s="9">
        <v>-3.4866235152999997E-2</v>
      </c>
      <c r="GD19" s="9">
        <v>-4.3704736543E-2</v>
      </c>
      <c r="GE19" s="9">
        <v>-4.3750955017999998E-2</v>
      </c>
      <c r="GF19" s="9">
        <v>-4.3903087588000003E-2</v>
      </c>
      <c r="GG19" s="9">
        <v>-2.6090938636E-2</v>
      </c>
      <c r="GH19" s="9">
        <v>3.3880236939999998E-3</v>
      </c>
      <c r="GI19" s="9">
        <v>2.3137340406999999E-2</v>
      </c>
      <c r="GJ19" s="9">
        <v>1.3922246793E-2</v>
      </c>
      <c r="GK19" s="9">
        <v>-1.8636670925000001E-2</v>
      </c>
      <c r="GL19" s="9">
        <v>-5.1815241355E-2</v>
      </c>
      <c r="GM19" s="9">
        <v>-8.0825641843000007E-2</v>
      </c>
      <c r="GN19" s="9">
        <v>-8.8080062378999999E-2</v>
      </c>
      <c r="GO19" s="9">
        <v>-7.1331615060999998E-2</v>
      </c>
      <c r="GP19" s="9">
        <v>-5.0782604508999997E-2</v>
      </c>
      <c r="GQ19" s="10"/>
    </row>
    <row r="20" spans="1:199" x14ac:dyDescent="0.25">
      <c r="A20" s="28"/>
      <c r="B20" s="28"/>
      <c r="C20" s="28"/>
      <c r="D20" s="28"/>
      <c r="E20" s="28"/>
      <c r="F20" s="28"/>
      <c r="G20" s="28"/>
      <c r="H20" s="28"/>
      <c r="I20" s="28"/>
      <c r="J20" s="28"/>
      <c r="K20" s="28"/>
      <c r="L20" s="28"/>
      <c r="M20" s="28"/>
      <c r="N20" s="28"/>
      <c r="O20" s="28"/>
      <c r="P20" s="28"/>
      <c r="Q20" s="28"/>
    </row>
    <row r="21" spans="1:199" x14ac:dyDescent="0.25">
      <c r="A21" s="29"/>
      <c r="B21" s="29"/>
      <c r="C21" s="29"/>
      <c r="D21" s="29"/>
      <c r="E21" s="29"/>
      <c r="F21" s="29"/>
      <c r="G21" s="29"/>
      <c r="H21" s="29"/>
      <c r="I21" s="29"/>
      <c r="J21" s="29"/>
      <c r="K21" s="29"/>
      <c r="L21" s="29"/>
      <c r="M21" s="29"/>
      <c r="N21" s="29"/>
      <c r="O21" s="29"/>
      <c r="P21" s="29"/>
      <c r="Q21" s="29"/>
    </row>
    <row r="22" spans="1:199" ht="15" customHeight="1" x14ac:dyDescent="0.25">
      <c r="A22" s="30" t="s">
        <v>208</v>
      </c>
      <c r="B22" s="30"/>
      <c r="C22" s="30"/>
      <c r="D22" s="30"/>
      <c r="E22" s="30"/>
      <c r="F22" s="30"/>
      <c r="G22" s="30"/>
      <c r="H22" s="30"/>
      <c r="I22" s="30"/>
      <c r="J22" s="30"/>
      <c r="K22" s="30"/>
      <c r="L22" s="30"/>
      <c r="M22" s="30"/>
      <c r="N22" s="30"/>
      <c r="O22" s="30"/>
      <c r="P22" s="30"/>
      <c r="Q22" s="30"/>
    </row>
    <row r="23" spans="1:199" x14ac:dyDescent="0.25">
      <c r="A23" s="27"/>
    </row>
    <row r="24" spans="1:199" ht="15" customHeight="1" x14ac:dyDescent="0.25">
      <c r="A24" s="29" t="s">
        <v>298</v>
      </c>
      <c r="B24" s="29"/>
    </row>
    <row r="25" spans="1:199" x14ac:dyDescent="0.25">
      <c r="A25" s="27"/>
    </row>
  </sheetData>
  <mergeCells count="6">
    <mergeCell ref="A24:B24"/>
    <mergeCell ref="A1:Q1"/>
    <mergeCell ref="A2:Q2"/>
    <mergeCell ref="A20:Q20"/>
    <mergeCell ref="A21:Q21"/>
    <mergeCell ref="A22:Q22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JD32"/>
  <sheetViews>
    <sheetView topLeftCell="GH1" zoomScale="85" zoomScaleNormal="85" workbookViewId="0">
      <selection activeCell="GH4" sqref="GH4:HC19"/>
    </sheetView>
  </sheetViews>
  <sheetFormatPr baseColWidth="10" defaultColWidth="9.140625" defaultRowHeight="15" x14ac:dyDescent="0.25"/>
  <cols>
    <col min="1" max="1" width="81.140625" customWidth="1"/>
    <col min="2" max="2" width="12.28515625" customWidth="1"/>
    <col min="3" max="190" width="12.28515625" bestFit="1" customWidth="1"/>
    <col min="191" max="199" width="12.28515625" customWidth="1"/>
  </cols>
  <sheetData>
    <row r="1" spans="1:264" x14ac:dyDescent="0.25">
      <c r="A1" s="29"/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29"/>
      <c r="O1" s="29"/>
      <c r="P1" s="29"/>
      <c r="Q1" s="29"/>
    </row>
    <row r="2" spans="1:264" ht="15.75" thickBot="1" x14ac:dyDescent="0.3">
      <c r="A2" s="30" t="s">
        <v>0</v>
      </c>
      <c r="B2" s="30"/>
      <c r="C2" s="30"/>
      <c r="D2" s="30"/>
      <c r="E2" s="30"/>
      <c r="F2" s="30"/>
      <c r="G2" s="30"/>
      <c r="H2" s="30"/>
      <c r="I2" s="30"/>
      <c r="J2" s="30"/>
      <c r="K2" s="30"/>
      <c r="L2" s="30"/>
      <c r="M2" s="30"/>
      <c r="N2" s="30"/>
      <c r="O2" s="30"/>
      <c r="P2" s="30"/>
      <c r="Q2" s="30"/>
    </row>
    <row r="3" spans="1:264" x14ac:dyDescent="0.25">
      <c r="A3" s="3" t="s">
        <v>1</v>
      </c>
      <c r="B3" s="4" t="s">
        <v>2</v>
      </c>
      <c r="C3" s="4" t="s">
        <v>3</v>
      </c>
      <c r="D3" s="4" t="s">
        <v>4</v>
      </c>
      <c r="E3" s="4" t="s">
        <v>5</v>
      </c>
      <c r="F3" s="4" t="s">
        <v>6</v>
      </c>
      <c r="G3" s="4" t="s">
        <v>7</v>
      </c>
      <c r="H3" s="4" t="s">
        <v>8</v>
      </c>
      <c r="I3" s="4" t="s">
        <v>9</v>
      </c>
      <c r="J3" s="4" t="s">
        <v>10</v>
      </c>
      <c r="K3" s="4" t="s">
        <v>11</v>
      </c>
      <c r="L3" s="4" t="s">
        <v>12</v>
      </c>
      <c r="M3" s="4" t="s">
        <v>13</v>
      </c>
      <c r="N3" s="4" t="s">
        <v>14</v>
      </c>
      <c r="O3" s="4" t="s">
        <v>15</v>
      </c>
      <c r="P3" s="4" t="s">
        <v>16</v>
      </c>
      <c r="Q3" s="4" t="s">
        <v>17</v>
      </c>
      <c r="R3" s="4" t="s">
        <v>18</v>
      </c>
      <c r="S3" s="4" t="s">
        <v>19</v>
      </c>
      <c r="T3" s="4" t="s">
        <v>20</v>
      </c>
      <c r="U3" s="4" t="s">
        <v>21</v>
      </c>
      <c r="V3" s="4" t="s">
        <v>22</v>
      </c>
      <c r="W3" s="4" t="s">
        <v>23</v>
      </c>
      <c r="X3" s="4" t="s">
        <v>24</v>
      </c>
      <c r="Y3" s="4" t="s">
        <v>25</v>
      </c>
      <c r="Z3" s="4" t="s">
        <v>26</v>
      </c>
      <c r="AA3" s="4" t="s">
        <v>27</v>
      </c>
      <c r="AB3" s="4" t="s">
        <v>28</v>
      </c>
      <c r="AC3" s="4" t="s">
        <v>29</v>
      </c>
      <c r="AD3" s="4" t="s">
        <v>30</v>
      </c>
      <c r="AE3" s="4" t="s">
        <v>31</v>
      </c>
      <c r="AF3" s="4" t="s">
        <v>32</v>
      </c>
      <c r="AG3" s="4" t="s">
        <v>33</v>
      </c>
      <c r="AH3" s="4" t="s">
        <v>34</v>
      </c>
      <c r="AI3" s="4" t="s">
        <v>35</v>
      </c>
      <c r="AJ3" s="4" t="s">
        <v>36</v>
      </c>
      <c r="AK3" s="4" t="s">
        <v>37</v>
      </c>
      <c r="AL3" s="4" t="s">
        <v>38</v>
      </c>
      <c r="AM3" s="4" t="s">
        <v>39</v>
      </c>
      <c r="AN3" s="4" t="s">
        <v>40</v>
      </c>
      <c r="AO3" s="4" t="s">
        <v>41</v>
      </c>
      <c r="AP3" s="4" t="s">
        <v>42</v>
      </c>
      <c r="AQ3" s="4" t="s">
        <v>43</v>
      </c>
      <c r="AR3" s="4" t="s">
        <v>44</v>
      </c>
      <c r="AS3" s="4" t="s">
        <v>45</v>
      </c>
      <c r="AT3" s="4" t="s">
        <v>46</v>
      </c>
      <c r="AU3" s="4" t="s">
        <v>47</v>
      </c>
      <c r="AV3" s="4" t="s">
        <v>48</v>
      </c>
      <c r="AW3" s="4" t="s">
        <v>49</v>
      </c>
      <c r="AX3" s="4" t="s">
        <v>50</v>
      </c>
      <c r="AY3" s="4" t="s">
        <v>51</v>
      </c>
      <c r="AZ3" s="4" t="s">
        <v>52</v>
      </c>
      <c r="BA3" s="4" t="s">
        <v>53</v>
      </c>
      <c r="BB3" s="4" t="s">
        <v>54</v>
      </c>
      <c r="BC3" s="4" t="s">
        <v>55</v>
      </c>
      <c r="BD3" s="4" t="s">
        <v>56</v>
      </c>
      <c r="BE3" s="4" t="s">
        <v>57</v>
      </c>
      <c r="BF3" s="4" t="s">
        <v>58</v>
      </c>
      <c r="BG3" s="4" t="s">
        <v>59</v>
      </c>
      <c r="BH3" s="4" t="s">
        <v>60</v>
      </c>
      <c r="BI3" s="4" t="s">
        <v>61</v>
      </c>
      <c r="BJ3" s="4" t="s">
        <v>62</v>
      </c>
      <c r="BK3" s="4" t="s">
        <v>63</v>
      </c>
      <c r="BL3" s="4" t="s">
        <v>64</v>
      </c>
      <c r="BM3" s="4" t="s">
        <v>65</v>
      </c>
      <c r="BN3" s="4" t="s">
        <v>66</v>
      </c>
      <c r="BO3" s="4" t="s">
        <v>67</v>
      </c>
      <c r="BP3" s="4" t="s">
        <v>68</v>
      </c>
      <c r="BQ3" s="4" t="s">
        <v>69</v>
      </c>
      <c r="BR3" s="4" t="s">
        <v>70</v>
      </c>
      <c r="BS3" s="4" t="s">
        <v>71</v>
      </c>
      <c r="BT3" s="4" t="s">
        <v>72</v>
      </c>
      <c r="BU3" s="4" t="s">
        <v>73</v>
      </c>
      <c r="BV3" s="4" t="s">
        <v>74</v>
      </c>
      <c r="BW3" s="4" t="s">
        <v>75</v>
      </c>
      <c r="BX3" s="4" t="s">
        <v>76</v>
      </c>
      <c r="BY3" s="4" t="s">
        <v>77</v>
      </c>
      <c r="BZ3" s="4" t="s">
        <v>78</v>
      </c>
      <c r="CA3" s="4" t="s">
        <v>79</v>
      </c>
      <c r="CB3" s="4" t="s">
        <v>80</v>
      </c>
      <c r="CC3" s="4" t="s">
        <v>81</v>
      </c>
      <c r="CD3" s="4" t="s">
        <v>82</v>
      </c>
      <c r="CE3" s="4" t="s">
        <v>83</v>
      </c>
      <c r="CF3" s="4" t="s">
        <v>84</v>
      </c>
      <c r="CG3" s="4" t="s">
        <v>85</v>
      </c>
      <c r="CH3" s="4" t="s">
        <v>86</v>
      </c>
      <c r="CI3" s="4" t="s">
        <v>87</v>
      </c>
      <c r="CJ3" s="4" t="s">
        <v>88</v>
      </c>
      <c r="CK3" s="4" t="s">
        <v>89</v>
      </c>
      <c r="CL3" s="4" t="s">
        <v>90</v>
      </c>
      <c r="CM3" s="4" t="s">
        <v>91</v>
      </c>
      <c r="CN3" s="4" t="s">
        <v>92</v>
      </c>
      <c r="CO3" s="4" t="s">
        <v>93</v>
      </c>
      <c r="CP3" s="4" t="s">
        <v>94</v>
      </c>
      <c r="CQ3" s="4" t="s">
        <v>95</v>
      </c>
      <c r="CR3" s="4" t="s">
        <v>96</v>
      </c>
      <c r="CS3" s="4" t="s">
        <v>97</v>
      </c>
      <c r="CT3" s="4" t="s">
        <v>98</v>
      </c>
      <c r="CU3" s="4" t="s">
        <v>99</v>
      </c>
      <c r="CV3" s="4" t="s">
        <v>100</v>
      </c>
      <c r="CW3" s="4" t="s">
        <v>101</v>
      </c>
      <c r="CX3" s="4" t="s">
        <v>102</v>
      </c>
      <c r="CY3" s="4" t="s">
        <v>103</v>
      </c>
      <c r="CZ3" s="4" t="s">
        <v>104</v>
      </c>
      <c r="DA3" s="4" t="s">
        <v>105</v>
      </c>
      <c r="DB3" s="4" t="s">
        <v>106</v>
      </c>
      <c r="DC3" s="4" t="s">
        <v>107</v>
      </c>
      <c r="DD3" s="4" t="s">
        <v>108</v>
      </c>
      <c r="DE3" s="4" t="s">
        <v>109</v>
      </c>
      <c r="DF3" s="4" t="s">
        <v>110</v>
      </c>
      <c r="DG3" s="4" t="s">
        <v>111</v>
      </c>
      <c r="DH3" s="4" t="s">
        <v>112</v>
      </c>
      <c r="DI3" s="4" t="s">
        <v>113</v>
      </c>
      <c r="DJ3" s="4" t="s">
        <v>114</v>
      </c>
      <c r="DK3" s="4" t="s">
        <v>115</v>
      </c>
      <c r="DL3" s="4" t="s">
        <v>116</v>
      </c>
      <c r="DM3" s="4" t="s">
        <v>117</v>
      </c>
      <c r="DN3" s="4" t="s">
        <v>118</v>
      </c>
      <c r="DO3" s="4" t="s">
        <v>119</v>
      </c>
      <c r="DP3" s="4" t="s">
        <v>120</v>
      </c>
      <c r="DQ3" s="4" t="s">
        <v>121</v>
      </c>
      <c r="DR3" s="4" t="s">
        <v>122</v>
      </c>
      <c r="DS3" s="4" t="s">
        <v>123</v>
      </c>
      <c r="DT3" s="4" t="s">
        <v>124</v>
      </c>
      <c r="DU3" s="4" t="s">
        <v>125</v>
      </c>
      <c r="DV3" s="4" t="s">
        <v>126</v>
      </c>
      <c r="DW3" s="4" t="s">
        <v>127</v>
      </c>
      <c r="DX3" s="4" t="s">
        <v>128</v>
      </c>
      <c r="DY3" s="4" t="s">
        <v>129</v>
      </c>
      <c r="DZ3" s="4" t="s">
        <v>130</v>
      </c>
      <c r="EA3" s="4" t="s">
        <v>131</v>
      </c>
      <c r="EB3" s="4" t="s">
        <v>132</v>
      </c>
      <c r="EC3" s="4" t="s">
        <v>133</v>
      </c>
      <c r="ED3" s="4" t="s">
        <v>134</v>
      </c>
      <c r="EE3" s="4" t="s">
        <v>135</v>
      </c>
      <c r="EF3" s="4" t="s">
        <v>136</v>
      </c>
      <c r="EG3" s="4" t="s">
        <v>137</v>
      </c>
      <c r="EH3" s="4" t="s">
        <v>138</v>
      </c>
      <c r="EI3" s="4" t="s">
        <v>139</v>
      </c>
      <c r="EJ3" s="4" t="s">
        <v>140</v>
      </c>
      <c r="EK3" s="4" t="s">
        <v>141</v>
      </c>
      <c r="EL3" s="4" t="s">
        <v>142</v>
      </c>
      <c r="EM3" s="4" t="s">
        <v>143</v>
      </c>
      <c r="EN3" s="4" t="s">
        <v>144</v>
      </c>
      <c r="EO3" s="4" t="s">
        <v>145</v>
      </c>
      <c r="EP3" s="4" t="s">
        <v>146</v>
      </c>
      <c r="EQ3" s="4" t="s">
        <v>147</v>
      </c>
      <c r="ER3" s="4" t="s">
        <v>148</v>
      </c>
      <c r="ES3" s="4" t="s">
        <v>149</v>
      </c>
      <c r="ET3" s="4" t="s">
        <v>150</v>
      </c>
      <c r="EU3" s="4" t="s">
        <v>151</v>
      </c>
      <c r="EV3" s="4" t="s">
        <v>152</v>
      </c>
      <c r="EW3" s="4" t="s">
        <v>153</v>
      </c>
      <c r="EX3" s="4" t="s">
        <v>154</v>
      </c>
      <c r="EY3" s="4" t="s">
        <v>155</v>
      </c>
      <c r="EZ3" s="4" t="s">
        <v>156</v>
      </c>
      <c r="FA3" s="4" t="s">
        <v>157</v>
      </c>
      <c r="FB3" s="4" t="s">
        <v>158</v>
      </c>
      <c r="FC3" s="4" t="s">
        <v>159</v>
      </c>
      <c r="FD3" s="4" t="s">
        <v>160</v>
      </c>
      <c r="FE3" s="4" t="s">
        <v>161</v>
      </c>
      <c r="FF3" s="4" t="s">
        <v>162</v>
      </c>
      <c r="FG3" s="4" t="s">
        <v>163</v>
      </c>
      <c r="FH3" s="4" t="s">
        <v>164</v>
      </c>
      <c r="FI3" s="4" t="s">
        <v>165</v>
      </c>
      <c r="FJ3" s="4" t="s">
        <v>166</v>
      </c>
      <c r="FK3" s="4" t="s">
        <v>167</v>
      </c>
      <c r="FL3" s="4" t="s">
        <v>168</v>
      </c>
      <c r="FM3" s="4" t="s">
        <v>169</v>
      </c>
      <c r="FN3" s="4" t="s">
        <v>170</v>
      </c>
      <c r="FO3" s="4" t="s">
        <v>171</v>
      </c>
      <c r="FP3" s="4" t="s">
        <v>172</v>
      </c>
      <c r="FQ3" s="4" t="s">
        <v>173</v>
      </c>
      <c r="FR3" s="4" t="s">
        <v>174</v>
      </c>
      <c r="FS3" s="4" t="s">
        <v>175</v>
      </c>
      <c r="FT3" s="4" t="s">
        <v>176</v>
      </c>
      <c r="FU3" s="4" t="s">
        <v>177</v>
      </c>
      <c r="FV3" s="4" t="s">
        <v>178</v>
      </c>
      <c r="FW3" s="4" t="s">
        <v>179</v>
      </c>
      <c r="FX3" s="4" t="s">
        <v>180</v>
      </c>
      <c r="FY3" s="4" t="s">
        <v>181</v>
      </c>
      <c r="FZ3" s="4" t="s">
        <v>182</v>
      </c>
      <c r="GA3" s="4" t="s">
        <v>183</v>
      </c>
      <c r="GB3" s="4" t="s">
        <v>184</v>
      </c>
      <c r="GC3" s="4" t="s">
        <v>185</v>
      </c>
      <c r="GD3" s="4" t="s">
        <v>186</v>
      </c>
      <c r="GE3" s="4" t="s">
        <v>187</v>
      </c>
      <c r="GF3" s="4" t="s">
        <v>188</v>
      </c>
      <c r="GG3" s="4" t="s">
        <v>189</v>
      </c>
      <c r="GH3" s="4" t="s">
        <v>210</v>
      </c>
      <c r="GI3" s="4" t="s">
        <v>211</v>
      </c>
      <c r="GJ3" s="4" t="s">
        <v>212</v>
      </c>
      <c r="GK3" s="4" t="s">
        <v>213</v>
      </c>
      <c r="GL3" s="4" t="s">
        <v>214</v>
      </c>
      <c r="GM3" s="4" t="s">
        <v>215</v>
      </c>
      <c r="GN3" s="4" t="s">
        <v>216</v>
      </c>
      <c r="GO3" s="4" t="s">
        <v>217</v>
      </c>
      <c r="GP3" s="4" t="s">
        <v>218</v>
      </c>
      <c r="GQ3" s="5" t="s">
        <v>219</v>
      </c>
      <c r="GR3" s="4" t="s">
        <v>210</v>
      </c>
      <c r="GS3" s="4" t="s">
        <v>211</v>
      </c>
      <c r="GT3" s="4" t="s">
        <v>212</v>
      </c>
      <c r="GU3" s="4" t="s">
        <v>213</v>
      </c>
      <c r="GV3" s="4" t="s">
        <v>214</v>
      </c>
      <c r="GW3" s="4" t="s">
        <v>215</v>
      </c>
      <c r="GX3" s="4" t="s">
        <v>216</v>
      </c>
      <c r="GY3" s="4" t="s">
        <v>217</v>
      </c>
      <c r="GZ3" s="4" t="s">
        <v>218</v>
      </c>
      <c r="HA3" s="4" t="s">
        <v>219</v>
      </c>
      <c r="HB3" s="4" t="s">
        <v>220</v>
      </c>
      <c r="HC3" s="4" t="s">
        <v>221</v>
      </c>
      <c r="HD3" s="4" t="s">
        <v>222</v>
      </c>
      <c r="HE3" s="4" t="s">
        <v>223</v>
      </c>
      <c r="HF3" s="4" t="s">
        <v>224</v>
      </c>
      <c r="HG3" s="4" t="s">
        <v>225</v>
      </c>
      <c r="HH3" s="4" t="s">
        <v>226</v>
      </c>
      <c r="HI3" s="4" t="s">
        <v>227</v>
      </c>
      <c r="HJ3" s="4" t="s">
        <v>228</v>
      </c>
      <c r="HK3" s="4" t="s">
        <v>229</v>
      </c>
      <c r="HL3" s="4" t="s">
        <v>230</v>
      </c>
      <c r="HM3" s="4" t="s">
        <v>231</v>
      </c>
      <c r="HN3" s="4" t="s">
        <v>232</v>
      </c>
      <c r="HO3" s="4" t="s">
        <v>233</v>
      </c>
      <c r="HP3" s="4" t="s">
        <v>234</v>
      </c>
      <c r="HQ3" s="4" t="s">
        <v>235</v>
      </c>
      <c r="HR3" s="4" t="s">
        <v>236</v>
      </c>
      <c r="HS3" s="4" t="s">
        <v>237</v>
      </c>
      <c r="HT3" s="4" t="s">
        <v>238</v>
      </c>
      <c r="HU3" s="4" t="s">
        <v>239</v>
      </c>
      <c r="HV3" s="4" t="s">
        <v>240</v>
      </c>
      <c r="HW3" s="4" t="s">
        <v>241</v>
      </c>
      <c r="HX3" s="4" t="s">
        <v>242</v>
      </c>
      <c r="HY3" s="4" t="s">
        <v>243</v>
      </c>
      <c r="HZ3" s="4" t="s">
        <v>244</v>
      </c>
      <c r="IA3" s="4" t="s">
        <v>245</v>
      </c>
      <c r="IB3" s="4" t="s">
        <v>246</v>
      </c>
      <c r="IC3" s="4" t="s">
        <v>247</v>
      </c>
      <c r="ID3" s="4" t="s">
        <v>248</v>
      </c>
      <c r="IE3" s="4" t="s">
        <v>249</v>
      </c>
      <c r="IF3" s="4" t="s">
        <v>250</v>
      </c>
      <c r="IG3" s="4" t="s">
        <v>251</v>
      </c>
      <c r="IH3" s="4" t="s">
        <v>252</v>
      </c>
      <c r="II3" s="4" t="s">
        <v>253</v>
      </c>
      <c r="IJ3" s="4" t="s">
        <v>254</v>
      </c>
      <c r="IK3" s="4" t="s">
        <v>255</v>
      </c>
      <c r="IL3" s="4" t="s">
        <v>256</v>
      </c>
      <c r="IM3" s="4" t="s">
        <v>257</v>
      </c>
      <c r="IN3" s="4" t="s">
        <v>258</v>
      </c>
      <c r="IO3" s="4" t="s">
        <v>259</v>
      </c>
      <c r="IP3" s="4" t="s">
        <v>260</v>
      </c>
      <c r="IQ3" s="4" t="s">
        <v>261</v>
      </c>
      <c r="IR3" s="4" t="s">
        <v>262</v>
      </c>
      <c r="IS3" s="4" t="s">
        <v>263</v>
      </c>
      <c r="IT3" s="4" t="s">
        <v>264</v>
      </c>
      <c r="IU3" s="4" t="s">
        <v>265</v>
      </c>
      <c r="IV3" s="4" t="s">
        <v>266</v>
      </c>
      <c r="IW3" s="4" t="s">
        <v>267</v>
      </c>
      <c r="IX3" s="4" t="s">
        <v>268</v>
      </c>
      <c r="IY3" s="4" t="s">
        <v>269</v>
      </c>
      <c r="IZ3" s="4" t="s">
        <v>270</v>
      </c>
      <c r="JA3" s="4" t="s">
        <v>271</v>
      </c>
      <c r="JB3" s="4" t="s">
        <v>272</v>
      </c>
      <c r="JC3" s="4" t="s">
        <v>273</v>
      </c>
      <c r="JD3" s="14"/>
    </row>
    <row r="4" spans="1:264" ht="30" x14ac:dyDescent="0.25">
      <c r="A4" s="6" t="s">
        <v>190</v>
      </c>
      <c r="B4" s="27">
        <v>101.115402362514</v>
      </c>
      <c r="C4" s="27">
        <v>101.24753499385299</v>
      </c>
      <c r="D4" s="27">
        <v>101.374546958935</v>
      </c>
      <c r="E4" s="27">
        <v>101.505467983996</v>
      </c>
      <c r="F4" s="27">
        <v>101.640566797368</v>
      </c>
      <c r="G4" s="27">
        <v>101.760947658308</v>
      </c>
      <c r="H4" s="27">
        <v>101.842891813254</v>
      </c>
      <c r="I4" s="27">
        <v>101.87828068767899</v>
      </c>
      <c r="J4" s="27">
        <v>101.86604671500599</v>
      </c>
      <c r="K4" s="27">
        <v>101.80013816462299</v>
      </c>
      <c r="L4" s="27">
        <v>101.66937911941</v>
      </c>
      <c r="M4" s="27">
        <v>101.490654859152</v>
      </c>
      <c r="N4" s="27">
        <v>101.29183893263701</v>
      </c>
      <c r="O4" s="27">
        <v>101.094728376394</v>
      </c>
      <c r="P4" s="27">
        <v>100.918698405149</v>
      </c>
      <c r="Q4" s="27">
        <v>100.759513666559</v>
      </c>
      <c r="R4" s="27">
        <v>100.620677980978</v>
      </c>
      <c r="S4" s="27">
        <v>100.50448355611999</v>
      </c>
      <c r="T4" s="27">
        <v>100.393259198867</v>
      </c>
      <c r="U4" s="27">
        <v>100.27207893660599</v>
      </c>
      <c r="V4" s="27">
        <v>100.12945660571999</v>
      </c>
      <c r="W4" s="27">
        <v>99.971937412520006</v>
      </c>
      <c r="X4" s="27">
        <v>99.822884507758999</v>
      </c>
      <c r="Y4" s="27">
        <v>99.685885487668003</v>
      </c>
      <c r="Z4" s="27">
        <v>99.579929939975997</v>
      </c>
      <c r="AA4" s="27">
        <v>99.522136156906996</v>
      </c>
      <c r="AB4" s="27">
        <v>99.503893606464004</v>
      </c>
      <c r="AC4" s="27">
        <v>99.510826414933007</v>
      </c>
      <c r="AD4" s="27">
        <v>99.524287127229996</v>
      </c>
      <c r="AE4" s="27">
        <v>99.531412935747994</v>
      </c>
      <c r="AF4" s="27">
        <v>99.526227546008002</v>
      </c>
      <c r="AG4" s="27">
        <v>99.511065541459999</v>
      </c>
      <c r="AH4" s="27">
        <v>99.482948273919007</v>
      </c>
      <c r="AI4" s="27">
        <v>99.446285070851999</v>
      </c>
      <c r="AJ4" s="27">
        <v>99.396683013176997</v>
      </c>
      <c r="AK4" s="27">
        <v>99.338273746772998</v>
      </c>
      <c r="AL4" s="27">
        <v>99.262729645451998</v>
      </c>
      <c r="AM4" s="27">
        <v>99.170272094254997</v>
      </c>
      <c r="AN4" s="27">
        <v>99.056809785400006</v>
      </c>
      <c r="AO4" s="27">
        <v>98.931056140164998</v>
      </c>
      <c r="AP4" s="27">
        <v>98.800305930492996</v>
      </c>
      <c r="AQ4" s="27">
        <v>98.672533688987002</v>
      </c>
      <c r="AR4" s="27">
        <v>98.562138073072006</v>
      </c>
      <c r="AS4" s="27">
        <v>98.485176834729003</v>
      </c>
      <c r="AT4" s="27">
        <v>98.463004175866004</v>
      </c>
      <c r="AU4" s="27">
        <v>98.498958864295005</v>
      </c>
      <c r="AV4" s="27">
        <v>98.583342449412996</v>
      </c>
      <c r="AW4" s="27">
        <v>98.701490163371005</v>
      </c>
      <c r="AX4" s="27">
        <v>98.826060277159996</v>
      </c>
      <c r="AY4" s="27">
        <v>98.941088047674995</v>
      </c>
      <c r="AZ4" s="27">
        <v>99.037843145096005</v>
      </c>
      <c r="BA4" s="27">
        <v>99.107496275330007</v>
      </c>
      <c r="BB4" s="27">
        <v>99.150299632663007</v>
      </c>
      <c r="BC4" s="27">
        <v>99.173921458340999</v>
      </c>
      <c r="BD4" s="27">
        <v>99.198025995739002</v>
      </c>
      <c r="BE4" s="27">
        <v>99.233145073933002</v>
      </c>
      <c r="BF4" s="27">
        <v>99.293668014789006</v>
      </c>
      <c r="BG4" s="27">
        <v>99.368815031409</v>
      </c>
      <c r="BH4" s="27">
        <v>99.438991913178</v>
      </c>
      <c r="BI4" s="27">
        <v>99.494363558200007</v>
      </c>
      <c r="BJ4" s="27">
        <v>99.535070792900996</v>
      </c>
      <c r="BK4" s="27">
        <v>99.557964360015006</v>
      </c>
      <c r="BL4" s="27">
        <v>99.566462918745003</v>
      </c>
      <c r="BM4" s="27">
        <v>99.566149851486998</v>
      </c>
      <c r="BN4" s="27">
        <v>99.569612480703</v>
      </c>
      <c r="BO4" s="27">
        <v>99.586931403893999</v>
      </c>
      <c r="BP4" s="27">
        <v>99.644194991606</v>
      </c>
      <c r="BQ4" s="27">
        <v>99.757617629044006</v>
      </c>
      <c r="BR4" s="27">
        <v>99.903908571939994</v>
      </c>
      <c r="BS4" s="27">
        <v>100.061966239622</v>
      </c>
      <c r="BT4" s="27">
        <v>100.2218053456</v>
      </c>
      <c r="BU4" s="27">
        <v>100.363404292941</v>
      </c>
      <c r="BV4" s="27">
        <v>100.478825178195</v>
      </c>
      <c r="BW4" s="27">
        <v>100.57090047709799</v>
      </c>
      <c r="BX4" s="27">
        <v>100.650741692878</v>
      </c>
      <c r="BY4" s="27">
        <v>100.71550281765499</v>
      </c>
      <c r="BZ4" s="27">
        <v>100.75569253300201</v>
      </c>
      <c r="CA4" s="27">
        <v>100.762495051027</v>
      </c>
      <c r="CB4" s="27">
        <v>100.75141058537901</v>
      </c>
      <c r="CC4" s="27">
        <v>100.734931897172</v>
      </c>
      <c r="CD4" s="27">
        <v>100.711884475913</v>
      </c>
      <c r="CE4" s="27">
        <v>100.689749908495</v>
      </c>
      <c r="CF4" s="27">
        <v>100.679040167259</v>
      </c>
      <c r="CG4" s="27">
        <v>100.690501326424</v>
      </c>
      <c r="CH4" s="27">
        <v>100.728290348264</v>
      </c>
      <c r="CI4" s="27">
        <v>100.792852932912</v>
      </c>
      <c r="CJ4" s="27">
        <v>100.876483559623</v>
      </c>
      <c r="CK4" s="27">
        <v>100.97110461794399</v>
      </c>
      <c r="CL4" s="27">
        <v>101.064655378208</v>
      </c>
      <c r="CM4" s="27">
        <v>101.146449599137</v>
      </c>
      <c r="CN4" s="27">
        <v>101.210229615</v>
      </c>
      <c r="CO4" s="27">
        <v>101.254729318109</v>
      </c>
      <c r="CP4" s="27">
        <v>101.28864954092499</v>
      </c>
      <c r="CQ4" s="27">
        <v>101.320758562416</v>
      </c>
      <c r="CR4" s="27">
        <v>101.360556665161</v>
      </c>
      <c r="CS4" s="27">
        <v>101.414075882359</v>
      </c>
      <c r="CT4" s="27">
        <v>101.479013564534</v>
      </c>
      <c r="CU4" s="27">
        <v>101.544054686587</v>
      </c>
      <c r="CV4" s="27">
        <v>101.598223038348</v>
      </c>
      <c r="CW4" s="27">
        <v>101.629782059839</v>
      </c>
      <c r="CX4" s="27">
        <v>101.619407451675</v>
      </c>
      <c r="CY4" s="27">
        <v>101.54481100289701</v>
      </c>
      <c r="CZ4" s="27">
        <v>101.38390560824899</v>
      </c>
      <c r="DA4" s="27">
        <v>101.12708440308199</v>
      </c>
      <c r="DB4" s="27">
        <v>100.77243331892601</v>
      </c>
      <c r="DC4" s="27">
        <v>100.32811323140599</v>
      </c>
      <c r="DD4" s="27">
        <v>99.813542879945999</v>
      </c>
      <c r="DE4" s="27">
        <v>99.275479315919995</v>
      </c>
      <c r="DF4" s="27">
        <v>98.767351311791003</v>
      </c>
      <c r="DG4" s="27">
        <v>98.330219868358</v>
      </c>
      <c r="DH4" s="27">
        <v>97.979063017862998</v>
      </c>
      <c r="DI4" s="27">
        <v>97.724190272539005</v>
      </c>
      <c r="DJ4" s="27">
        <v>97.575410119020006</v>
      </c>
      <c r="DK4" s="27">
        <v>97.533911086052996</v>
      </c>
      <c r="DL4" s="27">
        <v>97.568091785076007</v>
      </c>
      <c r="DM4" s="27">
        <v>97.655735010932005</v>
      </c>
      <c r="DN4" s="27">
        <v>97.792804652683998</v>
      </c>
      <c r="DO4" s="27">
        <v>97.972618288475999</v>
      </c>
      <c r="DP4" s="27">
        <v>98.174168219126997</v>
      </c>
      <c r="DQ4" s="27">
        <v>98.368851145500997</v>
      </c>
      <c r="DR4" s="27">
        <v>98.548437947183999</v>
      </c>
      <c r="DS4" s="27">
        <v>98.719968325826997</v>
      </c>
      <c r="DT4" s="27">
        <v>98.875426805055994</v>
      </c>
      <c r="DU4" s="27">
        <v>99.005220124784003</v>
      </c>
      <c r="DV4" s="27">
        <v>99.108804262351001</v>
      </c>
      <c r="DW4" s="27">
        <v>99.189082058671005</v>
      </c>
      <c r="DX4" s="27">
        <v>99.258425863374001</v>
      </c>
      <c r="DY4" s="27">
        <v>99.314859644204006</v>
      </c>
      <c r="DZ4" s="27">
        <v>99.350397963149007</v>
      </c>
      <c r="EA4" s="27">
        <v>99.382953638209003</v>
      </c>
      <c r="EB4" s="27">
        <v>99.426036200701006</v>
      </c>
      <c r="EC4" s="27">
        <v>99.490732403487002</v>
      </c>
      <c r="ED4" s="27">
        <v>99.571757740525996</v>
      </c>
      <c r="EE4" s="27">
        <v>99.653921996253004</v>
      </c>
      <c r="EF4" s="27">
        <v>99.734611183518993</v>
      </c>
      <c r="EG4" s="27">
        <v>99.805748544010996</v>
      </c>
      <c r="EH4" s="27">
        <v>99.861097453011993</v>
      </c>
      <c r="EI4" s="27">
        <v>99.907701047762998</v>
      </c>
      <c r="EJ4" s="27">
        <v>99.956228923132997</v>
      </c>
      <c r="EK4" s="27">
        <v>100.01187939052799</v>
      </c>
      <c r="EL4" s="27">
        <v>100.07627026692499</v>
      </c>
      <c r="EM4" s="27">
        <v>100.14134539896899</v>
      </c>
      <c r="EN4" s="27">
        <v>100.206143795038</v>
      </c>
      <c r="EO4" s="27">
        <v>100.273793424993</v>
      </c>
      <c r="EP4" s="27">
        <v>100.334542441355</v>
      </c>
      <c r="EQ4" s="27">
        <v>100.384490812968</v>
      </c>
      <c r="ER4" s="27">
        <v>100.42791124899399</v>
      </c>
      <c r="ES4" s="27">
        <v>100.460996433934</v>
      </c>
      <c r="ET4" s="27">
        <v>100.477245083132</v>
      </c>
      <c r="EU4" s="27">
        <v>100.47991422666099</v>
      </c>
      <c r="EV4" s="27">
        <v>100.466798473407</v>
      </c>
      <c r="EW4" s="27">
        <v>100.441863825132</v>
      </c>
      <c r="EX4" s="27">
        <v>100.409058927872</v>
      </c>
      <c r="EY4" s="27">
        <v>100.359969045976</v>
      </c>
      <c r="EZ4" s="27">
        <v>100.30026041740599</v>
      </c>
      <c r="FA4" s="27">
        <v>100.22958812021</v>
      </c>
      <c r="FB4" s="27">
        <v>100.165323952618</v>
      </c>
      <c r="FC4" s="27">
        <v>100.110948308866</v>
      </c>
      <c r="FD4" s="27">
        <v>100.060415462961</v>
      </c>
      <c r="FE4" s="27">
        <v>100.01400269687301</v>
      </c>
      <c r="FF4" s="27">
        <v>99.982522025123998</v>
      </c>
      <c r="FG4" s="27">
        <v>99.955018932314999</v>
      </c>
      <c r="FH4" s="27">
        <v>99.929623462180999</v>
      </c>
      <c r="FI4" s="27">
        <v>99.899696308057003</v>
      </c>
      <c r="FJ4" s="27">
        <v>99.869474408022</v>
      </c>
      <c r="FK4" s="27">
        <v>99.845813424411006</v>
      </c>
      <c r="FL4" s="27">
        <v>99.825273445999997</v>
      </c>
      <c r="FM4" s="27">
        <v>99.799011515063</v>
      </c>
      <c r="FN4" s="27">
        <v>99.777399434011002</v>
      </c>
      <c r="FO4" s="27">
        <v>99.769940496133998</v>
      </c>
      <c r="FP4" s="27">
        <v>99.776100532960996</v>
      </c>
      <c r="FQ4" s="27">
        <v>99.797332385415004</v>
      </c>
      <c r="FR4" s="27">
        <v>99.826261344011996</v>
      </c>
      <c r="FS4" s="27">
        <v>99.852444687542004</v>
      </c>
      <c r="FT4" s="27">
        <v>99.876319165818003</v>
      </c>
      <c r="FU4" s="27">
        <v>99.906315831852993</v>
      </c>
      <c r="FV4" s="27">
        <v>99.942645245707993</v>
      </c>
      <c r="FW4" s="27">
        <v>99.984337636830006</v>
      </c>
      <c r="FX4" s="27">
        <v>100.023323786817</v>
      </c>
      <c r="FY4" s="27">
        <v>100.047528621982</v>
      </c>
      <c r="FZ4" s="27">
        <v>100.05206900001799</v>
      </c>
      <c r="GA4" s="27">
        <v>100.046221179106</v>
      </c>
      <c r="GB4" s="27">
        <v>100.040266880544</v>
      </c>
      <c r="GC4" s="27">
        <v>100.036535700675</v>
      </c>
      <c r="GD4" s="27">
        <v>100.03540380936199</v>
      </c>
      <c r="GE4" s="27">
        <v>100.044615953868</v>
      </c>
      <c r="GF4" s="27">
        <v>100.054759494121</v>
      </c>
      <c r="GG4" s="27">
        <v>100.058366424927</v>
      </c>
      <c r="GH4" s="27">
        <v>100.053052434623</v>
      </c>
      <c r="GI4" s="27">
        <v>100.04214893227299</v>
      </c>
      <c r="GJ4" s="27">
        <v>100.027731308536</v>
      </c>
      <c r="GK4" s="27">
        <v>100.00886039802501</v>
      </c>
      <c r="GL4" s="27">
        <v>99.991669574496996</v>
      </c>
      <c r="GM4" s="27">
        <v>99.959413131630996</v>
      </c>
      <c r="GN4" s="27">
        <v>99.907567700645004</v>
      </c>
      <c r="GO4" s="27">
        <v>99.833932734547005</v>
      </c>
      <c r="GP4" s="27"/>
      <c r="GQ4" s="7"/>
      <c r="GR4" s="26">
        <f>+BIE_c20150909171933!GH4</f>
        <v>100.053052434623</v>
      </c>
      <c r="GS4" s="26">
        <f>+BIE_c20150909171933!GI4</f>
        <v>100.04214893227299</v>
      </c>
      <c r="GT4" s="26">
        <f>+BIE_c20150909171933!GJ4</f>
        <v>100.027731308536</v>
      </c>
      <c r="GU4" s="26">
        <f>+BIE_c20150909171933!GK4</f>
        <v>100.00886039802501</v>
      </c>
      <c r="GV4" s="26">
        <f>+BIE_c20150909171933!GR4</f>
        <v>100.128863213964</v>
      </c>
      <c r="GW4" s="26">
        <f>+BIE_c20150909171933!GS4</f>
        <v>100.152014143155</v>
      </c>
      <c r="GX4" s="26">
        <f>+BIE_c20150909171933!GT4</f>
        <v>100.175165072346</v>
      </c>
      <c r="GY4" s="26">
        <f>+BIE_c20150909171933!GU4</f>
        <v>100.19831600153699</v>
      </c>
      <c r="GZ4" s="26">
        <f>+BIE_c20150909171933!GV4</f>
        <v>100.221466930728</v>
      </c>
      <c r="HA4" s="26">
        <f>+BIE_c20150909171933!GW4</f>
        <v>100.244617859919</v>
      </c>
      <c r="HB4" s="26">
        <f>+BIE_c20150909171933!GX4</f>
        <v>100.26776878910999</v>
      </c>
      <c r="HC4" s="26">
        <f>+BIE_c20150909171933!GY4</f>
        <v>100.290919718301</v>
      </c>
      <c r="HD4" s="26">
        <f>+BIE_c20150909171933!GZ4</f>
        <v>100.314070647492</v>
      </c>
      <c r="HE4" s="26">
        <f>+BIE_c20150909171933!HA4</f>
        <v>100.33722157668301</v>
      </c>
      <c r="HF4" s="26">
        <f>+BIE_c20150909171933!HB4</f>
        <v>0</v>
      </c>
      <c r="HG4" s="26">
        <f>+BIE_c20150909171933!HC4</f>
        <v>0</v>
      </c>
      <c r="HH4" s="26">
        <f>+BIE_c20150909171933!HD4</f>
        <v>0</v>
      </c>
      <c r="HI4" s="26">
        <f>+BIE_c20150909171933!HE4</f>
        <v>0</v>
      </c>
      <c r="HJ4" s="26">
        <f>+BIE_c20150909171933!HF4</f>
        <v>0</v>
      </c>
      <c r="HK4" s="26">
        <f>+BIE_c20150909171933!HG4</f>
        <v>0</v>
      </c>
      <c r="HL4" s="26">
        <f>+BIE_c20150909171933!HH4</f>
        <v>0</v>
      </c>
      <c r="HM4" s="25">
        <f>+BIE_c20150909171933!HK4</f>
        <v>0</v>
      </c>
      <c r="HN4" s="25">
        <f>+BIE_c20150909171933!HL4</f>
        <v>0</v>
      </c>
      <c r="HO4" s="25">
        <f>+BIE_c20150909171933!HM4</f>
        <v>0</v>
      </c>
      <c r="HP4" s="25">
        <f>+BIE_c20150909171933!HN4</f>
        <v>0</v>
      </c>
      <c r="HQ4" s="25">
        <f>+BIE_c20150909171933!HO4</f>
        <v>0</v>
      </c>
      <c r="HR4" s="25">
        <f>+BIE_c20150909171933!HP4</f>
        <v>0</v>
      </c>
      <c r="HS4" s="25">
        <f>+BIE_c20150909171933!HQ4</f>
        <v>0</v>
      </c>
      <c r="HT4" s="25">
        <f>+BIE_c20150909171933!HR4</f>
        <v>0</v>
      </c>
      <c r="HU4" s="25">
        <f>+BIE_c20150909171933!HS4</f>
        <v>0</v>
      </c>
      <c r="HV4" s="25">
        <f>+BIE_c20150909171933!HT4</f>
        <v>0</v>
      </c>
      <c r="HW4" s="25">
        <f>+BIE_c20150909171933!HU4</f>
        <v>0</v>
      </c>
      <c r="HX4" s="25">
        <f>+BIE_c20150909171933!HV4</f>
        <v>0</v>
      </c>
      <c r="HY4" s="25">
        <f>+BIE_c20150909171933!HW4</f>
        <v>0</v>
      </c>
      <c r="HZ4" s="25">
        <f>+BIE_c20150909171933!HX4</f>
        <v>0</v>
      </c>
      <c r="IA4" s="25">
        <f>+BIE_c20150909171933!HY4</f>
        <v>0</v>
      </c>
      <c r="IB4" s="25">
        <f>+BIE_c20150909171933!HZ4</f>
        <v>0</v>
      </c>
      <c r="IC4" s="25">
        <f>+BIE_c20150909171933!IA4</f>
        <v>0</v>
      </c>
      <c r="ID4" s="25">
        <f>+BIE_c20150909171933!IB4</f>
        <v>0</v>
      </c>
      <c r="IE4" s="25">
        <f>+BIE_c20150909171933!IC4</f>
        <v>0</v>
      </c>
      <c r="IF4" s="25">
        <f>+BIE_c20150909171933!ID4</f>
        <v>0</v>
      </c>
      <c r="IG4" s="25">
        <f>+BIE_c20150909171933!IE4</f>
        <v>0</v>
      </c>
      <c r="IH4" s="25">
        <f>+BIE_c20150909171933!IF4</f>
        <v>0</v>
      </c>
      <c r="II4" s="25">
        <f>+BIE_c20150909171933!IG4</f>
        <v>0</v>
      </c>
      <c r="IJ4" s="25">
        <f>+BIE_c20150909171933!IH4</f>
        <v>0</v>
      </c>
      <c r="IK4" s="25">
        <f>+BIE_c20150909171933!II4</f>
        <v>0</v>
      </c>
      <c r="IL4" s="25">
        <f>+BIE_c20150909171933!IJ4</f>
        <v>0</v>
      </c>
      <c r="IM4" s="25">
        <f>+BIE_c20150909171933!IK4</f>
        <v>0</v>
      </c>
      <c r="IN4" s="25">
        <f>+BIE_c20150909171933!IL4</f>
        <v>0</v>
      </c>
      <c r="IO4" s="25">
        <f>+BIE_c20150909171933!IM4</f>
        <v>0</v>
      </c>
      <c r="IP4" s="25">
        <f>+BIE_c20150909171933!IN4</f>
        <v>0</v>
      </c>
      <c r="IQ4" s="25">
        <f>+BIE_c20150909171933!IO4</f>
        <v>0</v>
      </c>
      <c r="IR4" s="25">
        <f>+BIE_c20150909171933!IP4</f>
        <v>0</v>
      </c>
      <c r="IS4" s="25">
        <f>+BIE_c20150909171933!IQ4</f>
        <v>0</v>
      </c>
      <c r="IT4" s="25">
        <f>+BIE_c20150909171933!IR4</f>
        <v>0</v>
      </c>
      <c r="IU4" s="25">
        <f>+BIE_c20150909171933!IS4</f>
        <v>0</v>
      </c>
      <c r="IV4" s="25">
        <f>+BIE_c20150909171933!IT4</f>
        <v>0</v>
      </c>
      <c r="IW4" s="25">
        <f>+BIE_c20150909171933!IU4</f>
        <v>0</v>
      </c>
      <c r="IX4" s="25">
        <f>+BIE_c20150909171933!IV4</f>
        <v>0</v>
      </c>
      <c r="IY4" s="25">
        <f>+BIE_c20150909171933!IW4</f>
        <v>0</v>
      </c>
      <c r="IZ4" s="25">
        <f>+BIE_c20150909171933!IX4</f>
        <v>0</v>
      </c>
      <c r="JA4" s="25">
        <f>+BIE_c20150909171933!IY4</f>
        <v>0</v>
      </c>
      <c r="JB4" s="25">
        <f>+BIE_c20150909171933!IZ4</f>
        <v>0</v>
      </c>
      <c r="JC4" s="25">
        <f>+BIE_c20150909171933!JA4</f>
        <v>0</v>
      </c>
      <c r="JD4" s="14"/>
    </row>
    <row r="5" spans="1:264" ht="45" x14ac:dyDescent="0.25">
      <c r="A5" s="6" t="s">
        <v>191</v>
      </c>
      <c r="B5" s="27">
        <v>101.268201065073</v>
      </c>
      <c r="C5" s="27">
        <v>101.483421563218</v>
      </c>
      <c r="D5" s="27">
        <v>101.665831422338</v>
      </c>
      <c r="E5" s="27">
        <v>101.830670695989</v>
      </c>
      <c r="F5" s="27">
        <v>101.972735528473</v>
      </c>
      <c r="G5" s="27">
        <v>102.068781744398</v>
      </c>
      <c r="H5" s="27">
        <v>102.09771028612801</v>
      </c>
      <c r="I5" s="27">
        <v>102.055271477315</v>
      </c>
      <c r="J5" s="27">
        <v>101.930615139444</v>
      </c>
      <c r="K5" s="27">
        <v>101.721955274062</v>
      </c>
      <c r="L5" s="27">
        <v>101.451681155621</v>
      </c>
      <c r="M5" s="27">
        <v>101.159696954702</v>
      </c>
      <c r="N5" s="27">
        <v>100.886452252157</v>
      </c>
      <c r="O5" s="27">
        <v>100.661035028822</v>
      </c>
      <c r="P5" s="27">
        <v>100.497350408085</v>
      </c>
      <c r="Q5" s="27">
        <v>100.385304625356</v>
      </c>
      <c r="R5" s="27">
        <v>100.316953754667</v>
      </c>
      <c r="S5" s="27">
        <v>100.272360677424</v>
      </c>
      <c r="T5" s="27">
        <v>100.215422384687</v>
      </c>
      <c r="U5" s="27">
        <v>100.118333559289</v>
      </c>
      <c r="V5" s="27">
        <v>99.964808248701999</v>
      </c>
      <c r="W5" s="27">
        <v>99.764870926664003</v>
      </c>
      <c r="X5" s="27">
        <v>99.550785083014006</v>
      </c>
      <c r="Y5" s="27">
        <v>99.337797661416005</v>
      </c>
      <c r="Z5" s="27">
        <v>99.160205617795</v>
      </c>
      <c r="AA5" s="27">
        <v>99.066801243732002</v>
      </c>
      <c r="AB5" s="27">
        <v>99.061740862201006</v>
      </c>
      <c r="AC5" s="27">
        <v>99.110779546567997</v>
      </c>
      <c r="AD5" s="27">
        <v>99.169504623430996</v>
      </c>
      <c r="AE5" s="27">
        <v>99.214308428742996</v>
      </c>
      <c r="AF5" s="27">
        <v>99.239781075468002</v>
      </c>
      <c r="AG5" s="27">
        <v>99.235496104720994</v>
      </c>
      <c r="AH5" s="27">
        <v>99.191314582027999</v>
      </c>
      <c r="AI5" s="27">
        <v>99.117955047199999</v>
      </c>
      <c r="AJ5" s="27">
        <v>99.027516079573005</v>
      </c>
      <c r="AK5" s="27">
        <v>98.950177257682995</v>
      </c>
      <c r="AL5" s="27">
        <v>98.884230572071004</v>
      </c>
      <c r="AM5" s="27">
        <v>98.824161932744005</v>
      </c>
      <c r="AN5" s="27">
        <v>98.758298827014002</v>
      </c>
      <c r="AO5" s="27">
        <v>98.687251175903</v>
      </c>
      <c r="AP5" s="27">
        <v>98.6110395348</v>
      </c>
      <c r="AQ5" s="27">
        <v>98.533137303483997</v>
      </c>
      <c r="AR5" s="27">
        <v>98.455665495207001</v>
      </c>
      <c r="AS5" s="27">
        <v>98.406379050975005</v>
      </c>
      <c r="AT5" s="27">
        <v>98.425037344610004</v>
      </c>
      <c r="AU5" s="27">
        <v>98.526769598981005</v>
      </c>
      <c r="AV5" s="27">
        <v>98.702975893653999</v>
      </c>
      <c r="AW5" s="27">
        <v>98.932293453273999</v>
      </c>
      <c r="AX5" s="27">
        <v>99.170125927387005</v>
      </c>
      <c r="AY5" s="27">
        <v>99.372071261673</v>
      </c>
      <c r="AZ5" s="27">
        <v>99.508262270602998</v>
      </c>
      <c r="BA5" s="27">
        <v>99.567726195256</v>
      </c>
      <c r="BB5" s="27">
        <v>99.562338673086003</v>
      </c>
      <c r="BC5" s="27">
        <v>99.519050750142</v>
      </c>
      <c r="BD5" s="27">
        <v>99.472928981774004</v>
      </c>
      <c r="BE5" s="27">
        <v>99.451982108487996</v>
      </c>
      <c r="BF5" s="27">
        <v>99.471551873031999</v>
      </c>
      <c r="BG5" s="27">
        <v>99.526592281366007</v>
      </c>
      <c r="BH5" s="27">
        <v>99.594734659321006</v>
      </c>
      <c r="BI5" s="27">
        <v>99.650116205355005</v>
      </c>
      <c r="BJ5" s="27">
        <v>99.681905223382003</v>
      </c>
      <c r="BK5" s="27">
        <v>99.682280603890007</v>
      </c>
      <c r="BL5" s="27">
        <v>99.654773697657006</v>
      </c>
      <c r="BM5" s="27">
        <v>99.616760055224006</v>
      </c>
      <c r="BN5" s="27">
        <v>99.575365275322994</v>
      </c>
      <c r="BO5" s="27">
        <v>99.543678437408005</v>
      </c>
      <c r="BP5" s="27">
        <v>99.569207071172997</v>
      </c>
      <c r="BQ5" s="27">
        <v>99.667373311760002</v>
      </c>
      <c r="BR5" s="27">
        <v>99.816927290715</v>
      </c>
      <c r="BS5" s="27">
        <v>100.00592849928699</v>
      </c>
      <c r="BT5" s="27">
        <v>100.22470839053901</v>
      </c>
      <c r="BU5" s="27">
        <v>100.45388801990801</v>
      </c>
      <c r="BV5" s="27">
        <v>100.66639773318001</v>
      </c>
      <c r="BW5" s="27">
        <v>100.839174170001</v>
      </c>
      <c r="BX5" s="27">
        <v>100.984514595048</v>
      </c>
      <c r="BY5" s="27">
        <v>101.10234871098299</v>
      </c>
      <c r="BZ5" s="27">
        <v>101.178986020868</v>
      </c>
      <c r="CA5" s="27">
        <v>101.19794882746299</v>
      </c>
      <c r="CB5" s="27">
        <v>101.178162136013</v>
      </c>
      <c r="CC5" s="27">
        <v>101.14137350374899</v>
      </c>
      <c r="CD5" s="27">
        <v>101.098833387868</v>
      </c>
      <c r="CE5" s="27">
        <v>101.06510892671901</v>
      </c>
      <c r="CF5" s="27">
        <v>101.053853291569</v>
      </c>
      <c r="CG5" s="27">
        <v>101.076875629062</v>
      </c>
      <c r="CH5" s="27">
        <v>101.131558011105</v>
      </c>
      <c r="CI5" s="27">
        <v>101.216012369257</v>
      </c>
      <c r="CJ5" s="27">
        <v>101.323001583669</v>
      </c>
      <c r="CK5" s="27">
        <v>101.433610158066</v>
      </c>
      <c r="CL5" s="27">
        <v>101.529815289452</v>
      </c>
      <c r="CM5" s="27">
        <v>101.60427552090501</v>
      </c>
      <c r="CN5" s="27">
        <v>101.655379629758</v>
      </c>
      <c r="CO5" s="27">
        <v>101.688712051679</v>
      </c>
      <c r="CP5" s="27">
        <v>101.71147753155699</v>
      </c>
      <c r="CQ5" s="27">
        <v>101.726529867639</v>
      </c>
      <c r="CR5" s="27">
        <v>101.736756087713</v>
      </c>
      <c r="CS5" s="27">
        <v>101.75678822984</v>
      </c>
      <c r="CT5" s="27">
        <v>101.782626703053</v>
      </c>
      <c r="CU5" s="27">
        <v>101.80463804575901</v>
      </c>
      <c r="CV5" s="27">
        <v>101.819900843563</v>
      </c>
      <c r="CW5" s="27">
        <v>101.828826348959</v>
      </c>
      <c r="CX5" s="27">
        <v>101.798610085188</v>
      </c>
      <c r="CY5" s="27">
        <v>101.699572998992</v>
      </c>
      <c r="CZ5" s="27">
        <v>101.49762703436799</v>
      </c>
      <c r="DA5" s="27">
        <v>101.17676648640401</v>
      </c>
      <c r="DB5" s="27">
        <v>100.741797678937</v>
      </c>
      <c r="DC5" s="27">
        <v>100.203448890432</v>
      </c>
      <c r="DD5" s="27">
        <v>99.573868213598999</v>
      </c>
      <c r="DE5" s="27">
        <v>98.900501970548007</v>
      </c>
      <c r="DF5" s="27">
        <v>98.255665593258996</v>
      </c>
      <c r="DG5" s="27">
        <v>97.714215988120998</v>
      </c>
      <c r="DH5" s="27">
        <v>97.300524593359995</v>
      </c>
      <c r="DI5" s="27">
        <v>97.039115820540999</v>
      </c>
      <c r="DJ5" s="27">
        <v>96.936522141959003</v>
      </c>
      <c r="DK5" s="27">
        <v>96.989423621558998</v>
      </c>
      <c r="DL5" s="27">
        <v>97.139350253800004</v>
      </c>
      <c r="DM5" s="27">
        <v>97.330237435513993</v>
      </c>
      <c r="DN5" s="27">
        <v>97.551938435983004</v>
      </c>
      <c r="DO5" s="27">
        <v>97.789581569226996</v>
      </c>
      <c r="DP5" s="27">
        <v>98.024511634573997</v>
      </c>
      <c r="DQ5" s="27">
        <v>98.238810317214998</v>
      </c>
      <c r="DR5" s="27">
        <v>98.441804553183005</v>
      </c>
      <c r="DS5" s="27">
        <v>98.650719705775003</v>
      </c>
      <c r="DT5" s="27">
        <v>98.856458942711001</v>
      </c>
      <c r="DU5" s="27">
        <v>99.033872386612003</v>
      </c>
      <c r="DV5" s="27">
        <v>99.176470958199999</v>
      </c>
      <c r="DW5" s="27">
        <v>99.278848896780005</v>
      </c>
      <c r="DX5" s="27">
        <v>99.353102328663994</v>
      </c>
      <c r="DY5" s="27">
        <v>99.407317751392995</v>
      </c>
      <c r="DZ5" s="27">
        <v>99.443833133153007</v>
      </c>
      <c r="EA5" s="27">
        <v>99.471464850090996</v>
      </c>
      <c r="EB5" s="27">
        <v>99.504177346386996</v>
      </c>
      <c r="EC5" s="27">
        <v>99.549604180537997</v>
      </c>
      <c r="ED5" s="27">
        <v>99.607129446376007</v>
      </c>
      <c r="EE5" s="27">
        <v>99.673844354371994</v>
      </c>
      <c r="EF5" s="27">
        <v>99.753369953095998</v>
      </c>
      <c r="EG5" s="27">
        <v>99.839898792880007</v>
      </c>
      <c r="EH5" s="27">
        <v>99.936064364699007</v>
      </c>
      <c r="EI5" s="27">
        <v>100.03771398828</v>
      </c>
      <c r="EJ5" s="27">
        <v>100.14724002366</v>
      </c>
      <c r="EK5" s="27">
        <v>100.25454182614099</v>
      </c>
      <c r="EL5" s="27">
        <v>100.352287495371</v>
      </c>
      <c r="EM5" s="27">
        <v>100.43231643061701</v>
      </c>
      <c r="EN5" s="27">
        <v>100.501162924121</v>
      </c>
      <c r="EO5" s="27">
        <v>100.574737991397</v>
      </c>
      <c r="EP5" s="27">
        <v>100.65336168296299</v>
      </c>
      <c r="EQ5" s="27">
        <v>100.73231043691899</v>
      </c>
      <c r="ER5" s="27">
        <v>100.80356637497501</v>
      </c>
      <c r="ES5" s="27">
        <v>100.862073932192</v>
      </c>
      <c r="ET5" s="27">
        <v>100.901074815141</v>
      </c>
      <c r="EU5" s="27">
        <v>100.921663072453</v>
      </c>
      <c r="EV5" s="27">
        <v>100.915882583851</v>
      </c>
      <c r="EW5" s="27">
        <v>100.89541752305399</v>
      </c>
      <c r="EX5" s="27">
        <v>100.870556213326</v>
      </c>
      <c r="EY5" s="27">
        <v>100.839395488958</v>
      </c>
      <c r="EZ5" s="27">
        <v>100.797036232933</v>
      </c>
      <c r="FA5" s="27">
        <v>100.713550692563</v>
      </c>
      <c r="FB5" s="27">
        <v>100.602131286184</v>
      </c>
      <c r="FC5" s="27">
        <v>100.481928549356</v>
      </c>
      <c r="FD5" s="27">
        <v>100.364936824094</v>
      </c>
      <c r="FE5" s="27">
        <v>100.260504406134</v>
      </c>
      <c r="FF5" s="27">
        <v>100.187422723103</v>
      </c>
      <c r="FG5" s="27">
        <v>100.137867100995</v>
      </c>
      <c r="FH5" s="27">
        <v>100.10764337728</v>
      </c>
      <c r="FI5" s="27">
        <v>100.084055132975</v>
      </c>
      <c r="FJ5" s="27">
        <v>100.057579438038</v>
      </c>
      <c r="FK5" s="27">
        <v>100.031523776634</v>
      </c>
      <c r="FL5" s="27">
        <v>100.006971076898</v>
      </c>
      <c r="FM5" s="27">
        <v>99.980238157566006</v>
      </c>
      <c r="FN5" s="27">
        <v>99.957050642458</v>
      </c>
      <c r="FO5" s="27">
        <v>99.948982683202004</v>
      </c>
      <c r="FP5" s="27">
        <v>99.955405990649993</v>
      </c>
      <c r="FQ5" s="27">
        <v>99.977756044719001</v>
      </c>
      <c r="FR5" s="27">
        <v>100.00232103536599</v>
      </c>
      <c r="FS5" s="27">
        <v>100.018095432743</v>
      </c>
      <c r="FT5" s="27">
        <v>100.020188684041</v>
      </c>
      <c r="FU5" s="27">
        <v>100.01040937336199</v>
      </c>
      <c r="FV5" s="27">
        <v>99.998791684761002</v>
      </c>
      <c r="FW5" s="27">
        <v>99.989584283829998</v>
      </c>
      <c r="FX5" s="27">
        <v>99.976107878152007</v>
      </c>
      <c r="FY5" s="27">
        <v>99.953266550544996</v>
      </c>
      <c r="FZ5" s="27">
        <v>99.928190054297005</v>
      </c>
      <c r="GA5" s="27">
        <v>99.907896750611997</v>
      </c>
      <c r="GB5" s="27">
        <v>99.900222781826997</v>
      </c>
      <c r="GC5" s="27">
        <v>99.915435482836997</v>
      </c>
      <c r="GD5" s="27">
        <v>99.943886007779</v>
      </c>
      <c r="GE5" s="27">
        <v>99.985321776473</v>
      </c>
      <c r="GF5" s="27">
        <v>100.036061597491</v>
      </c>
      <c r="GG5" s="27">
        <v>100.088742678073</v>
      </c>
      <c r="GH5" s="27">
        <v>100.12535499955401</v>
      </c>
      <c r="GI5" s="27">
        <v>100.136801902042</v>
      </c>
      <c r="GJ5" s="27">
        <v>100.121186611561</v>
      </c>
      <c r="GK5" s="27">
        <v>100.079356104829</v>
      </c>
      <c r="GL5" s="27">
        <v>100.003395848146</v>
      </c>
      <c r="GM5" s="27">
        <v>99.874557425171005</v>
      </c>
      <c r="GN5" s="27">
        <v>99.691129807964003</v>
      </c>
      <c r="GO5" s="27">
        <v>99.471020183353005</v>
      </c>
      <c r="GP5" s="27"/>
      <c r="GQ5" s="7"/>
      <c r="GR5" s="26">
        <f>+BIE_c20150909171933!GH5</f>
        <v>100.12535499955401</v>
      </c>
      <c r="GS5" s="26">
        <f>+BIE_c20150909171933!GI5</f>
        <v>100.136801902042</v>
      </c>
      <c r="GT5" s="26">
        <f>+BIE_c20150909171933!GJ5</f>
        <v>100.121186611561</v>
      </c>
      <c r="GU5" s="26">
        <f>+BIE_c20150909171933!GK5</f>
        <v>100.079356104829</v>
      </c>
      <c r="GV5" s="26">
        <f>+BIE_c20150909171933!GR5</f>
        <v>0</v>
      </c>
      <c r="GW5" s="26">
        <f>+BIE_c20150909171933!GS5</f>
        <v>0</v>
      </c>
      <c r="GX5" s="26">
        <f>+BIE_c20150909171933!GT5</f>
        <v>0</v>
      </c>
      <c r="GY5" s="26">
        <f>+BIE_c20150909171933!GU5</f>
        <v>0</v>
      </c>
      <c r="GZ5" s="26">
        <f>+BIE_c20150909171933!GV5</f>
        <v>0</v>
      </c>
      <c r="HA5" s="26">
        <f>+BIE_c20150909171933!GW5</f>
        <v>0</v>
      </c>
      <c r="HB5" s="26">
        <f>+BIE_c20150909171933!GX5</f>
        <v>0</v>
      </c>
      <c r="HC5" s="26">
        <f>+BIE_c20150909171933!GY5</f>
        <v>0</v>
      </c>
      <c r="HD5" s="26">
        <f>+BIE_c20150909171933!GZ5</f>
        <v>0</v>
      </c>
      <c r="HE5" s="26">
        <f>+BIE_c20150909171933!HA5</f>
        <v>0</v>
      </c>
      <c r="HF5" s="26">
        <f>+BIE_c20150909171933!HB5</f>
        <v>0</v>
      </c>
      <c r="HG5" s="26">
        <f>+BIE_c20150909171933!HC5</f>
        <v>0</v>
      </c>
      <c r="HH5" s="26">
        <f>+BIE_c20150909171933!HD5</f>
        <v>0</v>
      </c>
      <c r="HI5" s="26">
        <f>+BIE_c20150909171933!HE5</f>
        <v>0</v>
      </c>
      <c r="HJ5" s="26">
        <f>+BIE_c20150909171933!HF5</f>
        <v>0</v>
      </c>
      <c r="HK5" s="26">
        <f>+BIE_c20150909171933!HG5</f>
        <v>0</v>
      </c>
      <c r="HL5" s="26">
        <f>+BIE_c20150909171933!HH5</f>
        <v>0</v>
      </c>
      <c r="HM5" s="25">
        <f>+BIE_c20150909171933!HK5</f>
        <v>0</v>
      </c>
      <c r="HN5" s="25">
        <f>+BIE_c20150909171933!HL5</f>
        <v>0</v>
      </c>
      <c r="HO5" s="25">
        <f>+BIE_c20150909171933!HM5</f>
        <v>0</v>
      </c>
      <c r="HP5" s="25">
        <f>+BIE_c20150909171933!HN5</f>
        <v>0</v>
      </c>
      <c r="HQ5" s="25">
        <f>+BIE_c20150909171933!HO5</f>
        <v>0</v>
      </c>
      <c r="HR5" s="25">
        <f>+BIE_c20150909171933!HP5</f>
        <v>0</v>
      </c>
      <c r="HS5" s="25">
        <f>+BIE_c20150909171933!HQ5</f>
        <v>0</v>
      </c>
      <c r="HT5" s="25">
        <f>+BIE_c20150909171933!HR5</f>
        <v>0</v>
      </c>
      <c r="HU5" s="25">
        <f>+BIE_c20150909171933!HS5</f>
        <v>0</v>
      </c>
      <c r="HV5" s="25">
        <f>+BIE_c20150909171933!HT5</f>
        <v>0</v>
      </c>
      <c r="HW5" s="25">
        <f>+BIE_c20150909171933!HU5</f>
        <v>0</v>
      </c>
      <c r="HX5" s="25">
        <f>+BIE_c20150909171933!HV5</f>
        <v>0</v>
      </c>
      <c r="HY5" s="25">
        <f>+BIE_c20150909171933!HW5</f>
        <v>0</v>
      </c>
      <c r="HZ5" s="25">
        <f>+BIE_c20150909171933!HX5</f>
        <v>0</v>
      </c>
      <c r="IA5" s="25">
        <f>+BIE_c20150909171933!HY5</f>
        <v>0</v>
      </c>
      <c r="IB5" s="25">
        <f>+BIE_c20150909171933!HZ5</f>
        <v>0</v>
      </c>
      <c r="IC5" s="25">
        <f>+BIE_c20150909171933!IA5</f>
        <v>0</v>
      </c>
      <c r="ID5" s="25">
        <f>+BIE_c20150909171933!IB5</f>
        <v>0</v>
      </c>
      <c r="IE5" s="25">
        <f>+BIE_c20150909171933!IC5</f>
        <v>0</v>
      </c>
      <c r="IF5" s="25">
        <f>+BIE_c20150909171933!ID5</f>
        <v>0</v>
      </c>
      <c r="IG5" s="25">
        <f>+BIE_c20150909171933!IE5</f>
        <v>0</v>
      </c>
      <c r="IH5" s="25">
        <f>+BIE_c20150909171933!IF5</f>
        <v>0</v>
      </c>
      <c r="II5" s="25">
        <f>+BIE_c20150909171933!IG5</f>
        <v>0</v>
      </c>
      <c r="IJ5" s="25">
        <f>+BIE_c20150909171933!IH5</f>
        <v>0</v>
      </c>
      <c r="IK5" s="25">
        <f>+BIE_c20150909171933!II5</f>
        <v>0</v>
      </c>
      <c r="IL5" s="25">
        <f>+BIE_c20150909171933!IJ5</f>
        <v>0</v>
      </c>
      <c r="IM5" s="25">
        <f>+BIE_c20150909171933!IK5</f>
        <v>0</v>
      </c>
      <c r="IN5" s="25">
        <f>+BIE_c20150909171933!IL5</f>
        <v>0</v>
      </c>
      <c r="IO5" s="25">
        <f>+BIE_c20150909171933!IM5</f>
        <v>0</v>
      </c>
      <c r="IP5" s="25">
        <f>+BIE_c20150909171933!IN5</f>
        <v>0</v>
      </c>
      <c r="IQ5" s="25">
        <f>+BIE_c20150909171933!IO5</f>
        <v>0</v>
      </c>
      <c r="IR5" s="25">
        <f>+BIE_c20150909171933!IP5</f>
        <v>0</v>
      </c>
      <c r="IS5" s="25">
        <f>+BIE_c20150909171933!IQ5</f>
        <v>0</v>
      </c>
      <c r="IT5" s="25">
        <f>+BIE_c20150909171933!IR5</f>
        <v>0</v>
      </c>
      <c r="IU5" s="25">
        <f>+BIE_c20150909171933!IS5</f>
        <v>0</v>
      </c>
      <c r="IV5" s="25">
        <f>+BIE_c20150909171933!IT5</f>
        <v>0</v>
      </c>
      <c r="IW5" s="25">
        <f>+BIE_c20150909171933!IU5</f>
        <v>0</v>
      </c>
      <c r="IX5" s="25">
        <f>+BIE_c20150909171933!IV5</f>
        <v>0</v>
      </c>
      <c r="IY5" s="25">
        <f>+BIE_c20150909171933!IW5</f>
        <v>0</v>
      </c>
      <c r="IZ5" s="25">
        <f>+BIE_c20150909171933!IX5</f>
        <v>0</v>
      </c>
      <c r="JA5" s="25">
        <f>+BIE_c20150909171933!IY5</f>
        <v>0</v>
      </c>
      <c r="JB5" s="25">
        <f>+BIE_c20150909171933!IZ5</f>
        <v>0</v>
      </c>
      <c r="JC5" s="25">
        <f>+BIE_c20150909171933!JA5</f>
        <v>0</v>
      </c>
      <c r="JD5" s="14"/>
    </row>
    <row r="6" spans="1:264" ht="30" x14ac:dyDescent="0.25">
      <c r="A6" s="6" t="s">
        <v>192</v>
      </c>
      <c r="B6" s="27">
        <v>101.026962761375</v>
      </c>
      <c r="C6" s="27">
        <v>101.280963083393</v>
      </c>
      <c r="D6" s="27">
        <v>101.505503465079</v>
      </c>
      <c r="E6" s="27">
        <v>101.691166310561</v>
      </c>
      <c r="F6" s="27">
        <v>101.831641329371</v>
      </c>
      <c r="G6" s="27">
        <v>101.901817722922</v>
      </c>
      <c r="H6" s="27">
        <v>101.88676722432599</v>
      </c>
      <c r="I6" s="27">
        <v>101.78959847057099</v>
      </c>
      <c r="J6" s="27">
        <v>101.59945653121601</v>
      </c>
      <c r="K6" s="27">
        <v>101.324362208678</v>
      </c>
      <c r="L6" s="27">
        <v>101.000670698392</v>
      </c>
      <c r="M6" s="27">
        <v>100.671178830201</v>
      </c>
      <c r="N6" s="27">
        <v>100.373438330616</v>
      </c>
      <c r="O6" s="27">
        <v>100.11368960293299</v>
      </c>
      <c r="P6" s="27">
        <v>99.907536915803007</v>
      </c>
      <c r="Q6" s="27">
        <v>99.770095758321006</v>
      </c>
      <c r="R6" s="27">
        <v>99.733392943674005</v>
      </c>
      <c r="S6" s="27">
        <v>99.757372762870006</v>
      </c>
      <c r="T6" s="27">
        <v>99.785815623638001</v>
      </c>
      <c r="U6" s="27">
        <v>99.767950491974005</v>
      </c>
      <c r="V6" s="27">
        <v>99.697937761847996</v>
      </c>
      <c r="W6" s="27">
        <v>99.585015146897007</v>
      </c>
      <c r="X6" s="27">
        <v>99.461990170335994</v>
      </c>
      <c r="Y6" s="27">
        <v>99.309974373179003</v>
      </c>
      <c r="Z6" s="27">
        <v>99.146386036669</v>
      </c>
      <c r="AA6" s="27">
        <v>99.014531871296001</v>
      </c>
      <c r="AB6" s="27">
        <v>98.950451738929004</v>
      </c>
      <c r="AC6" s="27">
        <v>98.945668407808</v>
      </c>
      <c r="AD6" s="27">
        <v>98.972049997983007</v>
      </c>
      <c r="AE6" s="27">
        <v>99.009560757184005</v>
      </c>
      <c r="AF6" s="27">
        <v>99.048823404345001</v>
      </c>
      <c r="AG6" s="27">
        <v>99.074394558061002</v>
      </c>
      <c r="AH6" s="27">
        <v>99.077503648207994</v>
      </c>
      <c r="AI6" s="27">
        <v>99.058740978857003</v>
      </c>
      <c r="AJ6" s="27">
        <v>99.015794517377003</v>
      </c>
      <c r="AK6" s="27">
        <v>98.963418385938994</v>
      </c>
      <c r="AL6" s="27">
        <v>98.908022713096997</v>
      </c>
      <c r="AM6" s="27">
        <v>98.851341502124001</v>
      </c>
      <c r="AN6" s="27">
        <v>98.777060604132004</v>
      </c>
      <c r="AO6" s="27">
        <v>98.699719383181005</v>
      </c>
      <c r="AP6" s="27">
        <v>98.634628208318006</v>
      </c>
      <c r="AQ6" s="27">
        <v>98.588757175211001</v>
      </c>
      <c r="AR6" s="27">
        <v>98.562265744906995</v>
      </c>
      <c r="AS6" s="27">
        <v>98.567446632699998</v>
      </c>
      <c r="AT6" s="27">
        <v>98.624586090435002</v>
      </c>
      <c r="AU6" s="27">
        <v>98.746649136515998</v>
      </c>
      <c r="AV6" s="27">
        <v>98.929423532140007</v>
      </c>
      <c r="AW6" s="27">
        <v>99.155365699794004</v>
      </c>
      <c r="AX6" s="27">
        <v>99.383003932107002</v>
      </c>
      <c r="AY6" s="27">
        <v>99.577057023978995</v>
      </c>
      <c r="AZ6" s="27">
        <v>99.710403062186003</v>
      </c>
      <c r="BA6" s="27">
        <v>99.757653900980003</v>
      </c>
      <c r="BB6" s="27">
        <v>99.739901651159002</v>
      </c>
      <c r="BC6" s="27">
        <v>99.690549136285995</v>
      </c>
      <c r="BD6" s="27">
        <v>99.637506593905997</v>
      </c>
      <c r="BE6" s="27">
        <v>99.605665196239002</v>
      </c>
      <c r="BF6" s="27">
        <v>99.606959205455993</v>
      </c>
      <c r="BG6" s="27">
        <v>99.631173671802003</v>
      </c>
      <c r="BH6" s="27">
        <v>99.662882509693006</v>
      </c>
      <c r="BI6" s="27">
        <v>99.697493278965993</v>
      </c>
      <c r="BJ6" s="27">
        <v>99.736482792961993</v>
      </c>
      <c r="BK6" s="27">
        <v>99.761052194515003</v>
      </c>
      <c r="BL6" s="27">
        <v>99.768764895076998</v>
      </c>
      <c r="BM6" s="27">
        <v>99.759213361193005</v>
      </c>
      <c r="BN6" s="27">
        <v>99.729652919711995</v>
      </c>
      <c r="BO6" s="27">
        <v>99.679626086159999</v>
      </c>
      <c r="BP6" s="27">
        <v>99.674684018657004</v>
      </c>
      <c r="BQ6" s="27">
        <v>99.770723681378001</v>
      </c>
      <c r="BR6" s="27">
        <v>99.941105417765996</v>
      </c>
      <c r="BS6" s="27">
        <v>100.174370460559</v>
      </c>
      <c r="BT6" s="27">
        <v>100.45495725959</v>
      </c>
      <c r="BU6" s="27">
        <v>100.733204144048</v>
      </c>
      <c r="BV6" s="27">
        <v>100.97492654031601</v>
      </c>
      <c r="BW6" s="27">
        <v>101.179289859324</v>
      </c>
      <c r="BX6" s="27">
        <v>101.364635127375</v>
      </c>
      <c r="BY6" s="27">
        <v>101.515183088255</v>
      </c>
      <c r="BZ6" s="27">
        <v>101.62072256229401</v>
      </c>
      <c r="CA6" s="27">
        <v>101.665490310718</v>
      </c>
      <c r="CB6" s="27">
        <v>101.656773863448</v>
      </c>
      <c r="CC6" s="27">
        <v>101.608961967016</v>
      </c>
      <c r="CD6" s="27">
        <v>101.523740657459</v>
      </c>
      <c r="CE6" s="27">
        <v>101.423796270504</v>
      </c>
      <c r="CF6" s="27">
        <v>101.346641580659</v>
      </c>
      <c r="CG6" s="27">
        <v>101.317225885868</v>
      </c>
      <c r="CH6" s="27">
        <v>101.351907859181</v>
      </c>
      <c r="CI6" s="27">
        <v>101.437615414913</v>
      </c>
      <c r="CJ6" s="27">
        <v>101.53935796634801</v>
      </c>
      <c r="CK6" s="27">
        <v>101.614954228362</v>
      </c>
      <c r="CL6" s="27">
        <v>101.660882985041</v>
      </c>
      <c r="CM6" s="27">
        <v>101.683402531689</v>
      </c>
      <c r="CN6" s="27">
        <v>101.685903057361</v>
      </c>
      <c r="CO6" s="27">
        <v>101.67165723473801</v>
      </c>
      <c r="CP6" s="27">
        <v>101.66401269453399</v>
      </c>
      <c r="CQ6" s="27">
        <v>101.660189059481</v>
      </c>
      <c r="CR6" s="27">
        <v>101.675164756021</v>
      </c>
      <c r="CS6" s="27">
        <v>101.72262512769601</v>
      </c>
      <c r="CT6" s="27">
        <v>101.76452372608399</v>
      </c>
      <c r="CU6" s="27">
        <v>101.776980483497</v>
      </c>
      <c r="CV6" s="27">
        <v>101.742817369021</v>
      </c>
      <c r="CW6" s="27">
        <v>101.66902507598699</v>
      </c>
      <c r="CX6" s="27">
        <v>101.560486746328</v>
      </c>
      <c r="CY6" s="27">
        <v>101.39700322816699</v>
      </c>
      <c r="CZ6" s="27">
        <v>101.149253358661</v>
      </c>
      <c r="DA6" s="27">
        <v>100.804315909482</v>
      </c>
      <c r="DB6" s="27">
        <v>100.357537959098</v>
      </c>
      <c r="DC6" s="27">
        <v>99.826660913734997</v>
      </c>
      <c r="DD6" s="27">
        <v>99.223718318150006</v>
      </c>
      <c r="DE6" s="27">
        <v>98.593487686892004</v>
      </c>
      <c r="DF6" s="27">
        <v>97.995284187020999</v>
      </c>
      <c r="DG6" s="27">
        <v>97.500195576370999</v>
      </c>
      <c r="DH6" s="27">
        <v>97.121674314531006</v>
      </c>
      <c r="DI6" s="27">
        <v>96.868946465576997</v>
      </c>
      <c r="DJ6" s="27">
        <v>96.734342093636997</v>
      </c>
      <c r="DK6" s="27">
        <v>96.711952723137998</v>
      </c>
      <c r="DL6" s="27">
        <v>96.782296371887995</v>
      </c>
      <c r="DM6" s="27">
        <v>96.915297717198996</v>
      </c>
      <c r="DN6" s="27">
        <v>97.116258929332005</v>
      </c>
      <c r="DO6" s="27">
        <v>97.374492061845999</v>
      </c>
      <c r="DP6" s="27">
        <v>97.659158016752997</v>
      </c>
      <c r="DQ6" s="27">
        <v>97.932963908199994</v>
      </c>
      <c r="DR6" s="27">
        <v>98.193867274335005</v>
      </c>
      <c r="DS6" s="27">
        <v>98.438322969303002</v>
      </c>
      <c r="DT6" s="27">
        <v>98.664498760808996</v>
      </c>
      <c r="DU6" s="27">
        <v>98.861738023133995</v>
      </c>
      <c r="DV6" s="27">
        <v>99.022910592989007</v>
      </c>
      <c r="DW6" s="27">
        <v>99.158442586419994</v>
      </c>
      <c r="DX6" s="27">
        <v>99.276999370401001</v>
      </c>
      <c r="DY6" s="27">
        <v>99.374587679643</v>
      </c>
      <c r="DZ6" s="27">
        <v>99.436384266836995</v>
      </c>
      <c r="EA6" s="27">
        <v>99.480468061848995</v>
      </c>
      <c r="EB6" s="27">
        <v>99.532415993211998</v>
      </c>
      <c r="EC6" s="27">
        <v>99.604745534331002</v>
      </c>
      <c r="ED6" s="27">
        <v>99.690524849539003</v>
      </c>
      <c r="EE6" s="27">
        <v>99.784600686288996</v>
      </c>
      <c r="EF6" s="27">
        <v>99.882701891097994</v>
      </c>
      <c r="EG6" s="27">
        <v>99.975949391016997</v>
      </c>
      <c r="EH6" s="27">
        <v>100.06586835698501</v>
      </c>
      <c r="EI6" s="27">
        <v>100.14919161349501</v>
      </c>
      <c r="EJ6" s="27">
        <v>100.24028405605399</v>
      </c>
      <c r="EK6" s="27">
        <v>100.346629288494</v>
      </c>
      <c r="EL6" s="27">
        <v>100.470196857491</v>
      </c>
      <c r="EM6" s="27">
        <v>100.60053791455501</v>
      </c>
      <c r="EN6" s="27">
        <v>100.72552413749899</v>
      </c>
      <c r="EO6" s="27">
        <v>100.84028578841</v>
      </c>
      <c r="EP6" s="27">
        <v>100.939972385196</v>
      </c>
      <c r="EQ6" s="27">
        <v>101.026008933871</v>
      </c>
      <c r="ER6" s="27">
        <v>101.09832111356501</v>
      </c>
      <c r="ES6" s="27">
        <v>101.151366017451</v>
      </c>
      <c r="ET6" s="27">
        <v>101.17159791577799</v>
      </c>
      <c r="EU6" s="27">
        <v>101.149752806794</v>
      </c>
      <c r="EV6" s="27">
        <v>101.077919605129</v>
      </c>
      <c r="EW6" s="27">
        <v>100.968758630875</v>
      </c>
      <c r="EX6" s="27">
        <v>100.840735816753</v>
      </c>
      <c r="EY6" s="27">
        <v>100.68645282286199</v>
      </c>
      <c r="EZ6" s="27">
        <v>100.528654668809</v>
      </c>
      <c r="FA6" s="27">
        <v>100.35358052617499</v>
      </c>
      <c r="FB6" s="27">
        <v>100.183889907268</v>
      </c>
      <c r="FC6" s="27">
        <v>100.031124787908</v>
      </c>
      <c r="FD6" s="27">
        <v>99.887911204914005</v>
      </c>
      <c r="FE6" s="27">
        <v>99.751610234623996</v>
      </c>
      <c r="FF6" s="27">
        <v>99.647847179419998</v>
      </c>
      <c r="FG6" s="27">
        <v>99.5833296598</v>
      </c>
      <c r="FH6" s="27">
        <v>99.553229874810995</v>
      </c>
      <c r="FI6" s="27">
        <v>99.552392991312999</v>
      </c>
      <c r="FJ6" s="27">
        <v>99.579317290050994</v>
      </c>
      <c r="FK6" s="27">
        <v>99.641368735333003</v>
      </c>
      <c r="FL6" s="27">
        <v>99.733663761648998</v>
      </c>
      <c r="FM6" s="27">
        <v>99.844991261632998</v>
      </c>
      <c r="FN6" s="27">
        <v>99.967246662570005</v>
      </c>
      <c r="FO6" s="27">
        <v>100.08821219942899</v>
      </c>
      <c r="FP6" s="27">
        <v>100.204652185504</v>
      </c>
      <c r="FQ6" s="27">
        <v>100.308765160221</v>
      </c>
      <c r="FR6" s="27">
        <v>100.389190487638</v>
      </c>
      <c r="FS6" s="27">
        <v>100.43751049582799</v>
      </c>
      <c r="FT6" s="27">
        <v>100.46029073438601</v>
      </c>
      <c r="FU6" s="27">
        <v>100.466142786565</v>
      </c>
      <c r="FV6" s="27">
        <v>100.462592948885</v>
      </c>
      <c r="FW6" s="27">
        <v>100.45279103268901</v>
      </c>
      <c r="FX6" s="27">
        <v>100.430592414527</v>
      </c>
      <c r="FY6" s="27">
        <v>100.388645374022</v>
      </c>
      <c r="FZ6" s="27">
        <v>100.332135366291</v>
      </c>
      <c r="GA6" s="27">
        <v>100.274889655414</v>
      </c>
      <c r="GB6" s="27">
        <v>100.220698612121</v>
      </c>
      <c r="GC6" s="27">
        <v>100.170282256383</v>
      </c>
      <c r="GD6" s="27">
        <v>100.12531903256099</v>
      </c>
      <c r="GE6" s="27">
        <v>100.106096593206</v>
      </c>
      <c r="GF6" s="27">
        <v>100.10414888888199</v>
      </c>
      <c r="GG6" s="27">
        <v>100.09980556518001</v>
      </c>
      <c r="GH6" s="27">
        <v>100.075719141638</v>
      </c>
      <c r="GI6" s="27">
        <v>100.023432188039</v>
      </c>
      <c r="GJ6" s="27">
        <v>99.951424300892</v>
      </c>
      <c r="GK6" s="27">
        <v>99.870291538383</v>
      </c>
      <c r="GL6" s="27">
        <v>99.775116091393002</v>
      </c>
      <c r="GM6" s="27">
        <v>99.641273066210999</v>
      </c>
      <c r="GN6" s="27">
        <v>99.475370015156003</v>
      </c>
      <c r="GO6" s="27">
        <v>99.292099113430993</v>
      </c>
      <c r="GP6" s="27"/>
      <c r="GQ6" s="7"/>
      <c r="GR6" s="26">
        <f>+BIE_c20150909171933!GH6</f>
        <v>100.075719141638</v>
      </c>
      <c r="GS6" s="26">
        <f>+BIE_c20150909171933!GI6</f>
        <v>100.023432188039</v>
      </c>
      <c r="GT6" s="26">
        <f>+BIE_c20150909171933!GJ6</f>
        <v>99.951424300892</v>
      </c>
      <c r="GU6" s="26">
        <f>+BIE_c20150909171933!GK6</f>
        <v>99.870291538383</v>
      </c>
      <c r="GV6" s="26">
        <f>+BIE_c20150909171933!GR6</f>
        <v>0</v>
      </c>
      <c r="GW6" s="26">
        <f>+BIE_c20150909171933!GS6</f>
        <v>0</v>
      </c>
      <c r="GX6" s="26">
        <f>+BIE_c20150909171933!GT6</f>
        <v>0</v>
      </c>
      <c r="GY6" s="26">
        <f>+BIE_c20150909171933!GU6</f>
        <v>0</v>
      </c>
      <c r="GZ6" s="26">
        <f>+BIE_c20150909171933!GV6</f>
        <v>0</v>
      </c>
      <c r="HA6" s="26">
        <f>+BIE_c20150909171933!GW6</f>
        <v>0</v>
      </c>
      <c r="HB6" s="26">
        <f>+BIE_c20150909171933!GX6</f>
        <v>0</v>
      </c>
      <c r="HC6" s="26">
        <f>+BIE_c20150909171933!GY6</f>
        <v>0</v>
      </c>
      <c r="HD6" s="26">
        <f>+BIE_c20150909171933!GZ6</f>
        <v>0</v>
      </c>
      <c r="HE6" s="26">
        <f>+BIE_c20150909171933!HA6</f>
        <v>0</v>
      </c>
      <c r="HF6" s="26">
        <f>+BIE_c20150909171933!HB6</f>
        <v>0</v>
      </c>
      <c r="HG6" s="26">
        <f>+BIE_c20150909171933!HC6</f>
        <v>0</v>
      </c>
      <c r="HH6" s="26">
        <f>+BIE_c20150909171933!HD6</f>
        <v>0</v>
      </c>
      <c r="HI6" s="26">
        <f>+BIE_c20150909171933!HE6</f>
        <v>0</v>
      </c>
      <c r="HJ6" s="26">
        <f>+BIE_c20150909171933!HF6</f>
        <v>0</v>
      </c>
      <c r="HK6" s="26">
        <f>+BIE_c20150909171933!HG6</f>
        <v>0</v>
      </c>
      <c r="HL6" s="26">
        <f>+BIE_c20150909171933!HH6</f>
        <v>0</v>
      </c>
      <c r="HM6" s="25">
        <f>+BIE_c20150909171933!HK6</f>
        <v>0</v>
      </c>
      <c r="HN6" s="25">
        <f>+BIE_c20150909171933!HL6</f>
        <v>0</v>
      </c>
      <c r="HO6" s="25">
        <f>+BIE_c20150909171933!HM6</f>
        <v>0</v>
      </c>
      <c r="HP6" s="25">
        <f>+BIE_c20150909171933!HN6</f>
        <v>0</v>
      </c>
      <c r="HQ6" s="25">
        <f>+BIE_c20150909171933!HO6</f>
        <v>0</v>
      </c>
      <c r="HR6" s="25">
        <f>+BIE_c20150909171933!HP6</f>
        <v>0</v>
      </c>
      <c r="HS6" s="25">
        <f>+BIE_c20150909171933!HQ6</f>
        <v>0</v>
      </c>
      <c r="HT6" s="25">
        <f>+BIE_c20150909171933!HR6</f>
        <v>0</v>
      </c>
      <c r="HU6" s="25">
        <f>+BIE_c20150909171933!HS6</f>
        <v>0</v>
      </c>
      <c r="HV6" s="25">
        <f>+BIE_c20150909171933!HT6</f>
        <v>0</v>
      </c>
      <c r="HW6" s="25">
        <f>+BIE_c20150909171933!HU6</f>
        <v>0</v>
      </c>
      <c r="HX6" s="25">
        <f>+BIE_c20150909171933!HV6</f>
        <v>0</v>
      </c>
      <c r="HY6" s="25">
        <f>+BIE_c20150909171933!HW6</f>
        <v>0</v>
      </c>
      <c r="HZ6" s="25">
        <f>+BIE_c20150909171933!HX6</f>
        <v>0</v>
      </c>
      <c r="IA6" s="25">
        <f>+BIE_c20150909171933!HY6</f>
        <v>0</v>
      </c>
      <c r="IB6" s="25">
        <f>+BIE_c20150909171933!HZ6</f>
        <v>0</v>
      </c>
      <c r="IC6" s="25">
        <f>+BIE_c20150909171933!IA6</f>
        <v>0</v>
      </c>
      <c r="ID6" s="25">
        <f>+BIE_c20150909171933!IB6</f>
        <v>0</v>
      </c>
      <c r="IE6" s="25">
        <f>+BIE_c20150909171933!IC6</f>
        <v>0</v>
      </c>
      <c r="IF6" s="25">
        <f>+BIE_c20150909171933!ID6</f>
        <v>0</v>
      </c>
      <c r="IG6" s="25">
        <f>+BIE_c20150909171933!IE6</f>
        <v>0</v>
      </c>
      <c r="IH6" s="25">
        <f>+BIE_c20150909171933!IF6</f>
        <v>0</v>
      </c>
      <c r="II6" s="25">
        <f>+BIE_c20150909171933!IG6</f>
        <v>0</v>
      </c>
      <c r="IJ6" s="25">
        <f>+BIE_c20150909171933!IH6</f>
        <v>0</v>
      </c>
      <c r="IK6" s="25">
        <f>+BIE_c20150909171933!II6</f>
        <v>0</v>
      </c>
      <c r="IL6" s="25">
        <f>+BIE_c20150909171933!IJ6</f>
        <v>0</v>
      </c>
      <c r="IM6" s="25">
        <f>+BIE_c20150909171933!IK6</f>
        <v>0</v>
      </c>
      <c r="IN6" s="25">
        <f>+BIE_c20150909171933!IL6</f>
        <v>0</v>
      </c>
      <c r="IO6" s="25">
        <f>+BIE_c20150909171933!IM6</f>
        <v>0</v>
      </c>
      <c r="IP6" s="25">
        <f>+BIE_c20150909171933!IN6</f>
        <v>0</v>
      </c>
      <c r="IQ6" s="25">
        <f>+BIE_c20150909171933!IO6</f>
        <v>0</v>
      </c>
      <c r="IR6" s="25">
        <f>+BIE_c20150909171933!IP6</f>
        <v>0</v>
      </c>
      <c r="IS6" s="25">
        <f>+BIE_c20150909171933!IQ6</f>
        <v>0</v>
      </c>
      <c r="IT6" s="25">
        <f>+BIE_c20150909171933!IR6</f>
        <v>0</v>
      </c>
      <c r="IU6" s="25">
        <f>+BIE_c20150909171933!IS6</f>
        <v>0</v>
      </c>
      <c r="IV6" s="25">
        <f>+BIE_c20150909171933!IT6</f>
        <v>0</v>
      </c>
      <c r="IW6" s="25">
        <f>+BIE_c20150909171933!IU6</f>
        <v>0</v>
      </c>
      <c r="IX6" s="25">
        <f>+BIE_c20150909171933!IV6</f>
        <v>0</v>
      </c>
      <c r="IY6" s="25">
        <f>+BIE_c20150909171933!IW6</f>
        <v>0</v>
      </c>
      <c r="IZ6" s="25">
        <f>+BIE_c20150909171933!IX6</f>
        <v>0</v>
      </c>
      <c r="JA6" s="25">
        <f>+BIE_c20150909171933!IY6</f>
        <v>0</v>
      </c>
      <c r="JB6" s="25">
        <f>+BIE_c20150909171933!IZ6</f>
        <v>0</v>
      </c>
      <c r="JC6" s="25">
        <f>+BIE_c20150909171933!JA6</f>
        <v>0</v>
      </c>
      <c r="JD6" s="14"/>
    </row>
    <row r="7" spans="1:264" ht="45" x14ac:dyDescent="0.25">
      <c r="A7" s="6" t="s">
        <v>193</v>
      </c>
      <c r="B7" s="27">
        <v>100.460224450021</v>
      </c>
      <c r="C7" s="27">
        <v>100.596603856238</v>
      </c>
      <c r="D7" s="27">
        <v>100.764239177435</v>
      </c>
      <c r="E7" s="27">
        <v>100.96774311236101</v>
      </c>
      <c r="F7" s="27">
        <v>101.17627452864799</v>
      </c>
      <c r="G7" s="27">
        <v>101.360678338591</v>
      </c>
      <c r="H7" s="27">
        <v>101.49484461034901</v>
      </c>
      <c r="I7" s="27">
        <v>101.57400548237</v>
      </c>
      <c r="J7" s="27">
        <v>101.59921719491101</v>
      </c>
      <c r="K7" s="27">
        <v>101.57306642123601</v>
      </c>
      <c r="L7" s="27">
        <v>101.51508281341199</v>
      </c>
      <c r="M7" s="27">
        <v>101.45082005483199</v>
      </c>
      <c r="N7" s="27">
        <v>101.39162211271</v>
      </c>
      <c r="O7" s="27">
        <v>101.309322689357</v>
      </c>
      <c r="P7" s="27">
        <v>101.18770712466799</v>
      </c>
      <c r="Q7" s="27">
        <v>101.031877484921</v>
      </c>
      <c r="R7" s="27">
        <v>100.864054686919</v>
      </c>
      <c r="S7" s="27">
        <v>100.70600106443401</v>
      </c>
      <c r="T7" s="27">
        <v>100.569214922497</v>
      </c>
      <c r="U7" s="27">
        <v>100.461732203907</v>
      </c>
      <c r="V7" s="27">
        <v>100.37542486815001</v>
      </c>
      <c r="W7" s="27">
        <v>100.29905720756</v>
      </c>
      <c r="X7" s="27">
        <v>100.230625779961</v>
      </c>
      <c r="Y7" s="27">
        <v>100.164468684757</v>
      </c>
      <c r="Z7" s="27">
        <v>100.104823288509</v>
      </c>
      <c r="AA7" s="27">
        <v>100.054845267093</v>
      </c>
      <c r="AB7" s="27">
        <v>100.00580679153801</v>
      </c>
      <c r="AC7" s="27">
        <v>99.950828896569007</v>
      </c>
      <c r="AD7" s="27">
        <v>99.889729898742004</v>
      </c>
      <c r="AE7" s="27">
        <v>99.820219326323993</v>
      </c>
      <c r="AF7" s="27">
        <v>99.748536024944997</v>
      </c>
      <c r="AG7" s="27">
        <v>99.672750256192003</v>
      </c>
      <c r="AH7" s="27">
        <v>99.589362088711994</v>
      </c>
      <c r="AI7" s="27">
        <v>99.506253258209995</v>
      </c>
      <c r="AJ7" s="27">
        <v>99.427189431881999</v>
      </c>
      <c r="AK7" s="27">
        <v>99.348047613309006</v>
      </c>
      <c r="AL7" s="27">
        <v>99.266874129320001</v>
      </c>
      <c r="AM7" s="27">
        <v>99.191922906578995</v>
      </c>
      <c r="AN7" s="27">
        <v>99.129597479856997</v>
      </c>
      <c r="AO7" s="27">
        <v>99.091942142690002</v>
      </c>
      <c r="AP7" s="27">
        <v>99.078710016868996</v>
      </c>
      <c r="AQ7" s="27">
        <v>99.086180800432999</v>
      </c>
      <c r="AR7" s="27">
        <v>99.105500184910994</v>
      </c>
      <c r="AS7" s="27">
        <v>99.137631330340994</v>
      </c>
      <c r="AT7" s="27">
        <v>99.189406188419994</v>
      </c>
      <c r="AU7" s="27">
        <v>99.266294008119004</v>
      </c>
      <c r="AV7" s="27">
        <v>99.366004605642999</v>
      </c>
      <c r="AW7" s="27">
        <v>99.485241212917003</v>
      </c>
      <c r="AX7" s="27">
        <v>99.614993742297997</v>
      </c>
      <c r="AY7" s="27">
        <v>99.749954113266</v>
      </c>
      <c r="AZ7" s="27">
        <v>99.890115271585998</v>
      </c>
      <c r="BA7" s="27">
        <v>100.017762917356</v>
      </c>
      <c r="BB7" s="27">
        <v>100.120790542336</v>
      </c>
      <c r="BC7" s="27">
        <v>100.20699289276</v>
      </c>
      <c r="BD7" s="27">
        <v>100.29030844174299</v>
      </c>
      <c r="BE7" s="27">
        <v>100.367369639945</v>
      </c>
      <c r="BF7" s="27">
        <v>100.449981651337</v>
      </c>
      <c r="BG7" s="27">
        <v>100.52483457253901</v>
      </c>
      <c r="BH7" s="27">
        <v>100.571775665602</v>
      </c>
      <c r="BI7" s="27">
        <v>100.573409214561</v>
      </c>
      <c r="BJ7" s="27">
        <v>100.544853172289</v>
      </c>
      <c r="BK7" s="27">
        <v>100.49590059323501</v>
      </c>
      <c r="BL7" s="27">
        <v>100.42997032182799</v>
      </c>
      <c r="BM7" s="27">
        <v>100.346028541415</v>
      </c>
      <c r="BN7" s="27">
        <v>100.27312904401499</v>
      </c>
      <c r="BO7" s="27">
        <v>100.225980373425</v>
      </c>
      <c r="BP7" s="27">
        <v>100.226867665911</v>
      </c>
      <c r="BQ7" s="27">
        <v>100.262517069477</v>
      </c>
      <c r="BR7" s="27">
        <v>100.307006551586</v>
      </c>
      <c r="BS7" s="27">
        <v>100.327598979329</v>
      </c>
      <c r="BT7" s="27">
        <v>100.333230842421</v>
      </c>
      <c r="BU7" s="27">
        <v>100.33446191112201</v>
      </c>
      <c r="BV7" s="27">
        <v>100.331941369055</v>
      </c>
      <c r="BW7" s="27">
        <v>100.32026683663899</v>
      </c>
      <c r="BX7" s="27">
        <v>100.30014125243601</v>
      </c>
      <c r="BY7" s="27">
        <v>100.281817121904</v>
      </c>
      <c r="BZ7" s="27">
        <v>100.26042055991999</v>
      </c>
      <c r="CA7" s="27">
        <v>100.239585383838</v>
      </c>
      <c r="CB7" s="27">
        <v>100.225682895316</v>
      </c>
      <c r="CC7" s="27">
        <v>100.225075750202</v>
      </c>
      <c r="CD7" s="27">
        <v>100.234576687871</v>
      </c>
      <c r="CE7" s="27">
        <v>100.243994002462</v>
      </c>
      <c r="CF7" s="27">
        <v>100.256162255462</v>
      </c>
      <c r="CG7" s="27">
        <v>100.272406323239</v>
      </c>
      <c r="CH7" s="27">
        <v>100.2921323098</v>
      </c>
      <c r="CI7" s="27">
        <v>100.315868443184</v>
      </c>
      <c r="CJ7" s="27">
        <v>100.346172603928</v>
      </c>
      <c r="CK7" s="27">
        <v>100.393092962243</v>
      </c>
      <c r="CL7" s="27">
        <v>100.45937716320699</v>
      </c>
      <c r="CM7" s="27">
        <v>100.537831067518</v>
      </c>
      <c r="CN7" s="27">
        <v>100.612428086759</v>
      </c>
      <c r="CO7" s="27">
        <v>100.67159292833701</v>
      </c>
      <c r="CP7" s="27">
        <v>100.710123118751</v>
      </c>
      <c r="CQ7" s="27">
        <v>100.72892522240301</v>
      </c>
      <c r="CR7" s="27">
        <v>100.737550005597</v>
      </c>
      <c r="CS7" s="27">
        <v>100.74761154522901</v>
      </c>
      <c r="CT7" s="27">
        <v>100.774045451628</v>
      </c>
      <c r="CU7" s="27">
        <v>100.80081650524799</v>
      </c>
      <c r="CV7" s="27">
        <v>100.81386793777099</v>
      </c>
      <c r="CW7" s="27">
        <v>100.79760663007301</v>
      </c>
      <c r="CX7" s="27">
        <v>100.76405163907</v>
      </c>
      <c r="CY7" s="27">
        <v>100.702426860247</v>
      </c>
      <c r="CZ7" s="27">
        <v>100.60319511105899</v>
      </c>
      <c r="DA7" s="27">
        <v>100.48123597797699</v>
      </c>
      <c r="DB7" s="27">
        <v>100.350907747668</v>
      </c>
      <c r="DC7" s="27">
        <v>100.225506665772</v>
      </c>
      <c r="DD7" s="27">
        <v>100.111141608606</v>
      </c>
      <c r="DE7" s="27">
        <v>100.011880459925</v>
      </c>
      <c r="DF7" s="27">
        <v>99.925419142536995</v>
      </c>
      <c r="DG7" s="27">
        <v>99.841789399922007</v>
      </c>
      <c r="DH7" s="27">
        <v>99.753544645215001</v>
      </c>
      <c r="DI7" s="27">
        <v>99.654263768581004</v>
      </c>
      <c r="DJ7" s="27">
        <v>99.559009983256004</v>
      </c>
      <c r="DK7" s="27">
        <v>99.487330818401006</v>
      </c>
      <c r="DL7" s="27">
        <v>99.437557196691998</v>
      </c>
      <c r="DM7" s="27">
        <v>99.405052146274002</v>
      </c>
      <c r="DN7" s="27">
        <v>99.386071992067002</v>
      </c>
      <c r="DO7" s="27">
        <v>99.380081961201995</v>
      </c>
      <c r="DP7" s="27">
        <v>99.389472009176998</v>
      </c>
      <c r="DQ7" s="27">
        <v>99.409080680377997</v>
      </c>
      <c r="DR7" s="27">
        <v>99.424239455008006</v>
      </c>
      <c r="DS7" s="27">
        <v>99.442194460132001</v>
      </c>
      <c r="DT7" s="27">
        <v>99.459478889517996</v>
      </c>
      <c r="DU7" s="27">
        <v>99.479023714177004</v>
      </c>
      <c r="DV7" s="27">
        <v>99.500806899504994</v>
      </c>
      <c r="DW7" s="27">
        <v>99.517370032646994</v>
      </c>
      <c r="DX7" s="27">
        <v>99.524621261386997</v>
      </c>
      <c r="DY7" s="27">
        <v>99.514323572205001</v>
      </c>
      <c r="DZ7" s="27">
        <v>99.480116373458998</v>
      </c>
      <c r="EA7" s="27">
        <v>99.436092542650997</v>
      </c>
      <c r="EB7" s="27">
        <v>99.398692201290004</v>
      </c>
      <c r="EC7" s="27">
        <v>99.394961578386003</v>
      </c>
      <c r="ED7" s="27">
        <v>99.403187133811997</v>
      </c>
      <c r="EE7" s="27">
        <v>99.406882759368003</v>
      </c>
      <c r="EF7" s="27">
        <v>99.421464429460002</v>
      </c>
      <c r="EG7" s="27">
        <v>99.447251744667994</v>
      </c>
      <c r="EH7" s="27">
        <v>99.473099571237</v>
      </c>
      <c r="EI7" s="27">
        <v>99.499663685295999</v>
      </c>
      <c r="EJ7" s="27">
        <v>99.535388749039996</v>
      </c>
      <c r="EK7" s="27">
        <v>99.591294586084004</v>
      </c>
      <c r="EL7" s="27">
        <v>99.669254913676994</v>
      </c>
      <c r="EM7" s="27">
        <v>99.759266019680993</v>
      </c>
      <c r="EN7" s="27">
        <v>99.854300715384994</v>
      </c>
      <c r="EO7" s="27">
        <v>99.950495329115995</v>
      </c>
      <c r="EP7" s="27">
        <v>100.03681097921201</v>
      </c>
      <c r="EQ7" s="27">
        <v>100.10900910041801</v>
      </c>
      <c r="ER7" s="27">
        <v>100.164435790033</v>
      </c>
      <c r="ES7" s="27">
        <v>100.20246324847599</v>
      </c>
      <c r="ET7" s="27">
        <v>100.224434630141</v>
      </c>
      <c r="EU7" s="27">
        <v>100.235148609131</v>
      </c>
      <c r="EV7" s="27">
        <v>100.239715288676</v>
      </c>
      <c r="EW7" s="27">
        <v>100.24077175521199</v>
      </c>
      <c r="EX7" s="27">
        <v>100.22586405671299</v>
      </c>
      <c r="EY7" s="27">
        <v>100.172294917768</v>
      </c>
      <c r="EZ7" s="27">
        <v>100.08696855993399</v>
      </c>
      <c r="FA7" s="27">
        <v>99.992838605303007</v>
      </c>
      <c r="FB7" s="27">
        <v>99.931778283987001</v>
      </c>
      <c r="FC7" s="27">
        <v>99.893639252038</v>
      </c>
      <c r="FD7" s="27">
        <v>99.869721806561003</v>
      </c>
      <c r="FE7" s="27">
        <v>99.855891742419004</v>
      </c>
      <c r="FF7" s="27">
        <v>99.852106797111006</v>
      </c>
      <c r="FG7" s="27">
        <v>99.838741357654996</v>
      </c>
      <c r="FH7" s="27">
        <v>99.812312915922007</v>
      </c>
      <c r="FI7" s="27">
        <v>99.764893131042001</v>
      </c>
      <c r="FJ7" s="27">
        <v>99.731879494755006</v>
      </c>
      <c r="FK7" s="27">
        <v>99.722035708931003</v>
      </c>
      <c r="FL7" s="27">
        <v>99.732168427621005</v>
      </c>
      <c r="FM7" s="27">
        <v>99.730304260427999</v>
      </c>
      <c r="FN7" s="27">
        <v>99.711818682227999</v>
      </c>
      <c r="FO7" s="27">
        <v>99.693331947138006</v>
      </c>
      <c r="FP7" s="27">
        <v>99.686814831302996</v>
      </c>
      <c r="FQ7" s="27">
        <v>99.697374114854995</v>
      </c>
      <c r="FR7" s="27">
        <v>99.719087063670003</v>
      </c>
      <c r="FS7" s="27">
        <v>99.750624313423998</v>
      </c>
      <c r="FT7" s="27">
        <v>99.778316857928004</v>
      </c>
      <c r="FU7" s="27">
        <v>99.796704970679997</v>
      </c>
      <c r="FV7" s="27">
        <v>99.811253437106004</v>
      </c>
      <c r="FW7" s="27">
        <v>99.828999819242</v>
      </c>
      <c r="FX7" s="27">
        <v>99.855643332569997</v>
      </c>
      <c r="FY7" s="27">
        <v>99.893258870687006</v>
      </c>
      <c r="FZ7" s="27">
        <v>99.942623017886007</v>
      </c>
      <c r="GA7" s="27">
        <v>99.992293561769998</v>
      </c>
      <c r="GB7" s="27">
        <v>100.03531945614</v>
      </c>
      <c r="GC7" s="27">
        <v>100.075456815826</v>
      </c>
      <c r="GD7" s="27">
        <v>100.116826010818</v>
      </c>
      <c r="GE7" s="27">
        <v>100.15952874861701</v>
      </c>
      <c r="GF7" s="27">
        <v>100.192998400345</v>
      </c>
      <c r="GG7" s="27">
        <v>100.213280717901</v>
      </c>
      <c r="GH7" s="27">
        <v>100.22144639182299</v>
      </c>
      <c r="GI7" s="27">
        <v>100.236679508241</v>
      </c>
      <c r="GJ7" s="27">
        <v>100.27761182418401</v>
      </c>
      <c r="GK7" s="27">
        <v>100.357522565273</v>
      </c>
      <c r="GL7" s="27">
        <v>100.486512924594</v>
      </c>
      <c r="GM7" s="27">
        <v>100.638730865356</v>
      </c>
      <c r="GN7" s="27">
        <v>100.793127480858</v>
      </c>
      <c r="GO7" s="27">
        <v>100.924434840537</v>
      </c>
      <c r="GP7" s="27"/>
      <c r="GQ7" s="7"/>
      <c r="GR7" s="26">
        <f>+BIE_c20150909171933!GH7</f>
        <v>100.22144639182299</v>
      </c>
      <c r="GS7" s="26">
        <f>+BIE_c20150909171933!GI7</f>
        <v>100.236679508241</v>
      </c>
      <c r="GT7" s="26">
        <f>+BIE_c20150909171933!GJ7</f>
        <v>100.27761182418401</v>
      </c>
      <c r="GU7" s="26">
        <f>+BIE_c20150909171933!GK7</f>
        <v>100.357522565273</v>
      </c>
      <c r="GV7" s="26">
        <f>+BIE_c20150909171933!GR7</f>
        <v>0</v>
      </c>
      <c r="GW7" s="26">
        <f>+BIE_c20150909171933!GS7</f>
        <v>0</v>
      </c>
      <c r="GX7" s="26">
        <f>+BIE_c20150909171933!GT7</f>
        <v>0</v>
      </c>
      <c r="GY7" s="26">
        <f>+BIE_c20150909171933!GU7</f>
        <v>0</v>
      </c>
      <c r="GZ7" s="26">
        <f>+BIE_c20150909171933!GV7</f>
        <v>0</v>
      </c>
      <c r="HA7" s="26">
        <f>+BIE_c20150909171933!GW7</f>
        <v>0</v>
      </c>
      <c r="HB7" s="26">
        <f>+BIE_c20150909171933!GX7</f>
        <v>0</v>
      </c>
      <c r="HC7" s="26">
        <f>+BIE_c20150909171933!GY7</f>
        <v>0</v>
      </c>
      <c r="HD7" s="26">
        <f>+BIE_c20150909171933!GZ7</f>
        <v>0</v>
      </c>
      <c r="HE7" s="26">
        <f>+BIE_c20150909171933!HA7</f>
        <v>0</v>
      </c>
      <c r="HF7" s="26">
        <f>+BIE_c20150909171933!HB7</f>
        <v>0</v>
      </c>
      <c r="HG7" s="26">
        <f>+BIE_c20150909171933!HC7</f>
        <v>0</v>
      </c>
      <c r="HH7" s="26">
        <f>+BIE_c20150909171933!HD7</f>
        <v>0</v>
      </c>
      <c r="HI7" s="26">
        <f>+BIE_c20150909171933!HE7</f>
        <v>0</v>
      </c>
      <c r="HJ7" s="26">
        <f>+BIE_c20150909171933!HF7</f>
        <v>0</v>
      </c>
      <c r="HK7" s="26">
        <f>+BIE_c20150909171933!HG7</f>
        <v>0</v>
      </c>
      <c r="HL7" s="26">
        <f>+BIE_c20150909171933!HH7</f>
        <v>0</v>
      </c>
      <c r="HM7" s="25">
        <f>+BIE_c20150909171933!HK7</f>
        <v>0</v>
      </c>
      <c r="HN7" s="25">
        <f>+BIE_c20150909171933!HL7</f>
        <v>0</v>
      </c>
      <c r="HO7" s="25">
        <f>+BIE_c20150909171933!HM7</f>
        <v>0</v>
      </c>
      <c r="HP7" s="25">
        <f>+BIE_c20150909171933!HN7</f>
        <v>0</v>
      </c>
      <c r="HQ7" s="25">
        <f>+BIE_c20150909171933!HO7</f>
        <v>0</v>
      </c>
      <c r="HR7" s="25">
        <f>+BIE_c20150909171933!HP7</f>
        <v>0</v>
      </c>
      <c r="HS7" s="25">
        <f>+BIE_c20150909171933!HQ7</f>
        <v>0</v>
      </c>
      <c r="HT7" s="25">
        <f>+BIE_c20150909171933!HR7</f>
        <v>0</v>
      </c>
      <c r="HU7" s="25">
        <f>+BIE_c20150909171933!HS7</f>
        <v>0</v>
      </c>
      <c r="HV7" s="25">
        <f>+BIE_c20150909171933!HT7</f>
        <v>0</v>
      </c>
      <c r="HW7" s="25">
        <f>+BIE_c20150909171933!HU7</f>
        <v>0</v>
      </c>
      <c r="HX7" s="25">
        <f>+BIE_c20150909171933!HV7</f>
        <v>0</v>
      </c>
      <c r="HY7" s="25">
        <f>+BIE_c20150909171933!HW7</f>
        <v>0</v>
      </c>
      <c r="HZ7" s="25">
        <f>+BIE_c20150909171933!HX7</f>
        <v>0</v>
      </c>
      <c r="IA7" s="25">
        <f>+BIE_c20150909171933!HY7</f>
        <v>0</v>
      </c>
      <c r="IB7" s="25">
        <f>+BIE_c20150909171933!HZ7</f>
        <v>0</v>
      </c>
      <c r="IC7" s="25">
        <f>+BIE_c20150909171933!IA7</f>
        <v>0</v>
      </c>
      <c r="ID7" s="25">
        <f>+BIE_c20150909171933!IB7</f>
        <v>0</v>
      </c>
      <c r="IE7" s="25">
        <f>+BIE_c20150909171933!IC7</f>
        <v>0</v>
      </c>
      <c r="IF7" s="25">
        <f>+BIE_c20150909171933!ID7</f>
        <v>0</v>
      </c>
      <c r="IG7" s="25">
        <f>+BIE_c20150909171933!IE7</f>
        <v>0</v>
      </c>
      <c r="IH7" s="25">
        <f>+BIE_c20150909171933!IF7</f>
        <v>0</v>
      </c>
      <c r="II7" s="25">
        <f>+BIE_c20150909171933!IG7</f>
        <v>0</v>
      </c>
      <c r="IJ7" s="25">
        <f>+BIE_c20150909171933!IH7</f>
        <v>0</v>
      </c>
      <c r="IK7" s="25">
        <f>+BIE_c20150909171933!II7</f>
        <v>0</v>
      </c>
      <c r="IL7" s="25">
        <f>+BIE_c20150909171933!IJ7</f>
        <v>0</v>
      </c>
      <c r="IM7" s="25">
        <f>+BIE_c20150909171933!IK7</f>
        <v>0</v>
      </c>
      <c r="IN7" s="25">
        <f>+BIE_c20150909171933!IL7</f>
        <v>0</v>
      </c>
      <c r="IO7" s="25">
        <f>+BIE_c20150909171933!IM7</f>
        <v>0</v>
      </c>
      <c r="IP7" s="25">
        <f>+BIE_c20150909171933!IN7</f>
        <v>0</v>
      </c>
      <c r="IQ7" s="25">
        <f>+BIE_c20150909171933!IO7</f>
        <v>0</v>
      </c>
      <c r="IR7" s="25">
        <f>+BIE_c20150909171933!IP7</f>
        <v>0</v>
      </c>
      <c r="IS7" s="25">
        <f>+BIE_c20150909171933!IQ7</f>
        <v>0</v>
      </c>
      <c r="IT7" s="25">
        <f>+BIE_c20150909171933!IR7</f>
        <v>0</v>
      </c>
      <c r="IU7" s="25">
        <f>+BIE_c20150909171933!IS7</f>
        <v>0</v>
      </c>
      <c r="IV7" s="25">
        <f>+BIE_c20150909171933!IT7</f>
        <v>0</v>
      </c>
      <c r="IW7" s="25">
        <f>+BIE_c20150909171933!IU7</f>
        <v>0</v>
      </c>
      <c r="IX7" s="25">
        <f>+BIE_c20150909171933!IV7</f>
        <v>0</v>
      </c>
      <c r="IY7" s="25">
        <f>+BIE_c20150909171933!IW7</f>
        <v>0</v>
      </c>
      <c r="IZ7" s="25">
        <f>+BIE_c20150909171933!IX7</f>
        <v>0</v>
      </c>
      <c r="JA7" s="25">
        <f>+BIE_c20150909171933!IY7</f>
        <v>0</v>
      </c>
      <c r="JB7" s="25">
        <f>+BIE_c20150909171933!IZ7</f>
        <v>0</v>
      </c>
      <c r="JC7" s="25">
        <f>+BIE_c20150909171933!JA7</f>
        <v>0</v>
      </c>
      <c r="JD7" s="14"/>
    </row>
    <row r="8" spans="1:264" ht="45" x14ac:dyDescent="0.25">
      <c r="A8" s="6" t="s">
        <v>299</v>
      </c>
      <c r="B8" s="27">
        <v>101.347417439626</v>
      </c>
      <c r="C8" s="27">
        <v>101.468705223348</v>
      </c>
      <c r="D8" s="27">
        <v>101.59158373999399</v>
      </c>
      <c r="E8" s="27">
        <v>101.721105277541</v>
      </c>
      <c r="F8" s="27">
        <v>101.863798727137</v>
      </c>
      <c r="G8" s="27">
        <v>102.01507334514299</v>
      </c>
      <c r="H8" s="27">
        <v>102.163775749181</v>
      </c>
      <c r="I8" s="27">
        <v>102.29648402808699</v>
      </c>
      <c r="J8" s="27">
        <v>102.395928663048</v>
      </c>
      <c r="K8" s="27">
        <v>102.451632569957</v>
      </c>
      <c r="L8" s="27">
        <v>102.45429046978499</v>
      </c>
      <c r="M8" s="27">
        <v>102.40467874944601</v>
      </c>
      <c r="N8" s="27">
        <v>102.310811985548</v>
      </c>
      <c r="O8" s="27">
        <v>102.175526075316</v>
      </c>
      <c r="P8" s="27">
        <v>102.003279720225</v>
      </c>
      <c r="Q8" s="27">
        <v>101.80304388202499</v>
      </c>
      <c r="R8" s="27">
        <v>101.577185108626</v>
      </c>
      <c r="S8" s="27">
        <v>101.333770436203</v>
      </c>
      <c r="T8" s="27">
        <v>101.082877631185</v>
      </c>
      <c r="U8" s="27">
        <v>100.834418904364</v>
      </c>
      <c r="V8" s="27">
        <v>100.60109388339799</v>
      </c>
      <c r="W8" s="27">
        <v>100.39828309390001</v>
      </c>
      <c r="X8" s="27">
        <v>100.229638238316</v>
      </c>
      <c r="Y8" s="27">
        <v>100.09460626502801</v>
      </c>
      <c r="Z8" s="27">
        <v>99.988970499421995</v>
      </c>
      <c r="AA8" s="27">
        <v>99.912778402007007</v>
      </c>
      <c r="AB8" s="27">
        <v>99.863888041482994</v>
      </c>
      <c r="AC8" s="27">
        <v>99.838269785234999</v>
      </c>
      <c r="AD8" s="27">
        <v>99.824632738534007</v>
      </c>
      <c r="AE8" s="27">
        <v>99.809884035482995</v>
      </c>
      <c r="AF8" s="27">
        <v>99.788362834389005</v>
      </c>
      <c r="AG8" s="27">
        <v>99.752522115285004</v>
      </c>
      <c r="AH8" s="27">
        <v>99.704468567592997</v>
      </c>
      <c r="AI8" s="27">
        <v>99.642484612635997</v>
      </c>
      <c r="AJ8" s="27">
        <v>99.569542947868001</v>
      </c>
      <c r="AK8" s="27">
        <v>99.487628068058996</v>
      </c>
      <c r="AL8" s="27">
        <v>99.395329509888995</v>
      </c>
      <c r="AM8" s="27">
        <v>99.290346899588997</v>
      </c>
      <c r="AN8" s="27">
        <v>99.172816010250003</v>
      </c>
      <c r="AO8" s="27">
        <v>99.044596698730999</v>
      </c>
      <c r="AP8" s="27">
        <v>98.912743925350995</v>
      </c>
      <c r="AQ8" s="27">
        <v>98.789173148645006</v>
      </c>
      <c r="AR8" s="27">
        <v>98.683805639363996</v>
      </c>
      <c r="AS8" s="27">
        <v>98.606902260813996</v>
      </c>
      <c r="AT8" s="27">
        <v>98.565625159413003</v>
      </c>
      <c r="AU8" s="27">
        <v>98.554431335060997</v>
      </c>
      <c r="AV8" s="27">
        <v>98.565677803918007</v>
      </c>
      <c r="AW8" s="27">
        <v>98.592599798378998</v>
      </c>
      <c r="AX8" s="27">
        <v>98.629490083529006</v>
      </c>
      <c r="AY8" s="27">
        <v>98.675306688451997</v>
      </c>
      <c r="AZ8" s="27">
        <v>98.728273507761003</v>
      </c>
      <c r="BA8" s="27">
        <v>98.779301543445001</v>
      </c>
      <c r="BB8" s="27">
        <v>98.824971888291003</v>
      </c>
      <c r="BC8" s="27">
        <v>98.864387806058005</v>
      </c>
      <c r="BD8" s="27">
        <v>98.899097461419004</v>
      </c>
      <c r="BE8" s="27">
        <v>98.931811472308993</v>
      </c>
      <c r="BF8" s="27">
        <v>98.964419113003999</v>
      </c>
      <c r="BG8" s="27">
        <v>99.000208197804</v>
      </c>
      <c r="BH8" s="27">
        <v>99.042741589410994</v>
      </c>
      <c r="BI8" s="27">
        <v>99.085497681511001</v>
      </c>
      <c r="BJ8" s="27">
        <v>99.124826266034006</v>
      </c>
      <c r="BK8" s="27">
        <v>99.158855148293</v>
      </c>
      <c r="BL8" s="27">
        <v>99.188698475585994</v>
      </c>
      <c r="BM8" s="27">
        <v>99.219369714476997</v>
      </c>
      <c r="BN8" s="27">
        <v>99.256230593094003</v>
      </c>
      <c r="BO8" s="27">
        <v>99.298973287072002</v>
      </c>
      <c r="BP8" s="27">
        <v>99.348901684694994</v>
      </c>
      <c r="BQ8" s="27">
        <v>99.408901907300006</v>
      </c>
      <c r="BR8" s="27">
        <v>99.474860513690999</v>
      </c>
      <c r="BS8" s="27">
        <v>99.544609995662</v>
      </c>
      <c r="BT8" s="27">
        <v>99.618936303056003</v>
      </c>
      <c r="BU8" s="27">
        <v>99.70025101892</v>
      </c>
      <c r="BV8" s="27">
        <v>99.791571711968999</v>
      </c>
      <c r="BW8" s="27">
        <v>99.891657610495002</v>
      </c>
      <c r="BX8" s="27">
        <v>99.998266516303005</v>
      </c>
      <c r="BY8" s="27">
        <v>100.107216793669</v>
      </c>
      <c r="BZ8" s="27">
        <v>100.215511782864</v>
      </c>
      <c r="CA8" s="27">
        <v>100.319579655125</v>
      </c>
      <c r="CB8" s="27">
        <v>100.416882030831</v>
      </c>
      <c r="CC8" s="27">
        <v>100.507069310612</v>
      </c>
      <c r="CD8" s="27">
        <v>100.59225811102699</v>
      </c>
      <c r="CE8" s="27">
        <v>100.675902211657</v>
      </c>
      <c r="CF8" s="27">
        <v>100.761251844017</v>
      </c>
      <c r="CG8" s="27">
        <v>100.850237958327</v>
      </c>
      <c r="CH8" s="27">
        <v>100.945376850776</v>
      </c>
      <c r="CI8" s="27">
        <v>101.04109906768601</v>
      </c>
      <c r="CJ8" s="27">
        <v>101.132771023994</v>
      </c>
      <c r="CK8" s="27">
        <v>101.218161490055</v>
      </c>
      <c r="CL8" s="27">
        <v>101.296774073359</v>
      </c>
      <c r="CM8" s="27">
        <v>101.371333263849</v>
      </c>
      <c r="CN8" s="27">
        <v>101.447497719418</v>
      </c>
      <c r="CO8" s="27">
        <v>101.524273316193</v>
      </c>
      <c r="CP8" s="27">
        <v>101.60096935083899</v>
      </c>
      <c r="CQ8" s="27">
        <v>101.676527593407</v>
      </c>
      <c r="CR8" s="27">
        <v>101.74498101918699</v>
      </c>
      <c r="CS8" s="27">
        <v>101.799743274959</v>
      </c>
      <c r="CT8" s="27">
        <v>101.841840128173</v>
      </c>
      <c r="CU8" s="27">
        <v>101.869893895993</v>
      </c>
      <c r="CV8" s="27">
        <v>101.88289463865399</v>
      </c>
      <c r="CW8" s="27">
        <v>101.87758897757701</v>
      </c>
      <c r="CX8" s="27">
        <v>101.848197711878</v>
      </c>
      <c r="CY8" s="27">
        <v>101.785820542538</v>
      </c>
      <c r="CZ8" s="27">
        <v>101.680043318778</v>
      </c>
      <c r="DA8" s="27">
        <v>101.5235007988</v>
      </c>
      <c r="DB8" s="27">
        <v>101.312874479402</v>
      </c>
      <c r="DC8" s="27">
        <v>101.04492817915001</v>
      </c>
      <c r="DD8" s="27">
        <v>100.72251654847599</v>
      </c>
      <c r="DE8" s="27">
        <v>100.359956237467</v>
      </c>
      <c r="DF8" s="27">
        <v>99.972369729679997</v>
      </c>
      <c r="DG8" s="27">
        <v>99.587128868278995</v>
      </c>
      <c r="DH8" s="27">
        <v>99.228558853802994</v>
      </c>
      <c r="DI8" s="27">
        <v>98.911477638592004</v>
      </c>
      <c r="DJ8" s="27">
        <v>98.644638153768994</v>
      </c>
      <c r="DK8" s="27">
        <v>98.437083276180005</v>
      </c>
      <c r="DL8" s="27">
        <v>98.290194305366001</v>
      </c>
      <c r="DM8" s="27">
        <v>98.200825158864006</v>
      </c>
      <c r="DN8" s="27">
        <v>98.163870285979996</v>
      </c>
      <c r="DO8" s="27">
        <v>98.175105393116993</v>
      </c>
      <c r="DP8" s="27">
        <v>98.230461600143002</v>
      </c>
      <c r="DQ8" s="27">
        <v>98.320171484826005</v>
      </c>
      <c r="DR8" s="27">
        <v>98.431408421417004</v>
      </c>
      <c r="DS8" s="27">
        <v>98.554194410340003</v>
      </c>
      <c r="DT8" s="27">
        <v>98.677891004684</v>
      </c>
      <c r="DU8" s="27">
        <v>98.793669081494997</v>
      </c>
      <c r="DV8" s="27">
        <v>98.897316092265996</v>
      </c>
      <c r="DW8" s="27">
        <v>98.987565897216996</v>
      </c>
      <c r="DX8" s="27">
        <v>99.067110643389995</v>
      </c>
      <c r="DY8" s="27">
        <v>99.139458881107998</v>
      </c>
      <c r="DZ8" s="27">
        <v>99.206972785868004</v>
      </c>
      <c r="EA8" s="27">
        <v>99.271957676477996</v>
      </c>
      <c r="EB8" s="27">
        <v>99.333225512972007</v>
      </c>
      <c r="EC8" s="27">
        <v>99.389247538796994</v>
      </c>
      <c r="ED8" s="27">
        <v>99.439023632662995</v>
      </c>
      <c r="EE8" s="27">
        <v>99.482948542678997</v>
      </c>
      <c r="EF8" s="27">
        <v>99.520434297711006</v>
      </c>
      <c r="EG8" s="27">
        <v>99.549944356056002</v>
      </c>
      <c r="EH8" s="27">
        <v>99.570524578291995</v>
      </c>
      <c r="EI8" s="27">
        <v>99.586974229014999</v>
      </c>
      <c r="EJ8" s="27">
        <v>99.604414681064</v>
      </c>
      <c r="EK8" s="27">
        <v>99.627045628372002</v>
      </c>
      <c r="EL8" s="27">
        <v>99.657134283027005</v>
      </c>
      <c r="EM8" s="27">
        <v>99.695249674940996</v>
      </c>
      <c r="EN8" s="27">
        <v>99.742177237678007</v>
      </c>
      <c r="EO8" s="27">
        <v>99.798052883809007</v>
      </c>
      <c r="EP8" s="27">
        <v>99.860482058406006</v>
      </c>
      <c r="EQ8" s="27">
        <v>99.924328602567002</v>
      </c>
      <c r="ER8" s="27">
        <v>99.984807012730002</v>
      </c>
      <c r="ES8" s="27">
        <v>100.040505120387</v>
      </c>
      <c r="ET8" s="27">
        <v>100.09516788405701</v>
      </c>
      <c r="EU8" s="27">
        <v>100.150104341214</v>
      </c>
      <c r="EV8" s="27">
        <v>100.202969779876</v>
      </c>
      <c r="EW8" s="27">
        <v>100.251790355144</v>
      </c>
      <c r="EX8" s="27">
        <v>100.29506774667701</v>
      </c>
      <c r="EY8" s="27">
        <v>100.331313068451</v>
      </c>
      <c r="EZ8" s="27">
        <v>100.359769885285</v>
      </c>
      <c r="FA8" s="27">
        <v>100.379667023103</v>
      </c>
      <c r="FB8" s="27">
        <v>100.389059318067</v>
      </c>
      <c r="FC8" s="27">
        <v>100.38578148724</v>
      </c>
      <c r="FD8" s="27">
        <v>100.369919711725</v>
      </c>
      <c r="FE8" s="27">
        <v>100.343528483825</v>
      </c>
      <c r="FF8" s="27">
        <v>100.30870978588401</v>
      </c>
      <c r="FG8" s="27">
        <v>100.267718647545</v>
      </c>
      <c r="FH8" s="27">
        <v>100.223921281312</v>
      </c>
      <c r="FI8" s="27">
        <v>100.179531093062</v>
      </c>
      <c r="FJ8" s="27">
        <v>100.135439126744</v>
      </c>
      <c r="FK8" s="27">
        <v>100.09318553196699</v>
      </c>
      <c r="FL8" s="27">
        <v>100.053216587441</v>
      </c>
      <c r="FM8" s="27">
        <v>100.01636732048</v>
      </c>
      <c r="FN8" s="27">
        <v>99.986049591790007</v>
      </c>
      <c r="FO8" s="27">
        <v>99.967110517782999</v>
      </c>
      <c r="FP8" s="27">
        <v>99.961100200551002</v>
      </c>
      <c r="FQ8" s="27">
        <v>99.965738923608995</v>
      </c>
      <c r="FR8" s="27">
        <v>99.972922122282995</v>
      </c>
      <c r="FS8" s="27">
        <v>99.979499530194005</v>
      </c>
      <c r="FT8" s="27">
        <v>99.984872616196995</v>
      </c>
      <c r="FU8" s="27">
        <v>99.990831951824006</v>
      </c>
      <c r="FV8" s="27">
        <v>100.000820359223</v>
      </c>
      <c r="FW8" s="27">
        <v>100.016075547984</v>
      </c>
      <c r="FX8" s="27">
        <v>100.03594028317301</v>
      </c>
      <c r="FY8" s="27">
        <v>100.059442869691</v>
      </c>
      <c r="FZ8" s="27">
        <v>100.08401320301</v>
      </c>
      <c r="GA8" s="27">
        <v>100.107602240554</v>
      </c>
      <c r="GB8" s="27">
        <v>100.129057119122</v>
      </c>
      <c r="GC8" s="27">
        <v>100.147214308713</v>
      </c>
      <c r="GD8" s="27">
        <v>100.165556081041</v>
      </c>
      <c r="GE8" s="27">
        <v>100.187884783302</v>
      </c>
      <c r="GF8" s="27">
        <v>100.21155519238501</v>
      </c>
      <c r="GG8" s="27">
        <v>100.233269526418</v>
      </c>
      <c r="GH8" s="27">
        <v>100.249575540648</v>
      </c>
      <c r="GI8" s="27">
        <v>100.258711571524</v>
      </c>
      <c r="GJ8" s="27">
        <v>100.26115256738601</v>
      </c>
      <c r="GK8" s="27">
        <v>100.25795495212201</v>
      </c>
      <c r="GL8" s="27">
        <v>100.251405931945</v>
      </c>
      <c r="GM8" s="27">
        <v>100.241869785288</v>
      </c>
      <c r="GN8" s="27">
        <v>100.22886009857901</v>
      </c>
      <c r="GO8" s="27">
        <v>100.213676313237</v>
      </c>
      <c r="GP8" s="27">
        <v>100.197421480066</v>
      </c>
      <c r="GQ8" s="7"/>
      <c r="GR8" s="26">
        <f>+BIE_c20150909171933!GH8</f>
        <v>100.249575540648</v>
      </c>
      <c r="GS8" s="26">
        <f>+BIE_c20150909171933!GI8</f>
        <v>100.258711571524</v>
      </c>
      <c r="GT8" s="26">
        <f>+BIE_c20150909171933!GJ8</f>
        <v>100.26115256738601</v>
      </c>
      <c r="GU8" s="26">
        <f>+BIE_c20150909171933!GK8</f>
        <v>100.25795495212201</v>
      </c>
      <c r="GV8" s="26">
        <f>+BIE_c20150909171933!GR8</f>
        <v>0</v>
      </c>
      <c r="GW8" s="26">
        <f>+BIE_c20150909171933!GS8</f>
        <v>0</v>
      </c>
      <c r="GX8" s="26">
        <f>+BIE_c20150909171933!GT8</f>
        <v>0</v>
      </c>
      <c r="GY8" s="26">
        <f>+BIE_c20150909171933!GU8</f>
        <v>0</v>
      </c>
      <c r="GZ8" s="26">
        <f>+BIE_c20150909171933!GV8</f>
        <v>0</v>
      </c>
      <c r="HA8" s="26">
        <f>+BIE_c20150909171933!GW8</f>
        <v>0</v>
      </c>
      <c r="HB8" s="26">
        <f>+BIE_c20150909171933!GX8</f>
        <v>0</v>
      </c>
      <c r="HC8" s="26">
        <f>+BIE_c20150909171933!GY8</f>
        <v>0</v>
      </c>
      <c r="HD8" s="26">
        <f>+BIE_c20150909171933!GZ8</f>
        <v>0</v>
      </c>
      <c r="HE8" s="26">
        <f>+BIE_c20150909171933!HA8</f>
        <v>0</v>
      </c>
      <c r="HF8" s="26">
        <f>+BIE_c20150909171933!HB8</f>
        <v>0</v>
      </c>
      <c r="HG8" s="26">
        <f>+BIE_c20150909171933!HC8</f>
        <v>0</v>
      </c>
      <c r="HH8" s="26">
        <f>+BIE_c20150909171933!HD8</f>
        <v>0</v>
      </c>
      <c r="HI8" s="26">
        <f>+BIE_c20150909171933!HE8</f>
        <v>0</v>
      </c>
      <c r="HJ8" s="26">
        <f>+BIE_c20150909171933!HF8</f>
        <v>0</v>
      </c>
      <c r="HK8" s="26">
        <f>+BIE_c20150909171933!HG8</f>
        <v>0</v>
      </c>
      <c r="HL8" s="26">
        <f>+BIE_c20150909171933!HH8</f>
        <v>0</v>
      </c>
      <c r="HM8" s="1">
        <f>+BIE_c20150909171933!HM8</f>
        <v>0</v>
      </c>
      <c r="HN8" s="1">
        <f>+BIE_c20150909171933!HN8</f>
        <v>0</v>
      </c>
      <c r="HO8" s="1">
        <f>+BIE_c20150909171933!HO8</f>
        <v>0</v>
      </c>
      <c r="HP8" s="1">
        <f>+BIE_c20150909171933!HP8</f>
        <v>0</v>
      </c>
      <c r="HQ8" s="1">
        <f>+BIE_c20150909171933!HQ8</f>
        <v>0</v>
      </c>
      <c r="HR8" s="1">
        <f>+BIE_c20150909171933!HR8</f>
        <v>0</v>
      </c>
      <c r="HS8" s="1">
        <f>+BIE_c20150909171933!HS8</f>
        <v>0</v>
      </c>
      <c r="HT8" s="1">
        <f>+BIE_c20150909171933!HT8</f>
        <v>0</v>
      </c>
      <c r="HU8" s="1">
        <f>+BIE_c20150909171933!HU8</f>
        <v>0</v>
      </c>
      <c r="HV8" s="1">
        <f>+BIE_c20150909171933!HV8</f>
        <v>0</v>
      </c>
      <c r="HW8" s="1">
        <f>+BIE_c20150909171933!HW8</f>
        <v>0</v>
      </c>
      <c r="HX8" s="1">
        <f>+BIE_c20150909171933!HX8</f>
        <v>0</v>
      </c>
      <c r="HY8" s="1">
        <f>+BIE_c20150909171933!HY8</f>
        <v>0</v>
      </c>
      <c r="HZ8" s="1">
        <f>+BIE_c20150909171933!HZ8</f>
        <v>0</v>
      </c>
      <c r="IA8" s="1">
        <f>+BIE_c20150909171933!IA8</f>
        <v>0</v>
      </c>
      <c r="IB8" s="1">
        <f>+BIE_c20150909171933!IB8</f>
        <v>0</v>
      </c>
      <c r="IC8" s="1">
        <f>+BIE_c20150909171933!IC8</f>
        <v>0</v>
      </c>
      <c r="ID8" s="1">
        <f>+BIE_c20150909171933!ID8</f>
        <v>0</v>
      </c>
      <c r="IE8" s="1">
        <f>+BIE_c20150909171933!IE8</f>
        <v>0</v>
      </c>
      <c r="IF8" s="1">
        <f>+BIE_c20150909171933!IF8</f>
        <v>0</v>
      </c>
      <c r="IG8" s="1">
        <f>+BIE_c20150909171933!IG8</f>
        <v>0</v>
      </c>
      <c r="IH8" s="1">
        <f>+BIE_c20150909171933!IH8</f>
        <v>0</v>
      </c>
      <c r="II8" s="1">
        <f>+BIE_c20150909171933!II8</f>
        <v>0</v>
      </c>
      <c r="IJ8" s="1">
        <f>+BIE_c20150909171933!IJ8</f>
        <v>0</v>
      </c>
      <c r="IK8" s="1">
        <f>+BIE_c20150909171933!IK8</f>
        <v>0</v>
      </c>
      <c r="IL8" s="1">
        <f>+BIE_c20150909171933!IL8</f>
        <v>0</v>
      </c>
      <c r="IM8" s="1">
        <f>+BIE_c20150909171933!IM8</f>
        <v>0</v>
      </c>
      <c r="IN8" s="1">
        <f>+BIE_c20150909171933!IN8</f>
        <v>0</v>
      </c>
      <c r="IO8" s="1">
        <f>+BIE_c20150909171933!IO8</f>
        <v>0</v>
      </c>
      <c r="IP8" s="1">
        <f>+BIE_c20150909171933!IP8</f>
        <v>0</v>
      </c>
      <c r="IQ8" s="1">
        <f>+BIE_c20150909171933!IQ8</f>
        <v>0</v>
      </c>
      <c r="IR8" s="1">
        <f>+BIE_c20150909171933!IR8</f>
        <v>0</v>
      </c>
      <c r="IS8" s="1">
        <f>+BIE_c20150909171933!IS8</f>
        <v>0</v>
      </c>
      <c r="IT8" s="1">
        <f>+BIE_c20150909171933!IT8</f>
        <v>0</v>
      </c>
      <c r="IU8" s="1">
        <f>+BIE_c20150909171933!IU8</f>
        <v>0</v>
      </c>
      <c r="IV8" s="1">
        <f>+BIE_c20150909171933!IV8</f>
        <v>0</v>
      </c>
      <c r="IW8" s="1">
        <f>+BIE_c20150909171933!IW8</f>
        <v>0</v>
      </c>
      <c r="IX8" s="1">
        <f>+BIE_c20150909171933!IX8</f>
        <v>0</v>
      </c>
      <c r="IY8" s="1">
        <f>+BIE_c20150909171933!IY8</f>
        <v>0</v>
      </c>
      <c r="IZ8" s="1">
        <f>+BIE_c20150909171933!IZ8</f>
        <v>0</v>
      </c>
      <c r="JA8" s="1">
        <f>+BIE_c20150909171933!JA8</f>
        <v>0</v>
      </c>
      <c r="JB8" s="1">
        <f>+BIE_c20150909171933!JB8</f>
        <v>0</v>
      </c>
      <c r="JC8" s="21">
        <f>+BIE_c20150909171933!JC8</f>
        <v>0</v>
      </c>
      <c r="JD8" s="14"/>
    </row>
    <row r="9" spans="1:264" ht="30" x14ac:dyDescent="0.25">
      <c r="A9" s="6" t="s">
        <v>195</v>
      </c>
      <c r="B9" s="27">
        <v>98.156852403486994</v>
      </c>
      <c r="C9" s="27">
        <v>98.252560252386004</v>
      </c>
      <c r="D9" s="27">
        <v>98.338277184285005</v>
      </c>
      <c r="E9" s="27">
        <v>98.401447224782999</v>
      </c>
      <c r="F9" s="27">
        <v>98.399130498996996</v>
      </c>
      <c r="G9" s="27">
        <v>98.338825736542006</v>
      </c>
      <c r="H9" s="27">
        <v>98.271220857060001</v>
      </c>
      <c r="I9" s="27">
        <v>98.207866137294999</v>
      </c>
      <c r="J9" s="27">
        <v>98.105159586593999</v>
      </c>
      <c r="K9" s="27">
        <v>97.993896541349997</v>
      </c>
      <c r="L9" s="27">
        <v>98.001612384145005</v>
      </c>
      <c r="M9" s="27">
        <v>98.147582339497006</v>
      </c>
      <c r="N9" s="27">
        <v>98.379637290662004</v>
      </c>
      <c r="O9" s="27">
        <v>98.604538179982001</v>
      </c>
      <c r="P9" s="27">
        <v>98.739980711417999</v>
      </c>
      <c r="Q9" s="27">
        <v>98.822025957980003</v>
      </c>
      <c r="R9" s="27">
        <v>98.879501899768002</v>
      </c>
      <c r="S9" s="27">
        <v>98.892940317251004</v>
      </c>
      <c r="T9" s="27">
        <v>98.909265719377004</v>
      </c>
      <c r="U9" s="27">
        <v>98.966034865395997</v>
      </c>
      <c r="V9" s="27">
        <v>99.108109295549994</v>
      </c>
      <c r="W9" s="27">
        <v>99.314593417205998</v>
      </c>
      <c r="X9" s="27">
        <v>99.517558143914997</v>
      </c>
      <c r="Y9" s="27">
        <v>99.694642313458004</v>
      </c>
      <c r="Z9" s="27">
        <v>99.793116746999004</v>
      </c>
      <c r="AA9" s="27">
        <v>99.810423832853999</v>
      </c>
      <c r="AB9" s="27">
        <v>99.794562226474994</v>
      </c>
      <c r="AC9" s="27">
        <v>99.747716154065003</v>
      </c>
      <c r="AD9" s="27">
        <v>99.682641657822998</v>
      </c>
      <c r="AE9" s="27">
        <v>99.612430905891003</v>
      </c>
      <c r="AF9" s="27">
        <v>99.564304350659</v>
      </c>
      <c r="AG9" s="27">
        <v>99.492499858810007</v>
      </c>
      <c r="AH9" s="27">
        <v>99.398373533362999</v>
      </c>
      <c r="AI9" s="27">
        <v>99.278719164856</v>
      </c>
      <c r="AJ9" s="27">
        <v>99.186271860402002</v>
      </c>
      <c r="AK9" s="27">
        <v>99.145520931863004</v>
      </c>
      <c r="AL9" s="27">
        <v>99.206169469486994</v>
      </c>
      <c r="AM9" s="27">
        <v>99.366229785404002</v>
      </c>
      <c r="AN9" s="27">
        <v>99.626243973987997</v>
      </c>
      <c r="AO9" s="27">
        <v>99.959762866521999</v>
      </c>
      <c r="AP9" s="27">
        <v>100.347529764518</v>
      </c>
      <c r="AQ9" s="27">
        <v>100.778301002883</v>
      </c>
      <c r="AR9" s="27">
        <v>101.180798939881</v>
      </c>
      <c r="AS9" s="27">
        <v>101.51860839810701</v>
      </c>
      <c r="AT9" s="27">
        <v>101.756370679124</v>
      </c>
      <c r="AU9" s="27">
        <v>101.90130621118</v>
      </c>
      <c r="AV9" s="27">
        <v>101.976944927091</v>
      </c>
      <c r="AW9" s="27">
        <v>102.007058600327</v>
      </c>
      <c r="AX9" s="27">
        <v>102.041885094351</v>
      </c>
      <c r="AY9" s="27">
        <v>102.09011083968301</v>
      </c>
      <c r="AZ9" s="27">
        <v>102.124434667814</v>
      </c>
      <c r="BA9" s="27">
        <v>102.121318768546</v>
      </c>
      <c r="BB9" s="27">
        <v>102.090771764979</v>
      </c>
      <c r="BC9" s="27">
        <v>102.047490938192</v>
      </c>
      <c r="BD9" s="27">
        <v>101.96982658557199</v>
      </c>
      <c r="BE9" s="27">
        <v>101.859900742693</v>
      </c>
      <c r="BF9" s="27">
        <v>101.687464160883</v>
      </c>
      <c r="BG9" s="27">
        <v>101.501572312652</v>
      </c>
      <c r="BH9" s="27">
        <v>101.34288794245001</v>
      </c>
      <c r="BI9" s="27">
        <v>101.185261201088</v>
      </c>
      <c r="BJ9" s="27">
        <v>101.038586339266</v>
      </c>
      <c r="BK9" s="27">
        <v>100.90522456815</v>
      </c>
      <c r="BL9" s="27">
        <v>100.780142673336</v>
      </c>
      <c r="BM9" s="27">
        <v>100.665819116392</v>
      </c>
      <c r="BN9" s="27">
        <v>100.53554580756899</v>
      </c>
      <c r="BO9" s="27">
        <v>100.3707311819</v>
      </c>
      <c r="BP9" s="27">
        <v>100.16482630425099</v>
      </c>
      <c r="BQ9" s="27">
        <v>99.894021685530006</v>
      </c>
      <c r="BR9" s="27">
        <v>99.612814171891998</v>
      </c>
      <c r="BS9" s="27">
        <v>99.376223315253995</v>
      </c>
      <c r="BT9" s="27">
        <v>99.196442756248004</v>
      </c>
      <c r="BU9" s="27">
        <v>99.103018346539002</v>
      </c>
      <c r="BV9" s="27">
        <v>99.074982805773004</v>
      </c>
      <c r="BW9" s="27">
        <v>99.081419746223006</v>
      </c>
      <c r="BX9" s="27">
        <v>99.096419792570998</v>
      </c>
      <c r="BY9" s="27">
        <v>99.128873233150003</v>
      </c>
      <c r="BZ9" s="27">
        <v>99.196180853949997</v>
      </c>
      <c r="CA9" s="27">
        <v>99.311176143275006</v>
      </c>
      <c r="CB9" s="27">
        <v>99.421784870165993</v>
      </c>
      <c r="CC9" s="27">
        <v>99.503843067622995</v>
      </c>
      <c r="CD9" s="27">
        <v>99.572861163498004</v>
      </c>
      <c r="CE9" s="27">
        <v>99.616190911041997</v>
      </c>
      <c r="CF9" s="27">
        <v>99.639649899375001</v>
      </c>
      <c r="CG9" s="27">
        <v>99.643195189219995</v>
      </c>
      <c r="CH9" s="27">
        <v>99.629678238455995</v>
      </c>
      <c r="CI9" s="27">
        <v>99.584700770100994</v>
      </c>
      <c r="CJ9" s="27">
        <v>99.502790447859994</v>
      </c>
      <c r="CK9" s="27">
        <v>99.367788281117001</v>
      </c>
      <c r="CL9" s="27">
        <v>99.210190181182995</v>
      </c>
      <c r="CM9" s="27">
        <v>99.070296674361998</v>
      </c>
      <c r="CN9" s="27">
        <v>98.972326924339995</v>
      </c>
      <c r="CO9" s="27">
        <v>98.930041560670006</v>
      </c>
      <c r="CP9" s="27">
        <v>98.919949501616003</v>
      </c>
      <c r="CQ9" s="27">
        <v>98.895566526408004</v>
      </c>
      <c r="CR9" s="27">
        <v>98.837452303929993</v>
      </c>
      <c r="CS9" s="27">
        <v>98.755923022027005</v>
      </c>
      <c r="CT9" s="27">
        <v>98.638886169578001</v>
      </c>
      <c r="CU9" s="27">
        <v>98.48713777108</v>
      </c>
      <c r="CV9" s="27">
        <v>98.318139713228007</v>
      </c>
      <c r="CW9" s="27">
        <v>98.173984222762002</v>
      </c>
      <c r="CX9" s="27">
        <v>98.110419025748996</v>
      </c>
      <c r="CY9" s="27">
        <v>98.159361083994995</v>
      </c>
      <c r="CZ9" s="27">
        <v>98.318073361369002</v>
      </c>
      <c r="DA9" s="27">
        <v>98.557761285881</v>
      </c>
      <c r="DB9" s="27">
        <v>98.875943157771999</v>
      </c>
      <c r="DC9" s="27">
        <v>99.278761315845998</v>
      </c>
      <c r="DD9" s="27">
        <v>99.737614490615002</v>
      </c>
      <c r="DE9" s="27">
        <v>100.189082209158</v>
      </c>
      <c r="DF9" s="27">
        <v>100.60346969171999</v>
      </c>
      <c r="DG9" s="27">
        <v>100.985316764998</v>
      </c>
      <c r="DH9" s="27">
        <v>101.333631816417</v>
      </c>
      <c r="DI9" s="27">
        <v>101.640217746602</v>
      </c>
      <c r="DJ9" s="27">
        <v>101.864887344797</v>
      </c>
      <c r="DK9" s="27">
        <v>101.998849982027</v>
      </c>
      <c r="DL9" s="27">
        <v>102.08060297974301</v>
      </c>
      <c r="DM9" s="27">
        <v>102.094920421789</v>
      </c>
      <c r="DN9" s="27">
        <v>102.01462391377</v>
      </c>
      <c r="DO9" s="27">
        <v>101.82040986539</v>
      </c>
      <c r="DP9" s="27">
        <v>101.571185526413</v>
      </c>
      <c r="DQ9" s="27">
        <v>101.338791072177</v>
      </c>
      <c r="DR9" s="27">
        <v>101.15130615959799</v>
      </c>
      <c r="DS9" s="27">
        <v>100.991381913396</v>
      </c>
      <c r="DT9" s="27">
        <v>100.87402321505201</v>
      </c>
      <c r="DU9" s="27">
        <v>100.791116010865</v>
      </c>
      <c r="DV9" s="27">
        <v>100.719133066876</v>
      </c>
      <c r="DW9" s="27">
        <v>100.659741279521</v>
      </c>
      <c r="DX9" s="27">
        <v>100.597260639041</v>
      </c>
      <c r="DY9" s="27">
        <v>100.556345333865</v>
      </c>
      <c r="DZ9" s="27">
        <v>100.567229043948</v>
      </c>
      <c r="EA9" s="27">
        <v>100.576585137842</v>
      </c>
      <c r="EB9" s="27">
        <v>100.55415428798</v>
      </c>
      <c r="EC9" s="27">
        <v>100.47966819761599</v>
      </c>
      <c r="ED9" s="27">
        <v>100.343150175925</v>
      </c>
      <c r="EE9" s="27">
        <v>100.198076915076</v>
      </c>
      <c r="EF9" s="27">
        <v>100.075144170591</v>
      </c>
      <c r="EG9" s="27">
        <v>100.002465838308</v>
      </c>
      <c r="EH9" s="27">
        <v>99.999065452533003</v>
      </c>
      <c r="EI9" s="27">
        <v>100.005821630249</v>
      </c>
      <c r="EJ9" s="27">
        <v>99.985443095909005</v>
      </c>
      <c r="EK9" s="27">
        <v>99.931941928086999</v>
      </c>
      <c r="EL9" s="27">
        <v>99.857047423731004</v>
      </c>
      <c r="EM9" s="27">
        <v>99.782799966102004</v>
      </c>
      <c r="EN9" s="27">
        <v>99.722194824561001</v>
      </c>
      <c r="EO9" s="27">
        <v>99.674303844812997</v>
      </c>
      <c r="EP9" s="27">
        <v>99.667590684282999</v>
      </c>
      <c r="EQ9" s="27">
        <v>99.699888098233004</v>
      </c>
      <c r="ER9" s="27">
        <v>99.708003260357003</v>
      </c>
      <c r="ES9" s="27">
        <v>99.692680072089004</v>
      </c>
      <c r="ET9" s="27">
        <v>99.668610823303993</v>
      </c>
      <c r="EU9" s="27">
        <v>99.639716383838007</v>
      </c>
      <c r="EV9" s="27">
        <v>99.635732351561003</v>
      </c>
      <c r="EW9" s="27">
        <v>99.671939594698998</v>
      </c>
      <c r="EX9" s="27">
        <v>99.738164400247001</v>
      </c>
      <c r="EY9" s="27">
        <v>99.841520219421994</v>
      </c>
      <c r="EZ9" s="27">
        <v>99.952685817892998</v>
      </c>
      <c r="FA9" s="27">
        <v>100.04387157223501</v>
      </c>
      <c r="FB9" s="27">
        <v>100.096598198</v>
      </c>
      <c r="FC9" s="27">
        <v>100.09605254972</v>
      </c>
      <c r="FD9" s="27">
        <v>100.068420450293</v>
      </c>
      <c r="FE9" s="27">
        <v>100.01203665861701</v>
      </c>
      <c r="FF9" s="27">
        <v>99.911543390055996</v>
      </c>
      <c r="FG9" s="27">
        <v>99.818885932167007</v>
      </c>
      <c r="FH9" s="27">
        <v>99.748160856965995</v>
      </c>
      <c r="FI9" s="27">
        <v>99.719140649742002</v>
      </c>
      <c r="FJ9" s="27">
        <v>99.744225482526005</v>
      </c>
      <c r="FK9" s="27">
        <v>99.819782624973001</v>
      </c>
      <c r="FL9" s="27">
        <v>99.968414450886002</v>
      </c>
      <c r="FM9" s="27">
        <v>100.20307521481401</v>
      </c>
      <c r="FN9" s="27">
        <v>100.45696060218999</v>
      </c>
      <c r="FO9" s="27">
        <v>100.664593944876</v>
      </c>
      <c r="FP9" s="27">
        <v>100.827966610934</v>
      </c>
      <c r="FQ9" s="27">
        <v>100.923952592253</v>
      </c>
      <c r="FR9" s="27">
        <v>100.94220373241301</v>
      </c>
      <c r="FS9" s="27">
        <v>100.912253474482</v>
      </c>
      <c r="FT9" s="27">
        <v>100.82599168566701</v>
      </c>
      <c r="FU9" s="27">
        <v>100.652088672676</v>
      </c>
      <c r="FV9" s="27">
        <v>100.41830226026001</v>
      </c>
      <c r="FW9" s="27">
        <v>100.158088256178</v>
      </c>
      <c r="FX9" s="27">
        <v>99.899055025924</v>
      </c>
      <c r="FY9" s="27">
        <v>99.69297897013</v>
      </c>
      <c r="FZ9" s="27">
        <v>99.591612505824003</v>
      </c>
      <c r="GA9" s="27">
        <v>99.563579449786999</v>
      </c>
      <c r="GB9" s="27">
        <v>99.573490246823994</v>
      </c>
      <c r="GC9" s="27">
        <v>99.614761900971004</v>
      </c>
      <c r="GD9" s="27">
        <v>99.665612929575005</v>
      </c>
      <c r="GE9" s="27">
        <v>99.701778429570993</v>
      </c>
      <c r="GF9" s="27">
        <v>99.732558234026001</v>
      </c>
      <c r="GG9" s="27">
        <v>99.748516720930994</v>
      </c>
      <c r="GH9" s="27">
        <v>99.734514824322005</v>
      </c>
      <c r="GI9" s="27">
        <v>99.681694723060005</v>
      </c>
      <c r="GJ9" s="27">
        <v>99.605481026109999</v>
      </c>
      <c r="GK9" s="27">
        <v>99.549321648521996</v>
      </c>
      <c r="GL9" s="27">
        <v>99.485492717276998</v>
      </c>
      <c r="GM9" s="27">
        <v>99.438027611460001</v>
      </c>
      <c r="GN9" s="27">
        <v>99.415068097356993</v>
      </c>
      <c r="GO9" s="27">
        <v>99.432674375968006</v>
      </c>
      <c r="GP9" s="27">
        <v>99.496201388353995</v>
      </c>
      <c r="GQ9" s="7"/>
      <c r="GR9" s="26">
        <f>+BIE_c20150909171933!GH9</f>
        <v>99.734514824322005</v>
      </c>
      <c r="GS9" s="26">
        <f>+BIE_c20150909171933!GI9</f>
        <v>99.681694723060005</v>
      </c>
      <c r="GT9" s="26">
        <f>+BIE_c20150909171933!GJ9</f>
        <v>99.605481026109999</v>
      </c>
      <c r="GU9" s="26">
        <f>+BIE_c20150909171933!GK9</f>
        <v>99.549321648521996</v>
      </c>
      <c r="GV9" s="26">
        <f>+BIE_c20150909171933!GR9</f>
        <v>0</v>
      </c>
      <c r="GW9" s="26">
        <f>+BIE_c20150909171933!GS9</f>
        <v>0</v>
      </c>
      <c r="GX9" s="26">
        <f>+BIE_c20150909171933!GT9</f>
        <v>0</v>
      </c>
      <c r="GY9" s="26">
        <f>+BIE_c20150909171933!GU9</f>
        <v>0</v>
      </c>
      <c r="GZ9" s="26">
        <f>+BIE_c20150909171933!GV9</f>
        <v>0</v>
      </c>
      <c r="HA9" s="26">
        <f>+BIE_c20150909171933!GW9</f>
        <v>0</v>
      </c>
      <c r="HB9" s="26">
        <f>+BIE_c20150909171933!GX9</f>
        <v>0</v>
      </c>
      <c r="HC9" s="26">
        <f>+BIE_c20150909171933!GY9</f>
        <v>0</v>
      </c>
      <c r="HD9" s="26">
        <f>+BIE_c20150909171933!GZ9</f>
        <v>0</v>
      </c>
      <c r="HE9" s="26">
        <f>+BIE_c20150909171933!HA9</f>
        <v>0</v>
      </c>
      <c r="HF9" s="26">
        <f>+BIE_c20150909171933!HB9</f>
        <v>0</v>
      </c>
      <c r="HG9" s="26">
        <f>+BIE_c20150909171933!HC9</f>
        <v>0</v>
      </c>
      <c r="HH9" s="26">
        <f>+BIE_c20150909171933!HD9</f>
        <v>0</v>
      </c>
      <c r="HI9" s="26">
        <f>+BIE_c20150909171933!HE9</f>
        <v>0</v>
      </c>
      <c r="HJ9" s="26">
        <f>+BIE_c20150909171933!HF9</f>
        <v>0</v>
      </c>
      <c r="HK9" s="26">
        <f>+BIE_c20150909171933!HG9</f>
        <v>0</v>
      </c>
      <c r="HL9" s="26">
        <f>+BIE_c20150909171933!HH9</f>
        <v>0</v>
      </c>
      <c r="HM9" s="25">
        <f>+BIE_c20150909171933!HK9</f>
        <v>0</v>
      </c>
      <c r="HN9" s="25">
        <f>+BIE_c20150909171933!HL9</f>
        <v>0</v>
      </c>
      <c r="HO9" s="25">
        <f>+BIE_c20150909171933!HM9</f>
        <v>0</v>
      </c>
      <c r="HP9" s="25">
        <f>+BIE_c20150909171933!HN9</f>
        <v>0</v>
      </c>
      <c r="HQ9" s="25">
        <f>+BIE_c20150909171933!HO9</f>
        <v>0</v>
      </c>
      <c r="HR9" s="25">
        <f>+BIE_c20150909171933!HP9</f>
        <v>0</v>
      </c>
      <c r="HS9" s="25">
        <f>+BIE_c20150909171933!HQ9</f>
        <v>0</v>
      </c>
      <c r="HT9" s="25">
        <f>+BIE_c20150909171933!HR9</f>
        <v>0</v>
      </c>
      <c r="HU9" s="25">
        <f>+BIE_c20150909171933!HS9</f>
        <v>0</v>
      </c>
      <c r="HV9" s="25">
        <f>+BIE_c20150909171933!HT9</f>
        <v>0</v>
      </c>
      <c r="HW9" s="25">
        <f>+BIE_c20150909171933!HU9</f>
        <v>0</v>
      </c>
      <c r="HX9" s="25">
        <f>+BIE_c20150909171933!HV9</f>
        <v>0</v>
      </c>
      <c r="HY9" s="25">
        <f>+BIE_c20150909171933!HW9</f>
        <v>0</v>
      </c>
      <c r="HZ9" s="25">
        <f>+BIE_c20150909171933!HX9</f>
        <v>0</v>
      </c>
      <c r="IA9" s="25">
        <f>+BIE_c20150909171933!HY9</f>
        <v>0</v>
      </c>
      <c r="IB9" s="25">
        <f>+BIE_c20150909171933!HZ9</f>
        <v>0</v>
      </c>
      <c r="IC9" s="25">
        <f>+BIE_c20150909171933!IA9</f>
        <v>0</v>
      </c>
      <c r="ID9" s="25">
        <f>+BIE_c20150909171933!IB9</f>
        <v>0</v>
      </c>
      <c r="IE9" s="25">
        <f>+BIE_c20150909171933!IC9</f>
        <v>0</v>
      </c>
      <c r="IF9" s="25">
        <f>+BIE_c20150909171933!ID9</f>
        <v>0</v>
      </c>
      <c r="IG9" s="25">
        <f>+BIE_c20150909171933!IE9</f>
        <v>0</v>
      </c>
      <c r="IH9" s="25">
        <f>+BIE_c20150909171933!IF9</f>
        <v>0</v>
      </c>
      <c r="II9" s="25">
        <f>+BIE_c20150909171933!IG9</f>
        <v>0</v>
      </c>
      <c r="IJ9" s="25">
        <f>+BIE_c20150909171933!IH9</f>
        <v>0</v>
      </c>
      <c r="IK9" s="25">
        <f>+BIE_c20150909171933!II9</f>
        <v>0</v>
      </c>
      <c r="IL9" s="25">
        <f>+BIE_c20150909171933!IJ9</f>
        <v>0</v>
      </c>
      <c r="IM9" s="25">
        <f>+BIE_c20150909171933!IK9</f>
        <v>0</v>
      </c>
      <c r="IN9" s="25">
        <f>+BIE_c20150909171933!IL9</f>
        <v>0</v>
      </c>
      <c r="IO9" s="25">
        <f>+BIE_c20150909171933!IM9</f>
        <v>0</v>
      </c>
      <c r="IP9" s="25">
        <f>+BIE_c20150909171933!IN9</f>
        <v>0</v>
      </c>
      <c r="IQ9" s="25">
        <f>+BIE_c20150909171933!IO9</f>
        <v>0</v>
      </c>
      <c r="IR9" s="25">
        <f>+BIE_c20150909171933!IP9</f>
        <v>0</v>
      </c>
      <c r="IS9" s="25">
        <f>+BIE_c20150909171933!IQ9</f>
        <v>0</v>
      </c>
      <c r="IT9" s="25">
        <f>+BIE_c20150909171933!IR9</f>
        <v>0</v>
      </c>
      <c r="IU9" s="25">
        <f>+BIE_c20150909171933!IS9</f>
        <v>0</v>
      </c>
      <c r="IV9" s="25">
        <f>+BIE_c20150909171933!IT9</f>
        <v>0</v>
      </c>
      <c r="IW9" s="25">
        <f>+BIE_c20150909171933!IU9</f>
        <v>0</v>
      </c>
      <c r="IX9" s="25">
        <f>+BIE_c20150909171933!IV9</f>
        <v>0</v>
      </c>
      <c r="IY9" s="25">
        <f>+BIE_c20150909171933!IW9</f>
        <v>0</v>
      </c>
      <c r="IZ9" s="25">
        <f>+BIE_c20150909171933!IX9</f>
        <v>0</v>
      </c>
      <c r="JA9" s="25">
        <f>+BIE_c20150909171933!IY9</f>
        <v>0</v>
      </c>
      <c r="JB9" s="25">
        <f>+BIE_c20150909171933!IZ9</f>
        <v>0</v>
      </c>
      <c r="JC9" s="25">
        <f>+BIE_c20150909171933!JA9</f>
        <v>0</v>
      </c>
      <c r="JD9" s="14"/>
    </row>
    <row r="10" spans="1:264" ht="30" x14ac:dyDescent="0.25">
      <c r="A10" s="6" t="s">
        <v>196</v>
      </c>
      <c r="B10" s="27">
        <v>100.922219751635</v>
      </c>
      <c r="C10" s="27">
        <v>101.04311979912799</v>
      </c>
      <c r="D10" s="27">
        <v>101.154306754562</v>
      </c>
      <c r="E10" s="27">
        <v>101.27913312094699</v>
      </c>
      <c r="F10" s="27">
        <v>101.412014974377</v>
      </c>
      <c r="G10" s="27">
        <v>101.534999971815</v>
      </c>
      <c r="H10" s="27">
        <v>101.63706288833799</v>
      </c>
      <c r="I10" s="27">
        <v>101.702875037315</v>
      </c>
      <c r="J10" s="27">
        <v>101.720676377961</v>
      </c>
      <c r="K10" s="27">
        <v>101.688472260707</v>
      </c>
      <c r="L10" s="27">
        <v>101.60121748906199</v>
      </c>
      <c r="M10" s="27">
        <v>101.465264835978</v>
      </c>
      <c r="N10" s="27">
        <v>101.28973762235201</v>
      </c>
      <c r="O10" s="27">
        <v>101.09546444919999</v>
      </c>
      <c r="P10" s="27">
        <v>100.892668562983</v>
      </c>
      <c r="Q10" s="27">
        <v>100.674209258986</v>
      </c>
      <c r="R10" s="27">
        <v>100.44018741418</v>
      </c>
      <c r="S10" s="27">
        <v>100.21434518808201</v>
      </c>
      <c r="T10" s="27">
        <v>100.01377169293001</v>
      </c>
      <c r="U10" s="27">
        <v>99.851695365096006</v>
      </c>
      <c r="V10" s="27">
        <v>99.725154101010006</v>
      </c>
      <c r="W10" s="27">
        <v>99.627099689304998</v>
      </c>
      <c r="X10" s="27">
        <v>99.555863512726006</v>
      </c>
      <c r="Y10" s="27">
        <v>99.519360965822003</v>
      </c>
      <c r="Z10" s="27">
        <v>99.521212982349994</v>
      </c>
      <c r="AA10" s="27">
        <v>99.560994705111995</v>
      </c>
      <c r="AB10" s="27">
        <v>99.608368437343998</v>
      </c>
      <c r="AC10" s="27">
        <v>99.637323726033998</v>
      </c>
      <c r="AD10" s="27">
        <v>99.638495073710004</v>
      </c>
      <c r="AE10" s="27">
        <v>99.610788124785998</v>
      </c>
      <c r="AF10" s="27">
        <v>99.561616274735997</v>
      </c>
      <c r="AG10" s="27">
        <v>99.493852106998006</v>
      </c>
      <c r="AH10" s="27">
        <v>99.412200427852</v>
      </c>
      <c r="AI10" s="27">
        <v>99.321079293878</v>
      </c>
      <c r="AJ10" s="27">
        <v>99.231695028093</v>
      </c>
      <c r="AK10" s="27">
        <v>99.149258485999994</v>
      </c>
      <c r="AL10" s="27">
        <v>99.074735107372007</v>
      </c>
      <c r="AM10" s="27">
        <v>99.005223830434005</v>
      </c>
      <c r="AN10" s="27">
        <v>98.939426959295005</v>
      </c>
      <c r="AO10" s="27">
        <v>98.871437448608006</v>
      </c>
      <c r="AP10" s="27">
        <v>98.801380401255003</v>
      </c>
      <c r="AQ10" s="27">
        <v>98.744763409363998</v>
      </c>
      <c r="AR10" s="27">
        <v>98.708916511774007</v>
      </c>
      <c r="AS10" s="27">
        <v>98.697551299630007</v>
      </c>
      <c r="AT10" s="27">
        <v>98.722814441173</v>
      </c>
      <c r="AU10" s="27">
        <v>98.782909667637</v>
      </c>
      <c r="AV10" s="27">
        <v>98.868910032573993</v>
      </c>
      <c r="AW10" s="27">
        <v>98.970085418029001</v>
      </c>
      <c r="AX10" s="27">
        <v>99.081833821833996</v>
      </c>
      <c r="AY10" s="27">
        <v>99.208005930498999</v>
      </c>
      <c r="AZ10" s="27">
        <v>99.330381034016</v>
      </c>
      <c r="BA10" s="27">
        <v>99.438330434291998</v>
      </c>
      <c r="BB10" s="27">
        <v>99.525855875746998</v>
      </c>
      <c r="BC10" s="27">
        <v>99.584049302115005</v>
      </c>
      <c r="BD10" s="27">
        <v>99.624723666118996</v>
      </c>
      <c r="BE10" s="27">
        <v>99.657703700293993</v>
      </c>
      <c r="BF10" s="27">
        <v>99.693671693279995</v>
      </c>
      <c r="BG10" s="27">
        <v>99.745609131397998</v>
      </c>
      <c r="BH10" s="27">
        <v>99.797035924623003</v>
      </c>
      <c r="BI10" s="27">
        <v>99.820194781812006</v>
      </c>
      <c r="BJ10" s="27">
        <v>99.823668655665003</v>
      </c>
      <c r="BK10" s="27">
        <v>99.810592738292996</v>
      </c>
      <c r="BL10" s="27">
        <v>99.789764584940997</v>
      </c>
      <c r="BM10" s="27">
        <v>99.774494811379</v>
      </c>
      <c r="BN10" s="27">
        <v>99.770924137419996</v>
      </c>
      <c r="BO10" s="27">
        <v>99.790806015791006</v>
      </c>
      <c r="BP10" s="27">
        <v>99.839435106310006</v>
      </c>
      <c r="BQ10" s="27">
        <v>99.924360533536003</v>
      </c>
      <c r="BR10" s="27">
        <v>100.04543652729301</v>
      </c>
      <c r="BS10" s="27">
        <v>100.195879350437</v>
      </c>
      <c r="BT10" s="27">
        <v>100.34655546580601</v>
      </c>
      <c r="BU10" s="27">
        <v>100.469119895296</v>
      </c>
      <c r="BV10" s="27">
        <v>100.555011412765</v>
      </c>
      <c r="BW10" s="27">
        <v>100.61997678159599</v>
      </c>
      <c r="BX10" s="27">
        <v>100.672252696521</v>
      </c>
      <c r="BY10" s="27">
        <v>100.714309056239</v>
      </c>
      <c r="BZ10" s="27">
        <v>100.741295629047</v>
      </c>
      <c r="CA10" s="27">
        <v>100.74804663556201</v>
      </c>
      <c r="CB10" s="27">
        <v>100.740667406664</v>
      </c>
      <c r="CC10" s="27">
        <v>100.723951640618</v>
      </c>
      <c r="CD10" s="27">
        <v>100.694858768854</v>
      </c>
      <c r="CE10" s="27">
        <v>100.65280912896</v>
      </c>
      <c r="CF10" s="27">
        <v>100.60620222784</v>
      </c>
      <c r="CG10" s="27">
        <v>100.576145986323</v>
      </c>
      <c r="CH10" s="27">
        <v>100.573489557176</v>
      </c>
      <c r="CI10" s="27">
        <v>100.606372905163</v>
      </c>
      <c r="CJ10" s="27">
        <v>100.66976837319601</v>
      </c>
      <c r="CK10" s="27">
        <v>100.754820197748</v>
      </c>
      <c r="CL10" s="27">
        <v>100.842669092731</v>
      </c>
      <c r="CM10" s="27">
        <v>100.918343824773</v>
      </c>
      <c r="CN10" s="27">
        <v>100.979034775332</v>
      </c>
      <c r="CO10" s="27">
        <v>101.035008376585</v>
      </c>
      <c r="CP10" s="27">
        <v>101.087638253107</v>
      </c>
      <c r="CQ10" s="27">
        <v>101.140426229746</v>
      </c>
      <c r="CR10" s="27">
        <v>101.206557041398</v>
      </c>
      <c r="CS10" s="27">
        <v>101.29733524860499</v>
      </c>
      <c r="CT10" s="27">
        <v>101.413646647413</v>
      </c>
      <c r="CU10" s="27">
        <v>101.542810174952</v>
      </c>
      <c r="CV10" s="27">
        <v>101.674978838824</v>
      </c>
      <c r="CW10" s="27">
        <v>101.79688658182</v>
      </c>
      <c r="CX10" s="27">
        <v>101.875971435803</v>
      </c>
      <c r="CY10" s="27">
        <v>101.88684363365699</v>
      </c>
      <c r="CZ10" s="27">
        <v>101.784410018994</v>
      </c>
      <c r="DA10" s="27">
        <v>101.50660769653101</v>
      </c>
      <c r="DB10" s="27">
        <v>101.028867174296</v>
      </c>
      <c r="DC10" s="27">
        <v>100.365251589518</v>
      </c>
      <c r="DD10" s="27">
        <v>99.564543220820994</v>
      </c>
      <c r="DE10" s="27">
        <v>98.718847733711996</v>
      </c>
      <c r="DF10" s="27">
        <v>97.958130342735998</v>
      </c>
      <c r="DG10" s="27">
        <v>97.357296020155005</v>
      </c>
      <c r="DH10" s="27">
        <v>96.945903478391998</v>
      </c>
      <c r="DI10" s="27">
        <v>96.732288582257993</v>
      </c>
      <c r="DJ10" s="27">
        <v>96.709413955848007</v>
      </c>
      <c r="DK10" s="27">
        <v>96.855891912974002</v>
      </c>
      <c r="DL10" s="27">
        <v>97.108588916184999</v>
      </c>
      <c r="DM10" s="27">
        <v>97.419744846876</v>
      </c>
      <c r="DN10" s="27">
        <v>97.752902125527996</v>
      </c>
      <c r="DO10" s="27">
        <v>98.081040462708003</v>
      </c>
      <c r="DP10" s="27">
        <v>98.394667485431995</v>
      </c>
      <c r="DQ10" s="27">
        <v>98.672957523191002</v>
      </c>
      <c r="DR10" s="27">
        <v>98.917361917280999</v>
      </c>
      <c r="DS10" s="27">
        <v>99.139652431461997</v>
      </c>
      <c r="DT10" s="27">
        <v>99.334245309555996</v>
      </c>
      <c r="DU10" s="27">
        <v>99.480127676257993</v>
      </c>
      <c r="DV10" s="27">
        <v>99.568529623424993</v>
      </c>
      <c r="DW10" s="27">
        <v>99.621344803794997</v>
      </c>
      <c r="DX10" s="27">
        <v>99.673953079905999</v>
      </c>
      <c r="DY10" s="27">
        <v>99.740396575608003</v>
      </c>
      <c r="DZ10" s="27">
        <v>99.821940684843995</v>
      </c>
      <c r="EA10" s="27">
        <v>99.923922494885005</v>
      </c>
      <c r="EB10" s="27">
        <v>100.038183561286</v>
      </c>
      <c r="EC10" s="27">
        <v>100.161891308748</v>
      </c>
      <c r="ED10" s="27">
        <v>100.285251790367</v>
      </c>
      <c r="EE10" s="27">
        <v>100.39943454658</v>
      </c>
      <c r="EF10" s="27">
        <v>100.506078990221</v>
      </c>
      <c r="EG10" s="27">
        <v>100.603230717377</v>
      </c>
      <c r="EH10" s="27">
        <v>100.682355889717</v>
      </c>
      <c r="EI10" s="27">
        <v>100.726386478146</v>
      </c>
      <c r="EJ10" s="27">
        <v>100.728437738191</v>
      </c>
      <c r="EK10" s="27">
        <v>100.69950732344201</v>
      </c>
      <c r="EL10" s="27">
        <v>100.661754340098</v>
      </c>
      <c r="EM10" s="27">
        <v>100.619408819887</v>
      </c>
      <c r="EN10" s="27">
        <v>100.591831989159</v>
      </c>
      <c r="EO10" s="27">
        <v>100.58858613619699</v>
      </c>
      <c r="EP10" s="27">
        <v>100.600592653004</v>
      </c>
      <c r="EQ10" s="27">
        <v>100.616159150337</v>
      </c>
      <c r="ER10" s="27">
        <v>100.61194406224701</v>
      </c>
      <c r="ES10" s="27">
        <v>100.57965902986</v>
      </c>
      <c r="ET10" s="27">
        <v>100.512207862566</v>
      </c>
      <c r="EU10" s="27">
        <v>100.43411222526299</v>
      </c>
      <c r="EV10" s="27">
        <v>100.37565675659</v>
      </c>
      <c r="EW10" s="27">
        <v>100.349688509307</v>
      </c>
      <c r="EX10" s="27">
        <v>100.353706920333</v>
      </c>
      <c r="EY10" s="27">
        <v>100.380417625337</v>
      </c>
      <c r="EZ10" s="27">
        <v>100.408757124353</v>
      </c>
      <c r="FA10" s="27">
        <v>100.430478680181</v>
      </c>
      <c r="FB10" s="27">
        <v>100.450200824646</v>
      </c>
      <c r="FC10" s="27">
        <v>100.45454143847</v>
      </c>
      <c r="FD10" s="27">
        <v>100.43926807208101</v>
      </c>
      <c r="FE10" s="27">
        <v>100.399664074808</v>
      </c>
      <c r="FF10" s="27">
        <v>100.335435666303</v>
      </c>
      <c r="FG10" s="27">
        <v>100.254664222041</v>
      </c>
      <c r="FH10" s="27">
        <v>100.169941047143</v>
      </c>
      <c r="FI10" s="27">
        <v>100.086814821541</v>
      </c>
      <c r="FJ10" s="27">
        <v>100.016537881877</v>
      </c>
      <c r="FK10" s="27">
        <v>99.973521656111998</v>
      </c>
      <c r="FL10" s="27">
        <v>99.967336735567997</v>
      </c>
      <c r="FM10" s="27">
        <v>100.006637164553</v>
      </c>
      <c r="FN10" s="27">
        <v>100.087245071003</v>
      </c>
      <c r="FO10" s="27">
        <v>100.176951428039</v>
      </c>
      <c r="FP10" s="27">
        <v>100.26505029011901</v>
      </c>
      <c r="FQ10" s="27">
        <v>100.340223930742</v>
      </c>
      <c r="FR10" s="27">
        <v>100.389248137205</v>
      </c>
      <c r="FS10" s="27">
        <v>100.406120696107</v>
      </c>
      <c r="FT10" s="27">
        <v>100.397809933234</v>
      </c>
      <c r="FU10" s="27">
        <v>100.374223501616</v>
      </c>
      <c r="FV10" s="27">
        <v>100.337849615875</v>
      </c>
      <c r="FW10" s="27">
        <v>100.30095053868099</v>
      </c>
      <c r="FX10" s="27">
        <v>100.252987723461</v>
      </c>
      <c r="FY10" s="27">
        <v>100.188352402032</v>
      </c>
      <c r="FZ10" s="27">
        <v>100.12048114940301</v>
      </c>
      <c r="GA10" s="27">
        <v>100.06344255875599</v>
      </c>
      <c r="GB10" s="27">
        <v>100.036846571496</v>
      </c>
      <c r="GC10" s="27">
        <v>100.033789984151</v>
      </c>
      <c r="GD10" s="27">
        <v>100.03500017939901</v>
      </c>
      <c r="GE10" s="27">
        <v>100.036355130769</v>
      </c>
      <c r="GF10" s="27">
        <v>100.01893835106</v>
      </c>
      <c r="GG10" s="27">
        <v>99.965092568388002</v>
      </c>
      <c r="GH10" s="27">
        <v>99.883846606096995</v>
      </c>
      <c r="GI10" s="27">
        <v>99.785436218775004</v>
      </c>
      <c r="GJ10" s="27">
        <v>99.671409316932994</v>
      </c>
      <c r="GK10" s="27">
        <v>99.554089534951004</v>
      </c>
      <c r="GL10" s="27">
        <v>99.441107237393993</v>
      </c>
      <c r="GM10" s="27">
        <v>99.330042684961001</v>
      </c>
      <c r="GN10" s="27">
        <v>99.219930065887993</v>
      </c>
      <c r="GO10" s="27">
        <v>99.105673506716002</v>
      </c>
      <c r="GP10" s="27">
        <v>98.975118514168003</v>
      </c>
      <c r="GQ10" s="7"/>
      <c r="GR10" s="26">
        <f>+BIE_c20150909171933!GH10</f>
        <v>99.883846606096995</v>
      </c>
      <c r="GS10" s="26">
        <f>+BIE_c20150909171933!GI10</f>
        <v>99.785436218775004</v>
      </c>
      <c r="GT10" s="26">
        <f>+BIE_c20150909171933!GJ10</f>
        <v>99.671409316932994</v>
      </c>
      <c r="GU10" s="26">
        <f>+BIE_c20150909171933!GK10</f>
        <v>99.554089534951004</v>
      </c>
      <c r="GV10" s="26">
        <f>+BIE_c20150909171933!GR10</f>
        <v>0</v>
      </c>
      <c r="GW10" s="26">
        <f>+BIE_c20150909171933!GS10</f>
        <v>0</v>
      </c>
      <c r="GX10" s="26">
        <f>+BIE_c20150909171933!GT10</f>
        <v>0</v>
      </c>
      <c r="GY10" s="26">
        <f>+BIE_c20150909171933!GU10</f>
        <v>0</v>
      </c>
      <c r="GZ10" s="26">
        <f>+BIE_c20150909171933!GV10</f>
        <v>0</v>
      </c>
      <c r="HA10" s="26">
        <f>+BIE_c20150909171933!GW10</f>
        <v>0</v>
      </c>
      <c r="HB10" s="26">
        <f>+BIE_c20150909171933!GX10</f>
        <v>0</v>
      </c>
      <c r="HC10" s="26">
        <f>+BIE_c20150909171933!GY10</f>
        <v>0</v>
      </c>
      <c r="HD10" s="26">
        <f>+BIE_c20150909171933!GZ10</f>
        <v>0</v>
      </c>
      <c r="HE10" s="26">
        <f>+BIE_c20150909171933!HA10</f>
        <v>0</v>
      </c>
      <c r="HF10" s="26">
        <f>+BIE_c20150909171933!HB10</f>
        <v>0</v>
      </c>
      <c r="HG10" s="26">
        <f>+BIE_c20150909171933!HC10</f>
        <v>0</v>
      </c>
      <c r="HH10" s="26">
        <f>+BIE_c20150909171933!HD10</f>
        <v>0</v>
      </c>
      <c r="HI10" s="26">
        <f>+BIE_c20150909171933!HE10</f>
        <v>0</v>
      </c>
      <c r="HJ10" s="26">
        <f>+BIE_c20150909171933!HF10</f>
        <v>0</v>
      </c>
      <c r="HK10" s="26">
        <f>+BIE_c20150909171933!HG10</f>
        <v>0</v>
      </c>
      <c r="HL10" s="26">
        <f>+BIE_c20150909171933!HH10</f>
        <v>0</v>
      </c>
      <c r="HM10" s="25">
        <f>+BIE_c20150909171933!HK10</f>
        <v>0</v>
      </c>
      <c r="HN10" s="25">
        <f>+BIE_c20150909171933!HL10</f>
        <v>0</v>
      </c>
      <c r="HO10" s="25">
        <f>+BIE_c20150909171933!HM10</f>
        <v>0</v>
      </c>
      <c r="HP10" s="25">
        <f>+BIE_c20150909171933!HN10</f>
        <v>0</v>
      </c>
      <c r="HQ10" s="25">
        <f>+BIE_c20150909171933!HO10</f>
        <v>0</v>
      </c>
      <c r="HR10" s="25">
        <f>+BIE_c20150909171933!HP10</f>
        <v>0</v>
      </c>
      <c r="HS10" s="25">
        <f>+BIE_c20150909171933!HQ10</f>
        <v>0</v>
      </c>
      <c r="HT10" s="25">
        <f>+BIE_c20150909171933!HR10</f>
        <v>0</v>
      </c>
      <c r="HU10" s="25">
        <f>+BIE_c20150909171933!HS10</f>
        <v>0</v>
      </c>
      <c r="HV10" s="25">
        <f>+BIE_c20150909171933!HT10</f>
        <v>0</v>
      </c>
      <c r="HW10" s="25">
        <f>+BIE_c20150909171933!HU10</f>
        <v>0</v>
      </c>
      <c r="HX10" s="25">
        <f>+BIE_c20150909171933!HV10</f>
        <v>0</v>
      </c>
      <c r="HY10" s="25">
        <f>+BIE_c20150909171933!HW10</f>
        <v>0</v>
      </c>
      <c r="HZ10" s="25">
        <f>+BIE_c20150909171933!HX10</f>
        <v>0</v>
      </c>
      <c r="IA10" s="25">
        <f>+BIE_c20150909171933!HY10</f>
        <v>0</v>
      </c>
      <c r="IB10" s="25">
        <f>+BIE_c20150909171933!HZ10</f>
        <v>0</v>
      </c>
      <c r="IC10" s="25">
        <f>+BIE_c20150909171933!IA10</f>
        <v>0</v>
      </c>
      <c r="ID10" s="25">
        <f>+BIE_c20150909171933!IB10</f>
        <v>0</v>
      </c>
      <c r="IE10" s="25">
        <f>+BIE_c20150909171933!IC10</f>
        <v>0</v>
      </c>
      <c r="IF10" s="25">
        <f>+BIE_c20150909171933!ID10</f>
        <v>0</v>
      </c>
      <c r="IG10" s="25">
        <f>+BIE_c20150909171933!IE10</f>
        <v>0</v>
      </c>
      <c r="IH10" s="25">
        <f>+BIE_c20150909171933!IF10</f>
        <v>0</v>
      </c>
      <c r="II10" s="25">
        <f>+BIE_c20150909171933!IG10</f>
        <v>0</v>
      </c>
      <c r="IJ10" s="25">
        <f>+BIE_c20150909171933!IH10</f>
        <v>0</v>
      </c>
      <c r="IK10" s="25">
        <f>+BIE_c20150909171933!II10</f>
        <v>0</v>
      </c>
      <c r="IL10" s="25">
        <f>+BIE_c20150909171933!IJ10</f>
        <v>0</v>
      </c>
      <c r="IM10" s="25">
        <f>+BIE_c20150909171933!IK10</f>
        <v>0</v>
      </c>
      <c r="IN10" s="25">
        <f>+BIE_c20150909171933!IL10</f>
        <v>0</v>
      </c>
      <c r="IO10" s="25">
        <f>+BIE_c20150909171933!IM10</f>
        <v>0</v>
      </c>
      <c r="IP10" s="25">
        <f>+BIE_c20150909171933!IN10</f>
        <v>0</v>
      </c>
      <c r="IQ10" s="25">
        <f>+BIE_c20150909171933!IO10</f>
        <v>0</v>
      </c>
      <c r="IR10" s="25">
        <f>+BIE_c20150909171933!IP10</f>
        <v>0</v>
      </c>
      <c r="IS10" s="25">
        <f>+BIE_c20150909171933!IQ10</f>
        <v>0</v>
      </c>
      <c r="IT10" s="25">
        <f>+BIE_c20150909171933!IR10</f>
        <v>0</v>
      </c>
      <c r="IU10" s="25">
        <f>+BIE_c20150909171933!IS10</f>
        <v>0</v>
      </c>
      <c r="IV10" s="25">
        <f>+BIE_c20150909171933!IT10</f>
        <v>0</v>
      </c>
      <c r="IW10" s="25">
        <f>+BIE_c20150909171933!IU10</f>
        <v>0</v>
      </c>
      <c r="IX10" s="25">
        <f>+BIE_c20150909171933!IV10</f>
        <v>0</v>
      </c>
      <c r="IY10" s="25">
        <f>+BIE_c20150909171933!IW10</f>
        <v>0</v>
      </c>
      <c r="IZ10" s="25">
        <f>+BIE_c20150909171933!IX10</f>
        <v>0</v>
      </c>
      <c r="JA10" s="25">
        <f>+BIE_c20150909171933!IY10</f>
        <v>0</v>
      </c>
      <c r="JB10" s="25">
        <f>+BIE_c20150909171933!IZ10</f>
        <v>0</v>
      </c>
      <c r="JC10" s="25">
        <f>+BIE_c20150909171933!JA10</f>
        <v>0</v>
      </c>
      <c r="JD10" s="14"/>
    </row>
    <row r="11" spans="1:264" ht="30" x14ac:dyDescent="0.25">
      <c r="A11" s="6" t="s">
        <v>197</v>
      </c>
      <c r="B11" s="27">
        <v>101.23581388592901</v>
      </c>
      <c r="C11" s="27">
        <v>101.331488026004</v>
      </c>
      <c r="D11" s="27">
        <v>101.381280284097</v>
      </c>
      <c r="E11" s="27">
        <v>101.36929062727199</v>
      </c>
      <c r="F11" s="27">
        <v>101.303460127907</v>
      </c>
      <c r="G11" s="27">
        <v>101.217417036746</v>
      </c>
      <c r="H11" s="27">
        <v>101.092552118942</v>
      </c>
      <c r="I11" s="27">
        <v>100.925233983051</v>
      </c>
      <c r="J11" s="27">
        <v>100.699843632362</v>
      </c>
      <c r="K11" s="27">
        <v>100.421617452018</v>
      </c>
      <c r="L11" s="27">
        <v>100.12908872043199</v>
      </c>
      <c r="M11" s="27">
        <v>99.853100663960007</v>
      </c>
      <c r="N11" s="27">
        <v>99.628729536055005</v>
      </c>
      <c r="O11" s="27">
        <v>99.480810095471</v>
      </c>
      <c r="P11" s="27">
        <v>99.423149220415993</v>
      </c>
      <c r="Q11" s="27">
        <v>99.455616787527006</v>
      </c>
      <c r="R11" s="27">
        <v>99.548375230106004</v>
      </c>
      <c r="S11" s="27">
        <v>99.639869719019998</v>
      </c>
      <c r="T11" s="27">
        <v>99.697695606249994</v>
      </c>
      <c r="U11" s="27">
        <v>99.721072824567003</v>
      </c>
      <c r="V11" s="27">
        <v>99.739540872074997</v>
      </c>
      <c r="W11" s="27">
        <v>99.821919864516005</v>
      </c>
      <c r="X11" s="27">
        <v>99.973788507400002</v>
      </c>
      <c r="Y11" s="27">
        <v>100.157052104618</v>
      </c>
      <c r="Z11" s="27">
        <v>100.31977359104999</v>
      </c>
      <c r="AA11" s="27">
        <v>100.420945838168</v>
      </c>
      <c r="AB11" s="27">
        <v>100.431313415566</v>
      </c>
      <c r="AC11" s="27">
        <v>100.306538035963</v>
      </c>
      <c r="AD11" s="27">
        <v>100.038850650317</v>
      </c>
      <c r="AE11" s="27">
        <v>99.671740797322997</v>
      </c>
      <c r="AF11" s="27">
        <v>99.275984028771006</v>
      </c>
      <c r="AG11" s="27">
        <v>98.912288282743006</v>
      </c>
      <c r="AH11" s="27">
        <v>98.598561169416996</v>
      </c>
      <c r="AI11" s="27">
        <v>98.352163584338001</v>
      </c>
      <c r="AJ11" s="27">
        <v>98.170559840254001</v>
      </c>
      <c r="AK11" s="27">
        <v>98.029942513256003</v>
      </c>
      <c r="AL11" s="27">
        <v>97.931142710545004</v>
      </c>
      <c r="AM11" s="27">
        <v>97.915501056164999</v>
      </c>
      <c r="AN11" s="27">
        <v>98.026831905207004</v>
      </c>
      <c r="AO11" s="27">
        <v>98.279923825767</v>
      </c>
      <c r="AP11" s="27">
        <v>98.606986287723998</v>
      </c>
      <c r="AQ11" s="27">
        <v>98.960206093034998</v>
      </c>
      <c r="AR11" s="27">
        <v>99.278062487003993</v>
      </c>
      <c r="AS11" s="27">
        <v>99.535339921363004</v>
      </c>
      <c r="AT11" s="27">
        <v>99.744093909347001</v>
      </c>
      <c r="AU11" s="27">
        <v>99.920945783335995</v>
      </c>
      <c r="AV11" s="27">
        <v>100.07123766643301</v>
      </c>
      <c r="AW11" s="27">
        <v>100.192610343247</v>
      </c>
      <c r="AX11" s="27">
        <v>100.26928267095499</v>
      </c>
      <c r="AY11" s="27">
        <v>100.315752942744</v>
      </c>
      <c r="AZ11" s="27">
        <v>100.312744463092</v>
      </c>
      <c r="BA11" s="27">
        <v>100.27262881869601</v>
      </c>
      <c r="BB11" s="27">
        <v>100.191095741789</v>
      </c>
      <c r="BC11" s="27">
        <v>100.09433480958</v>
      </c>
      <c r="BD11" s="27">
        <v>100.00353091245999</v>
      </c>
      <c r="BE11" s="27">
        <v>99.937421659733005</v>
      </c>
      <c r="BF11" s="27">
        <v>99.905279139906995</v>
      </c>
      <c r="BG11" s="27">
        <v>99.900993045071004</v>
      </c>
      <c r="BH11" s="27">
        <v>99.920934196139001</v>
      </c>
      <c r="BI11" s="27">
        <v>99.941405317287007</v>
      </c>
      <c r="BJ11" s="27">
        <v>99.939506703356997</v>
      </c>
      <c r="BK11" s="27">
        <v>99.89609591947</v>
      </c>
      <c r="BL11" s="27">
        <v>99.830687167031002</v>
      </c>
      <c r="BM11" s="27">
        <v>99.770567956940994</v>
      </c>
      <c r="BN11" s="27">
        <v>99.744731124083003</v>
      </c>
      <c r="BO11" s="27">
        <v>99.768191443548005</v>
      </c>
      <c r="BP11" s="27">
        <v>99.839725455955005</v>
      </c>
      <c r="BQ11" s="27">
        <v>99.954090283251006</v>
      </c>
      <c r="BR11" s="27">
        <v>100.09636764938099</v>
      </c>
      <c r="BS11" s="27">
        <v>100.258612937617</v>
      </c>
      <c r="BT11" s="27">
        <v>100.429548985089</v>
      </c>
      <c r="BU11" s="27">
        <v>100.589389490606</v>
      </c>
      <c r="BV11" s="27">
        <v>100.724842389618</v>
      </c>
      <c r="BW11" s="27">
        <v>100.835446830834</v>
      </c>
      <c r="BX11" s="27">
        <v>100.91609547933101</v>
      </c>
      <c r="BY11" s="27">
        <v>100.96990711785899</v>
      </c>
      <c r="BZ11" s="27">
        <v>101.010279035091</v>
      </c>
      <c r="CA11" s="27">
        <v>101.05173721953599</v>
      </c>
      <c r="CB11" s="27">
        <v>101.111397520263</v>
      </c>
      <c r="CC11" s="27">
        <v>101.19914895827699</v>
      </c>
      <c r="CD11" s="27">
        <v>101.304175174961</v>
      </c>
      <c r="CE11" s="27">
        <v>101.41516935739899</v>
      </c>
      <c r="CF11" s="27">
        <v>101.523429903077</v>
      </c>
      <c r="CG11" s="27">
        <v>101.62183567106</v>
      </c>
      <c r="CH11" s="27">
        <v>101.70779686453299</v>
      </c>
      <c r="CI11" s="27">
        <v>101.787275670169</v>
      </c>
      <c r="CJ11" s="27">
        <v>101.85566407739699</v>
      </c>
      <c r="CK11" s="27">
        <v>101.91382327189299</v>
      </c>
      <c r="CL11" s="27">
        <v>101.953571032464</v>
      </c>
      <c r="CM11" s="27">
        <v>101.985744356884</v>
      </c>
      <c r="CN11" s="27">
        <v>102.01798174319801</v>
      </c>
      <c r="CO11" s="27">
        <v>102.038601609365</v>
      </c>
      <c r="CP11" s="27">
        <v>102.04457626024301</v>
      </c>
      <c r="CQ11" s="27">
        <v>102.009039586417</v>
      </c>
      <c r="CR11" s="27">
        <v>101.928317467935</v>
      </c>
      <c r="CS11" s="27">
        <v>101.8093362746</v>
      </c>
      <c r="CT11" s="27">
        <v>101.657244974885</v>
      </c>
      <c r="CU11" s="27">
        <v>101.486181159759</v>
      </c>
      <c r="CV11" s="27">
        <v>101.30635606952499</v>
      </c>
      <c r="CW11" s="27">
        <v>101.102289815763</v>
      </c>
      <c r="CX11" s="27">
        <v>100.84435149298</v>
      </c>
      <c r="CY11" s="27">
        <v>100.48246302876601</v>
      </c>
      <c r="CZ11" s="27">
        <v>99.988967021460994</v>
      </c>
      <c r="DA11" s="27">
        <v>99.347083210628</v>
      </c>
      <c r="DB11" s="27">
        <v>98.572568920983002</v>
      </c>
      <c r="DC11" s="27">
        <v>97.742671816698007</v>
      </c>
      <c r="DD11" s="27">
        <v>96.992378932134997</v>
      </c>
      <c r="DE11" s="27">
        <v>96.407353673977994</v>
      </c>
      <c r="DF11" s="27">
        <v>96.022816157717003</v>
      </c>
      <c r="DG11" s="27">
        <v>95.878444349633</v>
      </c>
      <c r="DH11" s="27">
        <v>95.997944947186994</v>
      </c>
      <c r="DI11" s="27">
        <v>96.350619741472997</v>
      </c>
      <c r="DJ11" s="27">
        <v>96.842761134404995</v>
      </c>
      <c r="DK11" s="27">
        <v>97.393437971617999</v>
      </c>
      <c r="DL11" s="27">
        <v>97.944983834327999</v>
      </c>
      <c r="DM11" s="27">
        <v>98.459015587970995</v>
      </c>
      <c r="DN11" s="27">
        <v>98.911437479162004</v>
      </c>
      <c r="DO11" s="27">
        <v>99.296203182658004</v>
      </c>
      <c r="DP11" s="27">
        <v>99.601756770220007</v>
      </c>
      <c r="DQ11" s="27">
        <v>99.841248754941006</v>
      </c>
      <c r="DR11" s="27">
        <v>100.033983208262</v>
      </c>
      <c r="DS11" s="27">
        <v>100.20120345857001</v>
      </c>
      <c r="DT11" s="27">
        <v>100.34957569144601</v>
      </c>
      <c r="DU11" s="27">
        <v>100.456771231744</v>
      </c>
      <c r="DV11" s="27">
        <v>100.51440445102401</v>
      </c>
      <c r="DW11" s="27">
        <v>100.545315805282</v>
      </c>
      <c r="DX11" s="27">
        <v>100.579628997462</v>
      </c>
      <c r="DY11" s="27">
        <v>100.64131857944101</v>
      </c>
      <c r="DZ11" s="27">
        <v>100.738478731821</v>
      </c>
      <c r="EA11" s="27">
        <v>100.854039281097</v>
      </c>
      <c r="EB11" s="27">
        <v>100.973491781958</v>
      </c>
      <c r="EC11" s="27">
        <v>101.085660810001</v>
      </c>
      <c r="ED11" s="27">
        <v>101.17226498539399</v>
      </c>
      <c r="EE11" s="27">
        <v>101.22648132143</v>
      </c>
      <c r="EF11" s="27">
        <v>101.23762211378801</v>
      </c>
      <c r="EG11" s="27">
        <v>101.1995153501</v>
      </c>
      <c r="EH11" s="27">
        <v>101.10752250809099</v>
      </c>
      <c r="EI11" s="27">
        <v>100.959497229213</v>
      </c>
      <c r="EJ11" s="27">
        <v>100.765888448591</v>
      </c>
      <c r="EK11" s="27">
        <v>100.556295892842</v>
      </c>
      <c r="EL11" s="27">
        <v>100.38436274550401</v>
      </c>
      <c r="EM11" s="27">
        <v>100.28594364923801</v>
      </c>
      <c r="EN11" s="27">
        <v>100.266487739512</v>
      </c>
      <c r="EO11" s="27">
        <v>100.30116284085101</v>
      </c>
      <c r="EP11" s="27">
        <v>100.364063079424</v>
      </c>
      <c r="EQ11" s="27">
        <v>100.41211903945999</v>
      </c>
      <c r="ER11" s="27">
        <v>100.409510038405</v>
      </c>
      <c r="ES11" s="27">
        <v>100.34994563974</v>
      </c>
      <c r="ET11" s="27">
        <v>100.27169862533199</v>
      </c>
      <c r="EU11" s="27">
        <v>100.21035186442499</v>
      </c>
      <c r="EV11" s="27">
        <v>100.18281766731199</v>
      </c>
      <c r="EW11" s="27">
        <v>100.190583344217</v>
      </c>
      <c r="EX11" s="27">
        <v>100.235958774537</v>
      </c>
      <c r="EY11" s="27">
        <v>100.31619972305</v>
      </c>
      <c r="EZ11" s="27">
        <v>100.417603816059</v>
      </c>
      <c r="FA11" s="27">
        <v>100.527024113</v>
      </c>
      <c r="FB11" s="27">
        <v>100.60577188406801</v>
      </c>
      <c r="FC11" s="27">
        <v>100.64134748932</v>
      </c>
      <c r="FD11" s="27">
        <v>100.647001608152</v>
      </c>
      <c r="FE11" s="27">
        <v>100.624473613449</v>
      </c>
      <c r="FF11" s="27">
        <v>100.573520802047</v>
      </c>
      <c r="FG11" s="27">
        <v>100.496490981981</v>
      </c>
      <c r="FH11" s="27">
        <v>100.426400236071</v>
      </c>
      <c r="FI11" s="27">
        <v>100.378628127702</v>
      </c>
      <c r="FJ11" s="27">
        <v>100.364887188103</v>
      </c>
      <c r="FK11" s="27">
        <v>100.383567643265</v>
      </c>
      <c r="FL11" s="27">
        <v>100.42028465073101</v>
      </c>
      <c r="FM11" s="27">
        <v>100.443843946435</v>
      </c>
      <c r="FN11" s="27">
        <v>100.43989236661599</v>
      </c>
      <c r="FO11" s="27">
        <v>100.443103312389</v>
      </c>
      <c r="FP11" s="27">
        <v>100.486127678633</v>
      </c>
      <c r="FQ11" s="27">
        <v>100.562761061157</v>
      </c>
      <c r="FR11" s="27">
        <v>100.660963173317</v>
      </c>
      <c r="FS11" s="27">
        <v>100.76635823830701</v>
      </c>
      <c r="FT11" s="27">
        <v>100.859087116357</v>
      </c>
      <c r="FU11" s="27">
        <v>100.920461530822</v>
      </c>
      <c r="FV11" s="27">
        <v>100.935221277835</v>
      </c>
      <c r="FW11" s="27">
        <v>100.89744194558</v>
      </c>
      <c r="FX11" s="27">
        <v>100.81888188763</v>
      </c>
      <c r="FY11" s="27">
        <v>100.721413953493</v>
      </c>
      <c r="FZ11" s="27">
        <v>100.629772117974</v>
      </c>
      <c r="GA11" s="27">
        <v>100.551511417651</v>
      </c>
      <c r="GB11" s="27">
        <v>100.47236378751801</v>
      </c>
      <c r="GC11" s="27">
        <v>100.399592315758</v>
      </c>
      <c r="GD11" s="27">
        <v>100.32895982545099</v>
      </c>
      <c r="GE11" s="27">
        <v>100.25602537451999</v>
      </c>
      <c r="GF11" s="27">
        <v>100.18002296984599</v>
      </c>
      <c r="GG11" s="27">
        <v>100.101649564765</v>
      </c>
      <c r="GH11" s="27">
        <v>100.028091147574</v>
      </c>
      <c r="GI11" s="27">
        <v>99.957984935376999</v>
      </c>
      <c r="GJ11" s="27">
        <v>99.870054566438995</v>
      </c>
      <c r="GK11" s="27">
        <v>99.757294928565003</v>
      </c>
      <c r="GL11" s="27">
        <v>99.633228390826005</v>
      </c>
      <c r="GM11" s="27">
        <v>99.523692470162999</v>
      </c>
      <c r="GN11" s="27">
        <v>99.441789475853</v>
      </c>
      <c r="GO11" s="27">
        <v>99.379873875981005</v>
      </c>
      <c r="GP11" s="27">
        <v>99.325692570634004</v>
      </c>
      <c r="GQ11" s="7"/>
      <c r="GR11" s="26">
        <f>+BIE_c20150909171933!GH11</f>
        <v>100.028091147574</v>
      </c>
      <c r="GS11" s="26">
        <f>+BIE_c20150909171933!GI11</f>
        <v>99.957984935376999</v>
      </c>
      <c r="GT11" s="26">
        <f>+BIE_c20150909171933!GJ11</f>
        <v>99.870054566438995</v>
      </c>
      <c r="GU11" s="26">
        <f>+BIE_c20150909171933!GK11</f>
        <v>99.757294928565003</v>
      </c>
      <c r="GV11" s="26">
        <f>+BIE_c20150909171933!GR11</f>
        <v>0</v>
      </c>
      <c r="GW11" s="26">
        <f>+BIE_c20150909171933!GS11</f>
        <v>0</v>
      </c>
      <c r="GX11" s="26">
        <f>+BIE_c20150909171933!GT11</f>
        <v>0</v>
      </c>
      <c r="GY11" s="26">
        <f>+BIE_c20150909171933!GU11</f>
        <v>0</v>
      </c>
      <c r="GZ11" s="26">
        <f>+BIE_c20150909171933!GV11</f>
        <v>0</v>
      </c>
      <c r="HA11" s="26">
        <f>+BIE_c20150909171933!GW11</f>
        <v>0</v>
      </c>
      <c r="HB11" s="26">
        <f>+BIE_c20150909171933!GX11</f>
        <v>0</v>
      </c>
      <c r="HC11" s="26">
        <f>+BIE_c20150909171933!GY11</f>
        <v>0</v>
      </c>
      <c r="HD11" s="26">
        <f>+BIE_c20150909171933!GZ11</f>
        <v>0</v>
      </c>
      <c r="HE11" s="26">
        <f>+BIE_c20150909171933!HA11</f>
        <v>0</v>
      </c>
      <c r="HF11" s="26">
        <f>+BIE_c20150909171933!HB11</f>
        <v>0</v>
      </c>
      <c r="HG11" s="26">
        <f>+BIE_c20150909171933!HC11</f>
        <v>0</v>
      </c>
      <c r="HH11" s="26">
        <f>+BIE_c20150909171933!HD11</f>
        <v>0</v>
      </c>
      <c r="HI11" s="26">
        <f>+BIE_c20150909171933!HE11</f>
        <v>0</v>
      </c>
      <c r="HJ11" s="26">
        <f>+BIE_c20150909171933!HF11</f>
        <v>0</v>
      </c>
      <c r="HK11" s="26">
        <f>+BIE_c20150909171933!HG11</f>
        <v>0</v>
      </c>
      <c r="HL11" s="26">
        <f>+BIE_c20150909171933!HH11</f>
        <v>0</v>
      </c>
      <c r="HM11" s="25">
        <f>+BIE_c20150909171933!HK11</f>
        <v>0</v>
      </c>
      <c r="HN11" s="25">
        <f>+BIE_c20150909171933!HL11</f>
        <v>0</v>
      </c>
      <c r="HO11" s="25">
        <f>+BIE_c20150909171933!HM11</f>
        <v>0</v>
      </c>
      <c r="HP11" s="25">
        <f>+BIE_c20150909171933!HN11</f>
        <v>0</v>
      </c>
      <c r="HQ11" s="25">
        <f>+BIE_c20150909171933!HO11</f>
        <v>0</v>
      </c>
      <c r="HR11" s="25">
        <f>+BIE_c20150909171933!HP11</f>
        <v>0</v>
      </c>
      <c r="HS11" s="25">
        <f>+BIE_c20150909171933!HQ11</f>
        <v>0</v>
      </c>
      <c r="HT11" s="25">
        <f>+BIE_c20150909171933!HR11</f>
        <v>0</v>
      </c>
      <c r="HU11" s="25">
        <f>+BIE_c20150909171933!HS11</f>
        <v>0</v>
      </c>
      <c r="HV11" s="25">
        <f>+BIE_c20150909171933!HT11</f>
        <v>0</v>
      </c>
      <c r="HW11" s="25">
        <f>+BIE_c20150909171933!HU11</f>
        <v>0</v>
      </c>
      <c r="HX11" s="25">
        <f>+BIE_c20150909171933!HV11</f>
        <v>0</v>
      </c>
      <c r="HY11" s="25">
        <f>+BIE_c20150909171933!HW11</f>
        <v>0</v>
      </c>
      <c r="HZ11" s="25">
        <f>+BIE_c20150909171933!HX11</f>
        <v>0</v>
      </c>
      <c r="IA11" s="25">
        <f>+BIE_c20150909171933!HY11</f>
        <v>0</v>
      </c>
      <c r="IB11" s="25">
        <f>+BIE_c20150909171933!HZ11</f>
        <v>0</v>
      </c>
      <c r="IC11" s="25">
        <f>+BIE_c20150909171933!IA11</f>
        <v>0</v>
      </c>
      <c r="ID11" s="25">
        <f>+BIE_c20150909171933!IB11</f>
        <v>0</v>
      </c>
      <c r="IE11" s="25">
        <f>+BIE_c20150909171933!IC11</f>
        <v>0</v>
      </c>
      <c r="IF11" s="25">
        <f>+BIE_c20150909171933!ID11</f>
        <v>0</v>
      </c>
      <c r="IG11" s="25">
        <f>+BIE_c20150909171933!IE11</f>
        <v>0</v>
      </c>
      <c r="IH11" s="25">
        <f>+BIE_c20150909171933!IF11</f>
        <v>0</v>
      </c>
      <c r="II11" s="25">
        <f>+BIE_c20150909171933!IG11</f>
        <v>0</v>
      </c>
      <c r="IJ11" s="25">
        <f>+BIE_c20150909171933!IH11</f>
        <v>0</v>
      </c>
      <c r="IK11" s="25">
        <f>+BIE_c20150909171933!II11</f>
        <v>0</v>
      </c>
      <c r="IL11" s="25">
        <f>+BIE_c20150909171933!IJ11</f>
        <v>0</v>
      </c>
      <c r="IM11" s="25">
        <f>+BIE_c20150909171933!IK11</f>
        <v>0</v>
      </c>
      <c r="IN11" s="25">
        <f>+BIE_c20150909171933!IL11</f>
        <v>0</v>
      </c>
      <c r="IO11" s="25">
        <f>+BIE_c20150909171933!IM11</f>
        <v>0</v>
      </c>
      <c r="IP11" s="25">
        <f>+BIE_c20150909171933!IN11</f>
        <v>0</v>
      </c>
      <c r="IQ11" s="25">
        <f>+BIE_c20150909171933!IO11</f>
        <v>0</v>
      </c>
      <c r="IR11" s="25">
        <f>+BIE_c20150909171933!IP11</f>
        <v>0</v>
      </c>
      <c r="IS11" s="25">
        <f>+BIE_c20150909171933!IQ11</f>
        <v>0</v>
      </c>
      <c r="IT11" s="25">
        <f>+BIE_c20150909171933!IR11</f>
        <v>0</v>
      </c>
      <c r="IU11" s="25">
        <f>+BIE_c20150909171933!IS11</f>
        <v>0</v>
      </c>
      <c r="IV11" s="25">
        <f>+BIE_c20150909171933!IT11</f>
        <v>0</v>
      </c>
      <c r="IW11" s="25">
        <f>+BIE_c20150909171933!IU11</f>
        <v>0</v>
      </c>
      <c r="IX11" s="25">
        <f>+BIE_c20150909171933!IV11</f>
        <v>0</v>
      </c>
      <c r="IY11" s="25">
        <f>+BIE_c20150909171933!IW11</f>
        <v>0</v>
      </c>
      <c r="IZ11" s="25">
        <f>+BIE_c20150909171933!IX11</f>
        <v>0</v>
      </c>
      <c r="JA11" s="25">
        <f>+BIE_c20150909171933!IY11</f>
        <v>0</v>
      </c>
      <c r="JB11" s="25">
        <f>+BIE_c20150909171933!IZ11</f>
        <v>0</v>
      </c>
      <c r="JC11" s="25">
        <f>+BIE_c20150909171933!JA11</f>
        <v>0</v>
      </c>
      <c r="JD11" s="14"/>
    </row>
    <row r="12" spans="1:264" ht="45" x14ac:dyDescent="0.25">
      <c r="A12" s="6" t="s">
        <v>198</v>
      </c>
      <c r="B12" s="27">
        <v>100.784013277977</v>
      </c>
      <c r="C12" s="27">
        <v>100.806290510474</v>
      </c>
      <c r="D12" s="27">
        <v>100.82999951889499</v>
      </c>
      <c r="E12" s="27">
        <v>100.84864388764601</v>
      </c>
      <c r="F12" s="27">
        <v>100.854773025166</v>
      </c>
      <c r="G12" s="27">
        <v>100.87516281720301</v>
      </c>
      <c r="H12" s="27">
        <v>100.830365884334</v>
      </c>
      <c r="I12" s="27">
        <v>100.732160268059</v>
      </c>
      <c r="J12" s="27">
        <v>100.561025305111</v>
      </c>
      <c r="K12" s="27">
        <v>100.29762349898</v>
      </c>
      <c r="L12" s="27">
        <v>99.980641273024005</v>
      </c>
      <c r="M12" s="27">
        <v>99.612911060249999</v>
      </c>
      <c r="N12" s="27">
        <v>99.259828427551994</v>
      </c>
      <c r="O12" s="27">
        <v>98.980286315377001</v>
      </c>
      <c r="P12" s="27">
        <v>98.785644029875996</v>
      </c>
      <c r="Q12" s="27">
        <v>98.666049570742999</v>
      </c>
      <c r="R12" s="27">
        <v>98.628570690345995</v>
      </c>
      <c r="S12" s="27">
        <v>98.641090486736999</v>
      </c>
      <c r="T12" s="27">
        <v>98.683219422313002</v>
      </c>
      <c r="U12" s="27">
        <v>98.714051959436006</v>
      </c>
      <c r="V12" s="27">
        <v>98.712604246338003</v>
      </c>
      <c r="W12" s="27">
        <v>98.747125919233994</v>
      </c>
      <c r="X12" s="27">
        <v>98.847071746240005</v>
      </c>
      <c r="Y12" s="27">
        <v>99.024658851980007</v>
      </c>
      <c r="Z12" s="27">
        <v>99.259540082035997</v>
      </c>
      <c r="AA12" s="27">
        <v>99.508838120489003</v>
      </c>
      <c r="AB12" s="27">
        <v>99.706246918619996</v>
      </c>
      <c r="AC12" s="27">
        <v>99.785343949468995</v>
      </c>
      <c r="AD12" s="27">
        <v>99.741340390735999</v>
      </c>
      <c r="AE12" s="27">
        <v>99.593880108639993</v>
      </c>
      <c r="AF12" s="27">
        <v>99.403420521857996</v>
      </c>
      <c r="AG12" s="27">
        <v>99.235279843252002</v>
      </c>
      <c r="AH12" s="27">
        <v>99.115003850031997</v>
      </c>
      <c r="AI12" s="27">
        <v>99.043772227982998</v>
      </c>
      <c r="AJ12" s="27">
        <v>99.022454411151998</v>
      </c>
      <c r="AK12" s="27">
        <v>99.017902236902003</v>
      </c>
      <c r="AL12" s="27">
        <v>99.001913005522994</v>
      </c>
      <c r="AM12" s="27">
        <v>98.984406792534998</v>
      </c>
      <c r="AN12" s="27">
        <v>98.974569058837005</v>
      </c>
      <c r="AO12" s="27">
        <v>99.022374742045997</v>
      </c>
      <c r="AP12" s="27">
        <v>99.072989220010001</v>
      </c>
      <c r="AQ12" s="27">
        <v>99.190749181288993</v>
      </c>
      <c r="AR12" s="27">
        <v>99.334734852009007</v>
      </c>
      <c r="AS12" s="27">
        <v>99.489702901846002</v>
      </c>
      <c r="AT12" s="27">
        <v>99.678048426450005</v>
      </c>
      <c r="AU12" s="27">
        <v>99.901453234819996</v>
      </c>
      <c r="AV12" s="27">
        <v>100.11970273522</v>
      </c>
      <c r="AW12" s="27">
        <v>100.33628932889</v>
      </c>
      <c r="AX12" s="27">
        <v>100.539402646369</v>
      </c>
      <c r="AY12" s="27">
        <v>100.716472109507</v>
      </c>
      <c r="AZ12" s="27">
        <v>100.869283091357</v>
      </c>
      <c r="BA12" s="27">
        <v>100.976200662062</v>
      </c>
      <c r="BB12" s="27">
        <v>100.97102047767</v>
      </c>
      <c r="BC12" s="27">
        <v>100.89254260316601</v>
      </c>
      <c r="BD12" s="27">
        <v>100.781994566706</v>
      </c>
      <c r="BE12" s="27">
        <v>100.669984948257</v>
      </c>
      <c r="BF12" s="27">
        <v>100.56548763526401</v>
      </c>
      <c r="BG12" s="27">
        <v>100.461194604103</v>
      </c>
      <c r="BH12" s="27">
        <v>100.407648816544</v>
      </c>
      <c r="BI12" s="27">
        <v>100.39036585058101</v>
      </c>
      <c r="BJ12" s="27">
        <v>100.370738299008</v>
      </c>
      <c r="BK12" s="27">
        <v>100.255469752522</v>
      </c>
      <c r="BL12" s="27">
        <v>100.08773037306401</v>
      </c>
      <c r="BM12" s="27">
        <v>99.899203150613999</v>
      </c>
      <c r="BN12" s="27">
        <v>99.744669933823999</v>
      </c>
      <c r="BO12" s="27">
        <v>99.677455947628005</v>
      </c>
      <c r="BP12" s="27">
        <v>99.719673015595006</v>
      </c>
      <c r="BQ12" s="27">
        <v>99.862999007547003</v>
      </c>
      <c r="BR12" s="27">
        <v>100.026830153478</v>
      </c>
      <c r="BS12" s="27">
        <v>100.18653064036</v>
      </c>
      <c r="BT12" s="27">
        <v>100.313191906955</v>
      </c>
      <c r="BU12" s="27">
        <v>100.39919780331699</v>
      </c>
      <c r="BV12" s="27">
        <v>100.469441669294</v>
      </c>
      <c r="BW12" s="27">
        <v>100.558319405774</v>
      </c>
      <c r="BX12" s="27">
        <v>100.68321562031799</v>
      </c>
      <c r="BY12" s="27">
        <v>100.828419703629</v>
      </c>
      <c r="BZ12" s="27">
        <v>100.970226482802</v>
      </c>
      <c r="CA12" s="27">
        <v>101.052399915938</v>
      </c>
      <c r="CB12" s="27">
        <v>101.03662538374201</v>
      </c>
      <c r="CC12" s="27">
        <v>100.954471501067</v>
      </c>
      <c r="CD12" s="27">
        <v>100.825382815503</v>
      </c>
      <c r="CE12" s="27">
        <v>100.666942160921</v>
      </c>
      <c r="CF12" s="27">
        <v>100.504149345019</v>
      </c>
      <c r="CG12" s="27">
        <v>100.375889335682</v>
      </c>
      <c r="CH12" s="27">
        <v>100.310611672116</v>
      </c>
      <c r="CI12" s="27">
        <v>100.329416318866</v>
      </c>
      <c r="CJ12" s="27">
        <v>100.382245377242</v>
      </c>
      <c r="CK12" s="27">
        <v>100.449747639503</v>
      </c>
      <c r="CL12" s="27">
        <v>100.508849035286</v>
      </c>
      <c r="CM12" s="27">
        <v>100.604842806305</v>
      </c>
      <c r="CN12" s="27">
        <v>100.757726861751</v>
      </c>
      <c r="CO12" s="27">
        <v>100.90306186191999</v>
      </c>
      <c r="CP12" s="27">
        <v>101.00147226236599</v>
      </c>
      <c r="CQ12" s="27">
        <v>100.97403345672799</v>
      </c>
      <c r="CR12" s="27">
        <v>100.869660053396</v>
      </c>
      <c r="CS12" s="27">
        <v>100.724800935594</v>
      </c>
      <c r="CT12" s="27">
        <v>100.528586728291</v>
      </c>
      <c r="CU12" s="27">
        <v>100.280901366496</v>
      </c>
      <c r="CV12" s="27">
        <v>100.020357521904</v>
      </c>
      <c r="CW12" s="27">
        <v>99.760889999045006</v>
      </c>
      <c r="CX12" s="27">
        <v>99.518433662654999</v>
      </c>
      <c r="CY12" s="27">
        <v>99.264435741292004</v>
      </c>
      <c r="CZ12" s="27">
        <v>98.985994496954007</v>
      </c>
      <c r="DA12" s="27">
        <v>98.628641676033993</v>
      </c>
      <c r="DB12" s="27">
        <v>98.204886417387002</v>
      </c>
      <c r="DC12" s="27">
        <v>97.753340365365005</v>
      </c>
      <c r="DD12" s="27">
        <v>97.346023257775997</v>
      </c>
      <c r="DE12" s="27">
        <v>97.026442590426001</v>
      </c>
      <c r="DF12" s="27">
        <v>96.768976342197007</v>
      </c>
      <c r="DG12" s="27">
        <v>96.615917428315001</v>
      </c>
      <c r="DH12" s="27">
        <v>96.598582776176997</v>
      </c>
      <c r="DI12" s="27">
        <v>96.772679821642996</v>
      </c>
      <c r="DJ12" s="27">
        <v>97.129706667028003</v>
      </c>
      <c r="DK12" s="27">
        <v>97.645827729051007</v>
      </c>
      <c r="DL12" s="27">
        <v>98.264261143686994</v>
      </c>
      <c r="DM12" s="27">
        <v>98.916531734676994</v>
      </c>
      <c r="DN12" s="27">
        <v>99.534768738317993</v>
      </c>
      <c r="DO12" s="27">
        <v>100.082343590135</v>
      </c>
      <c r="DP12" s="27">
        <v>100.473660848649</v>
      </c>
      <c r="DQ12" s="27">
        <v>100.72925545744501</v>
      </c>
      <c r="DR12" s="27">
        <v>100.90871711594301</v>
      </c>
      <c r="DS12" s="27">
        <v>101.032316397231</v>
      </c>
      <c r="DT12" s="27">
        <v>101.13369575222301</v>
      </c>
      <c r="DU12" s="27">
        <v>101.20477609910699</v>
      </c>
      <c r="DV12" s="27">
        <v>101.234834953666</v>
      </c>
      <c r="DW12" s="27">
        <v>101.22525134308</v>
      </c>
      <c r="DX12" s="27">
        <v>101.183436721524</v>
      </c>
      <c r="DY12" s="27">
        <v>101.122835460288</v>
      </c>
      <c r="DZ12" s="27">
        <v>101.047918176503</v>
      </c>
      <c r="EA12" s="27">
        <v>100.926092704879</v>
      </c>
      <c r="EB12" s="27">
        <v>100.79491371773</v>
      </c>
      <c r="EC12" s="27">
        <v>100.701235725133</v>
      </c>
      <c r="ED12" s="27">
        <v>100.646388937502</v>
      </c>
      <c r="EE12" s="27">
        <v>100.639651803915</v>
      </c>
      <c r="EF12" s="27">
        <v>100.659668128661</v>
      </c>
      <c r="EG12" s="27">
        <v>100.685803160387</v>
      </c>
      <c r="EH12" s="27">
        <v>100.709420129143</v>
      </c>
      <c r="EI12" s="27">
        <v>100.72217228995299</v>
      </c>
      <c r="EJ12" s="27">
        <v>100.72094916649</v>
      </c>
      <c r="EK12" s="27">
        <v>100.74548578426101</v>
      </c>
      <c r="EL12" s="27">
        <v>100.81829289696201</v>
      </c>
      <c r="EM12" s="27">
        <v>100.948413902895</v>
      </c>
      <c r="EN12" s="27">
        <v>101.12238359885799</v>
      </c>
      <c r="EO12" s="27">
        <v>101.27948851372101</v>
      </c>
      <c r="EP12" s="27">
        <v>101.39789056514</v>
      </c>
      <c r="EQ12" s="27">
        <v>101.43464572796999</v>
      </c>
      <c r="ER12" s="27">
        <v>101.365743638319</v>
      </c>
      <c r="ES12" s="27">
        <v>101.20085355621499</v>
      </c>
      <c r="ET12" s="27">
        <v>101.024751451271</v>
      </c>
      <c r="EU12" s="27">
        <v>100.855507856773</v>
      </c>
      <c r="EV12" s="27">
        <v>100.68962301492699</v>
      </c>
      <c r="EW12" s="27">
        <v>100.54748973657099</v>
      </c>
      <c r="EX12" s="27">
        <v>100.469994552659</v>
      </c>
      <c r="EY12" s="27">
        <v>100.47910914213</v>
      </c>
      <c r="EZ12" s="27">
        <v>100.52875007167199</v>
      </c>
      <c r="FA12" s="27">
        <v>100.55453244507299</v>
      </c>
      <c r="FB12" s="27">
        <v>100.434816795136</v>
      </c>
      <c r="FC12" s="27">
        <v>100.17876486314999</v>
      </c>
      <c r="FD12" s="27">
        <v>99.882262753400994</v>
      </c>
      <c r="FE12" s="27">
        <v>99.597028261372998</v>
      </c>
      <c r="FF12" s="27">
        <v>99.346957822186994</v>
      </c>
      <c r="FG12" s="27">
        <v>99.126188378424999</v>
      </c>
      <c r="FH12" s="27">
        <v>98.983398687171999</v>
      </c>
      <c r="FI12" s="27">
        <v>98.931101140663998</v>
      </c>
      <c r="FJ12" s="27">
        <v>98.962743625366997</v>
      </c>
      <c r="FK12" s="27">
        <v>99.048764521647001</v>
      </c>
      <c r="FL12" s="27">
        <v>99.142753608659007</v>
      </c>
      <c r="FM12" s="27">
        <v>99.165351441151998</v>
      </c>
      <c r="FN12" s="27">
        <v>99.089824996497001</v>
      </c>
      <c r="FO12" s="27">
        <v>99.008347969173002</v>
      </c>
      <c r="FP12" s="27">
        <v>99.006713045119</v>
      </c>
      <c r="FQ12" s="27">
        <v>99.050256574417006</v>
      </c>
      <c r="FR12" s="27">
        <v>99.099365675740998</v>
      </c>
      <c r="FS12" s="27">
        <v>99.137233742445005</v>
      </c>
      <c r="FT12" s="27">
        <v>99.174220102918994</v>
      </c>
      <c r="FU12" s="27">
        <v>99.220290784580996</v>
      </c>
      <c r="FV12" s="27">
        <v>99.254875755320995</v>
      </c>
      <c r="FW12" s="27">
        <v>99.262152310839994</v>
      </c>
      <c r="FX12" s="27">
        <v>99.259148619314999</v>
      </c>
      <c r="FY12" s="27">
        <v>99.30148237601</v>
      </c>
      <c r="FZ12" s="27">
        <v>99.414384227133993</v>
      </c>
      <c r="GA12" s="27">
        <v>99.566386486371997</v>
      </c>
      <c r="GB12" s="27">
        <v>99.690732693295004</v>
      </c>
      <c r="GC12" s="27">
        <v>99.818169872289999</v>
      </c>
      <c r="GD12" s="27">
        <v>99.955539058857994</v>
      </c>
      <c r="GE12" s="27">
        <v>100.108057612583</v>
      </c>
      <c r="GF12" s="27">
        <v>100.27380558509201</v>
      </c>
      <c r="GG12" s="27">
        <v>100.42417498213899</v>
      </c>
      <c r="GH12" s="27">
        <v>100.542843286504</v>
      </c>
      <c r="GI12" s="27">
        <v>100.619571984112</v>
      </c>
      <c r="GJ12" s="27">
        <v>100.647324990973</v>
      </c>
      <c r="GK12" s="27">
        <v>100.638089353987</v>
      </c>
      <c r="GL12" s="27">
        <v>100.608394390306</v>
      </c>
      <c r="GM12" s="27">
        <v>100.55882246896699</v>
      </c>
      <c r="GN12" s="27">
        <v>100.48421859678599</v>
      </c>
      <c r="GO12" s="27">
        <v>100.391300174286</v>
      </c>
      <c r="GP12" s="27">
        <v>100.287086486151</v>
      </c>
      <c r="GQ12" s="7"/>
      <c r="GR12" s="26">
        <f>+BIE_c20150909171933!GH12</f>
        <v>100.542843286504</v>
      </c>
      <c r="GS12" s="26">
        <f>+BIE_c20150909171933!GI12</f>
        <v>100.619571984112</v>
      </c>
      <c r="GT12" s="26">
        <f>+BIE_c20150909171933!GJ12</f>
        <v>100.647324990973</v>
      </c>
      <c r="GU12" s="26">
        <f>+BIE_c20150909171933!GK12</f>
        <v>100.638089353987</v>
      </c>
      <c r="GV12" s="26">
        <f>+BIE_c20150909171933!GR12</f>
        <v>0</v>
      </c>
      <c r="GW12" s="26">
        <f>+BIE_c20150909171933!GS12</f>
        <v>0</v>
      </c>
      <c r="GX12" s="26">
        <f>+BIE_c20150909171933!GT12</f>
        <v>0</v>
      </c>
      <c r="GY12" s="26">
        <f>+BIE_c20150909171933!GU12</f>
        <v>0</v>
      </c>
      <c r="GZ12" s="26">
        <f>+BIE_c20150909171933!GV12</f>
        <v>0</v>
      </c>
      <c r="HA12" s="26">
        <f>+BIE_c20150909171933!GW12</f>
        <v>0</v>
      </c>
      <c r="HB12" s="26">
        <f>+BIE_c20150909171933!GX12</f>
        <v>0</v>
      </c>
      <c r="HC12" s="26">
        <f>+BIE_c20150909171933!GY12</f>
        <v>0</v>
      </c>
      <c r="HD12" s="26">
        <f>+BIE_c20150909171933!GZ12</f>
        <v>0</v>
      </c>
      <c r="HE12" s="26">
        <f>+BIE_c20150909171933!HA12</f>
        <v>0</v>
      </c>
      <c r="HF12" s="26">
        <f>+BIE_c20150909171933!HB12</f>
        <v>0</v>
      </c>
      <c r="HG12" s="26">
        <f>+BIE_c20150909171933!HC12</f>
        <v>0</v>
      </c>
      <c r="HH12" s="26">
        <f>+BIE_c20150909171933!HD12</f>
        <v>0</v>
      </c>
      <c r="HI12" s="26">
        <f>+BIE_c20150909171933!HE12</f>
        <v>0</v>
      </c>
      <c r="HJ12" s="26">
        <f>+BIE_c20150909171933!HF12</f>
        <v>0</v>
      </c>
      <c r="HK12" s="26">
        <f>+BIE_c20150909171933!HG12</f>
        <v>0</v>
      </c>
      <c r="HL12" s="26">
        <f>+BIE_c20150909171933!HH12</f>
        <v>0</v>
      </c>
      <c r="HM12" s="25">
        <f>+BIE_c20150909171933!HK12</f>
        <v>0</v>
      </c>
      <c r="HN12" s="25">
        <f>+BIE_c20150909171933!HL12</f>
        <v>0</v>
      </c>
      <c r="HO12" s="25">
        <f>+BIE_c20150909171933!HM12</f>
        <v>0</v>
      </c>
      <c r="HP12" s="25">
        <f>+BIE_c20150909171933!HN12</f>
        <v>0</v>
      </c>
      <c r="HQ12" s="25">
        <f>+BIE_c20150909171933!HO12</f>
        <v>0</v>
      </c>
      <c r="HR12" s="25">
        <f>+BIE_c20150909171933!HP12</f>
        <v>0</v>
      </c>
      <c r="HS12" s="25">
        <f>+BIE_c20150909171933!HQ12</f>
        <v>0</v>
      </c>
      <c r="HT12" s="25">
        <f>+BIE_c20150909171933!HR12</f>
        <v>0</v>
      </c>
      <c r="HU12" s="25">
        <f>+BIE_c20150909171933!HS12</f>
        <v>0</v>
      </c>
      <c r="HV12" s="25">
        <f>+BIE_c20150909171933!HT12</f>
        <v>0</v>
      </c>
      <c r="HW12" s="25">
        <f>+BIE_c20150909171933!HU12</f>
        <v>0</v>
      </c>
      <c r="HX12" s="25">
        <f>+BIE_c20150909171933!HV12</f>
        <v>0</v>
      </c>
      <c r="HY12" s="25">
        <f>+BIE_c20150909171933!HW12</f>
        <v>0</v>
      </c>
      <c r="HZ12" s="25">
        <f>+BIE_c20150909171933!HX12</f>
        <v>0</v>
      </c>
      <c r="IA12" s="25">
        <f>+BIE_c20150909171933!HY12</f>
        <v>0</v>
      </c>
      <c r="IB12" s="25">
        <f>+BIE_c20150909171933!HZ12</f>
        <v>0</v>
      </c>
      <c r="IC12" s="25">
        <f>+BIE_c20150909171933!IA12</f>
        <v>0</v>
      </c>
      <c r="ID12" s="25">
        <f>+BIE_c20150909171933!IB12</f>
        <v>0</v>
      </c>
      <c r="IE12" s="25">
        <f>+BIE_c20150909171933!IC12</f>
        <v>0</v>
      </c>
      <c r="IF12" s="25">
        <f>+BIE_c20150909171933!ID12</f>
        <v>0</v>
      </c>
      <c r="IG12" s="25">
        <f>+BIE_c20150909171933!IE12</f>
        <v>0</v>
      </c>
      <c r="IH12" s="25">
        <f>+BIE_c20150909171933!IF12</f>
        <v>0</v>
      </c>
      <c r="II12" s="25">
        <f>+BIE_c20150909171933!IG12</f>
        <v>0</v>
      </c>
      <c r="IJ12" s="25">
        <f>+BIE_c20150909171933!IH12</f>
        <v>0</v>
      </c>
      <c r="IK12" s="25">
        <f>+BIE_c20150909171933!II12</f>
        <v>0</v>
      </c>
      <c r="IL12" s="25">
        <f>+BIE_c20150909171933!IJ12</f>
        <v>0</v>
      </c>
      <c r="IM12" s="25">
        <f>+BIE_c20150909171933!IK12</f>
        <v>0</v>
      </c>
      <c r="IN12" s="25">
        <f>+BIE_c20150909171933!IL12</f>
        <v>0</v>
      </c>
      <c r="IO12" s="25">
        <f>+BIE_c20150909171933!IM12</f>
        <v>0</v>
      </c>
      <c r="IP12" s="25">
        <f>+BIE_c20150909171933!IN12</f>
        <v>0</v>
      </c>
      <c r="IQ12" s="25">
        <f>+BIE_c20150909171933!IO12</f>
        <v>0</v>
      </c>
      <c r="IR12" s="25">
        <f>+BIE_c20150909171933!IP12</f>
        <v>0</v>
      </c>
      <c r="IS12" s="25">
        <f>+BIE_c20150909171933!IQ12</f>
        <v>0</v>
      </c>
      <c r="IT12" s="25">
        <f>+BIE_c20150909171933!IR12</f>
        <v>0</v>
      </c>
      <c r="IU12" s="25">
        <f>+BIE_c20150909171933!IS12</f>
        <v>0</v>
      </c>
      <c r="IV12" s="25">
        <f>+BIE_c20150909171933!IT12</f>
        <v>0</v>
      </c>
      <c r="IW12" s="25">
        <f>+BIE_c20150909171933!IU12</f>
        <v>0</v>
      </c>
      <c r="IX12" s="25">
        <f>+BIE_c20150909171933!IV12</f>
        <v>0</v>
      </c>
      <c r="IY12" s="25">
        <f>+BIE_c20150909171933!IW12</f>
        <v>0</v>
      </c>
      <c r="IZ12" s="25">
        <f>+BIE_c20150909171933!IX12</f>
        <v>0</v>
      </c>
      <c r="JA12" s="25">
        <f>+BIE_c20150909171933!IY12</f>
        <v>0</v>
      </c>
      <c r="JB12" s="25">
        <f>+BIE_c20150909171933!IZ12</f>
        <v>0</v>
      </c>
      <c r="JC12" s="25">
        <f>+BIE_c20150909171933!JA12</f>
        <v>0</v>
      </c>
      <c r="JD12" s="14"/>
    </row>
    <row r="13" spans="1:264" ht="45" x14ac:dyDescent="0.25">
      <c r="A13" s="6" t="s">
        <v>199</v>
      </c>
      <c r="B13" s="27"/>
      <c r="C13" s="27"/>
      <c r="D13" s="27"/>
      <c r="E13" s="27"/>
      <c r="F13" s="27"/>
      <c r="G13" s="27"/>
      <c r="H13" s="27"/>
      <c r="I13" s="27"/>
      <c r="J13" s="27"/>
      <c r="K13" s="27"/>
      <c r="L13" s="27"/>
      <c r="M13" s="27"/>
      <c r="N13" s="27"/>
      <c r="O13" s="27"/>
      <c r="P13" s="27"/>
      <c r="Q13" s="27"/>
      <c r="R13" s="27"/>
      <c r="S13" s="27"/>
      <c r="T13" s="27"/>
      <c r="U13" s="27"/>
      <c r="V13" s="27"/>
      <c r="W13" s="27"/>
      <c r="X13" s="27"/>
      <c r="Y13" s="27"/>
      <c r="Z13" s="27"/>
      <c r="AA13" s="27"/>
      <c r="AB13" s="27"/>
      <c r="AC13" s="27"/>
      <c r="AD13" s="27"/>
      <c r="AE13" s="27"/>
      <c r="AF13" s="27"/>
      <c r="AG13" s="27"/>
      <c r="AH13" s="27"/>
      <c r="AI13" s="27"/>
      <c r="AJ13" s="27"/>
      <c r="AK13" s="27"/>
      <c r="AL13" s="27"/>
      <c r="AM13" s="27"/>
      <c r="AN13" s="27"/>
      <c r="AO13" s="27"/>
      <c r="AP13" s="27"/>
      <c r="AQ13" s="27"/>
      <c r="AR13" s="27"/>
      <c r="AS13" s="27"/>
      <c r="AT13" s="27"/>
      <c r="AU13" s="27"/>
      <c r="AV13" s="27"/>
      <c r="AW13" s="27"/>
      <c r="AX13" s="27">
        <v>98.613310138063994</v>
      </c>
      <c r="AY13" s="27">
        <v>98.761930633529005</v>
      </c>
      <c r="AZ13" s="27">
        <v>98.920429695213002</v>
      </c>
      <c r="BA13" s="27">
        <v>99.099203883594001</v>
      </c>
      <c r="BB13" s="27">
        <v>99.266365402402997</v>
      </c>
      <c r="BC13" s="27">
        <v>99.389996360265997</v>
      </c>
      <c r="BD13" s="27">
        <v>99.478538785588</v>
      </c>
      <c r="BE13" s="27">
        <v>99.542311644921</v>
      </c>
      <c r="BF13" s="27">
        <v>99.603022095886999</v>
      </c>
      <c r="BG13" s="27">
        <v>99.680026901914999</v>
      </c>
      <c r="BH13" s="27">
        <v>99.761379939074004</v>
      </c>
      <c r="BI13" s="27">
        <v>99.829625724324003</v>
      </c>
      <c r="BJ13" s="27">
        <v>99.884397504540999</v>
      </c>
      <c r="BK13" s="27">
        <v>99.939188303291999</v>
      </c>
      <c r="BL13" s="27">
        <v>99.995026789462997</v>
      </c>
      <c r="BM13" s="27">
        <v>100.046698350272</v>
      </c>
      <c r="BN13" s="27">
        <v>100.08394734309201</v>
      </c>
      <c r="BO13" s="27">
        <v>100.10682701037599</v>
      </c>
      <c r="BP13" s="27">
        <v>100.116519810105</v>
      </c>
      <c r="BQ13" s="27">
        <v>100.128742015295</v>
      </c>
      <c r="BR13" s="27">
        <v>100.163254313542</v>
      </c>
      <c r="BS13" s="27">
        <v>100.220564245631</v>
      </c>
      <c r="BT13" s="27">
        <v>100.28620872871301</v>
      </c>
      <c r="BU13" s="27">
        <v>100.356748997693</v>
      </c>
      <c r="BV13" s="27">
        <v>100.432616558408</v>
      </c>
      <c r="BW13" s="27">
        <v>100.530093949291</v>
      </c>
      <c r="BX13" s="27">
        <v>100.619190178379</v>
      </c>
      <c r="BY13" s="27">
        <v>100.695116922891</v>
      </c>
      <c r="BZ13" s="27">
        <v>100.76461704442301</v>
      </c>
      <c r="CA13" s="27">
        <v>100.833719624878</v>
      </c>
      <c r="CB13" s="27">
        <v>100.925242381872</v>
      </c>
      <c r="CC13" s="27">
        <v>101.044193967488</v>
      </c>
      <c r="CD13" s="27">
        <v>101.16429338803999</v>
      </c>
      <c r="CE13" s="27">
        <v>101.279953974343</v>
      </c>
      <c r="CF13" s="27">
        <v>101.401295998602</v>
      </c>
      <c r="CG13" s="27">
        <v>101.519515881419</v>
      </c>
      <c r="CH13" s="27">
        <v>101.623811868941</v>
      </c>
      <c r="CI13" s="27">
        <v>101.70425768478501</v>
      </c>
      <c r="CJ13" s="27">
        <v>101.754720259579</v>
      </c>
      <c r="CK13" s="27">
        <v>101.773515092292</v>
      </c>
      <c r="CL13" s="27">
        <v>101.768924382447</v>
      </c>
      <c r="CM13" s="27">
        <v>101.77279807859</v>
      </c>
      <c r="CN13" s="27">
        <v>101.799388794637</v>
      </c>
      <c r="CO13" s="27">
        <v>101.850368596995</v>
      </c>
      <c r="CP13" s="27">
        <v>101.917569795703</v>
      </c>
      <c r="CQ13" s="27">
        <v>101.977931644663</v>
      </c>
      <c r="CR13" s="27">
        <v>101.98443406093099</v>
      </c>
      <c r="CS13" s="27">
        <v>101.88637276161801</v>
      </c>
      <c r="CT13" s="27">
        <v>101.689744507436</v>
      </c>
      <c r="CU13" s="27">
        <v>101.418933740406</v>
      </c>
      <c r="CV13" s="27">
        <v>101.109624974588</v>
      </c>
      <c r="CW13" s="27">
        <v>100.777280092795</v>
      </c>
      <c r="CX13" s="27">
        <v>100.425530601604</v>
      </c>
      <c r="CY13" s="27">
        <v>100.012357944367</v>
      </c>
      <c r="CZ13" s="27">
        <v>99.490066512414998</v>
      </c>
      <c r="DA13" s="27">
        <v>98.841545141767</v>
      </c>
      <c r="DB13" s="27">
        <v>98.075117466677995</v>
      </c>
      <c r="DC13" s="27">
        <v>97.267125557247994</v>
      </c>
      <c r="DD13" s="27">
        <v>96.525700959375996</v>
      </c>
      <c r="DE13" s="27">
        <v>95.933418029584004</v>
      </c>
      <c r="DF13" s="27">
        <v>95.558881299948993</v>
      </c>
      <c r="DG13" s="27">
        <v>95.418729243244996</v>
      </c>
      <c r="DH13" s="27">
        <v>95.509778585747</v>
      </c>
      <c r="DI13" s="27">
        <v>95.741269217430997</v>
      </c>
      <c r="DJ13" s="27">
        <v>96.031641325858999</v>
      </c>
      <c r="DK13" s="27">
        <v>96.337261312967996</v>
      </c>
      <c r="DL13" s="27">
        <v>96.628184187011996</v>
      </c>
      <c r="DM13" s="27">
        <v>96.909764803442997</v>
      </c>
      <c r="DN13" s="27">
        <v>97.202622117429996</v>
      </c>
      <c r="DO13" s="27">
        <v>97.498188459768997</v>
      </c>
      <c r="DP13" s="27">
        <v>97.799993969387003</v>
      </c>
      <c r="DQ13" s="27">
        <v>98.127514283772001</v>
      </c>
      <c r="DR13" s="27">
        <v>98.490865685681001</v>
      </c>
      <c r="DS13" s="27">
        <v>98.925069411989995</v>
      </c>
      <c r="DT13" s="27">
        <v>99.402067223082994</v>
      </c>
      <c r="DU13" s="27">
        <v>99.865166086741993</v>
      </c>
      <c r="DV13" s="27">
        <v>100.270981816432</v>
      </c>
      <c r="DW13" s="27">
        <v>100.593115043146</v>
      </c>
      <c r="DX13" s="27">
        <v>100.834490774798</v>
      </c>
      <c r="DY13" s="27">
        <v>101.01882246005999</v>
      </c>
      <c r="DZ13" s="27">
        <v>101.16421651897301</v>
      </c>
      <c r="EA13" s="27">
        <v>101.284182634704</v>
      </c>
      <c r="EB13" s="27">
        <v>101.382655373552</v>
      </c>
      <c r="EC13" s="27">
        <v>101.45305002505</v>
      </c>
      <c r="ED13" s="27">
        <v>101.48585296218501</v>
      </c>
      <c r="EE13" s="27">
        <v>101.48938890487101</v>
      </c>
      <c r="EF13" s="27">
        <v>101.470290149429</v>
      </c>
      <c r="EG13" s="27">
        <v>101.429844012633</v>
      </c>
      <c r="EH13" s="27">
        <v>101.36532325175</v>
      </c>
      <c r="EI13" s="27">
        <v>101.258176832807</v>
      </c>
      <c r="EJ13" s="27">
        <v>101.10625321201201</v>
      </c>
      <c r="EK13" s="27">
        <v>100.925907864783</v>
      </c>
      <c r="EL13" s="27">
        <v>100.76300055532499</v>
      </c>
      <c r="EM13" s="27">
        <v>100.63195433276699</v>
      </c>
      <c r="EN13" s="27">
        <v>100.54170704468299</v>
      </c>
      <c r="EO13" s="27">
        <v>100.482575001884</v>
      </c>
      <c r="EP13" s="27">
        <v>100.441147812945</v>
      </c>
      <c r="EQ13" s="27">
        <v>100.395480656377</v>
      </c>
      <c r="ER13" s="27">
        <v>100.33302458592399</v>
      </c>
      <c r="ES13" s="27">
        <v>100.25715026270299</v>
      </c>
      <c r="ET13" s="27">
        <v>100.185259758746</v>
      </c>
      <c r="EU13" s="27">
        <v>100.140091120381</v>
      </c>
      <c r="EV13" s="27">
        <v>100.13876814320599</v>
      </c>
      <c r="EW13" s="27">
        <v>100.18331379719901</v>
      </c>
      <c r="EX13" s="27">
        <v>100.26551006803599</v>
      </c>
      <c r="EY13" s="27">
        <v>100.377351191854</v>
      </c>
      <c r="EZ13" s="27">
        <v>100.50590957809101</v>
      </c>
      <c r="FA13" s="27">
        <v>100.640552309348</v>
      </c>
      <c r="FB13" s="27">
        <v>100.77025953729699</v>
      </c>
      <c r="FC13" s="27">
        <v>100.876395602846</v>
      </c>
      <c r="FD13" s="27">
        <v>100.944373014354</v>
      </c>
      <c r="FE13" s="27">
        <v>100.97158886698401</v>
      </c>
      <c r="FF13" s="27">
        <v>100.94991114567</v>
      </c>
      <c r="FG13" s="27">
        <v>100.86976914592999</v>
      </c>
      <c r="FH13" s="27">
        <v>100.738557581981</v>
      </c>
      <c r="FI13" s="27">
        <v>100.567121530227</v>
      </c>
      <c r="FJ13" s="27">
        <v>100.379164936541</v>
      </c>
      <c r="FK13" s="27">
        <v>100.208886869181</v>
      </c>
      <c r="FL13" s="27">
        <v>100.09199138114499</v>
      </c>
      <c r="FM13" s="27">
        <v>100.03465581181401</v>
      </c>
      <c r="FN13" s="27">
        <v>100.011115536048</v>
      </c>
      <c r="FO13" s="27">
        <v>100.02404184950601</v>
      </c>
      <c r="FP13" s="27">
        <v>100.06407980393401</v>
      </c>
      <c r="FQ13" s="27">
        <v>100.127528633587</v>
      </c>
      <c r="FR13" s="27">
        <v>100.211358969893</v>
      </c>
      <c r="FS13" s="27">
        <v>100.313706141501</v>
      </c>
      <c r="FT13" s="27">
        <v>100.419277002312</v>
      </c>
      <c r="FU13" s="27">
        <v>100.498196385846</v>
      </c>
      <c r="FV13" s="27">
        <v>100.526244980229</v>
      </c>
      <c r="FW13" s="27">
        <v>100.487454357727</v>
      </c>
      <c r="FX13" s="27">
        <v>100.380031945205</v>
      </c>
      <c r="FY13" s="27">
        <v>100.22032542689099</v>
      </c>
      <c r="FZ13" s="27">
        <v>100.03168991956299</v>
      </c>
      <c r="GA13" s="27">
        <v>99.840170007424007</v>
      </c>
      <c r="GB13" s="27">
        <v>99.669263184724002</v>
      </c>
      <c r="GC13" s="27">
        <v>99.531422877336993</v>
      </c>
      <c r="GD13" s="27">
        <v>99.432186767184007</v>
      </c>
      <c r="GE13" s="27">
        <v>99.369393345023994</v>
      </c>
      <c r="GF13" s="27">
        <v>99.339324405469995</v>
      </c>
      <c r="GG13" s="27">
        <v>99.344168419387003</v>
      </c>
      <c r="GH13" s="27">
        <v>99.381322427781996</v>
      </c>
      <c r="GI13" s="27">
        <v>99.434629215195997</v>
      </c>
      <c r="GJ13" s="27">
        <v>99.479339030366006</v>
      </c>
      <c r="GK13" s="27">
        <v>99.502071347584007</v>
      </c>
      <c r="GL13" s="27">
        <v>99.500063500720003</v>
      </c>
      <c r="GM13" s="27">
        <v>99.486950859429001</v>
      </c>
      <c r="GN13" s="27">
        <v>99.485162552752996</v>
      </c>
      <c r="GO13" s="27">
        <v>99.510965272351996</v>
      </c>
      <c r="GP13" s="27">
        <v>99.556942780959005</v>
      </c>
      <c r="GQ13" s="7">
        <v>99.615071603507999</v>
      </c>
      <c r="GR13" s="26">
        <f>+BIE_c20150909171933!GH13</f>
        <v>99.381322427781996</v>
      </c>
      <c r="GS13" s="26">
        <f>+BIE_c20150909171933!GI13</f>
        <v>99.434629215195997</v>
      </c>
      <c r="GT13" s="26">
        <f>+BIE_c20150909171933!GJ13</f>
        <v>99.479339030366006</v>
      </c>
      <c r="GU13" s="26">
        <f>+BIE_c20150909171933!GK13</f>
        <v>99.502071347584007</v>
      </c>
      <c r="GV13" s="26">
        <f>+BIE_c20150909171933!GR13</f>
        <v>0</v>
      </c>
      <c r="GW13" s="26">
        <f>+BIE_c20150909171933!GS13</f>
        <v>0</v>
      </c>
      <c r="GX13" s="26">
        <f>+BIE_c20150909171933!GT13</f>
        <v>0</v>
      </c>
      <c r="GY13" s="26">
        <f>+BIE_c20150909171933!GU13</f>
        <v>0</v>
      </c>
      <c r="GZ13" s="26">
        <f>+BIE_c20150909171933!GV13</f>
        <v>0</v>
      </c>
      <c r="HA13" s="26">
        <f>+BIE_c20150909171933!GW13</f>
        <v>0</v>
      </c>
      <c r="HB13" s="26">
        <f>+BIE_c20150909171933!GX13</f>
        <v>0</v>
      </c>
      <c r="HC13" s="26">
        <f>+BIE_c20150909171933!GY13</f>
        <v>0</v>
      </c>
      <c r="HD13" s="26">
        <f>+BIE_c20150909171933!GZ13</f>
        <v>0</v>
      </c>
      <c r="HE13" s="26">
        <f>+BIE_c20150909171933!HA13</f>
        <v>0</v>
      </c>
      <c r="HF13" s="26">
        <f>+BIE_c20150909171933!HB13</f>
        <v>0</v>
      </c>
      <c r="HG13" s="26">
        <f>+BIE_c20150909171933!HC13</f>
        <v>0</v>
      </c>
      <c r="HH13" s="26">
        <f>+BIE_c20150909171933!HD13</f>
        <v>0</v>
      </c>
      <c r="HI13" s="26">
        <f>+BIE_c20150909171933!HE13</f>
        <v>0</v>
      </c>
      <c r="HJ13" s="26">
        <f>+BIE_c20150909171933!HF13</f>
        <v>0</v>
      </c>
      <c r="HK13" s="26">
        <f>+BIE_c20150909171933!HG13</f>
        <v>0</v>
      </c>
      <c r="HL13" s="26">
        <f>+BIE_c20150909171933!HH13</f>
        <v>0</v>
      </c>
      <c r="HM13" s="25">
        <f>+BIE_c20150909171933!HK13</f>
        <v>0</v>
      </c>
      <c r="HN13" s="25">
        <f>+BIE_c20150909171933!HL13</f>
        <v>0</v>
      </c>
      <c r="HO13" s="25">
        <f>+BIE_c20150909171933!HM13</f>
        <v>0</v>
      </c>
      <c r="HP13" s="25">
        <f>+BIE_c20150909171933!HN13</f>
        <v>0</v>
      </c>
      <c r="HQ13" s="25">
        <f>+BIE_c20150909171933!HO13</f>
        <v>0</v>
      </c>
      <c r="HR13" s="25">
        <f>+BIE_c20150909171933!HP13</f>
        <v>0</v>
      </c>
      <c r="HS13" s="25">
        <f>+BIE_c20150909171933!HQ13</f>
        <v>0</v>
      </c>
      <c r="HT13" s="25">
        <f>+BIE_c20150909171933!HR13</f>
        <v>0</v>
      </c>
      <c r="HU13" s="25">
        <f>+BIE_c20150909171933!HS13</f>
        <v>0</v>
      </c>
      <c r="HV13" s="25">
        <f>+BIE_c20150909171933!HT13</f>
        <v>0</v>
      </c>
      <c r="HW13" s="25">
        <f>+BIE_c20150909171933!HU13</f>
        <v>0</v>
      </c>
      <c r="HX13" s="25">
        <f>+BIE_c20150909171933!HV13</f>
        <v>0</v>
      </c>
      <c r="HY13" s="25">
        <f>+BIE_c20150909171933!HW13</f>
        <v>0</v>
      </c>
      <c r="HZ13" s="25">
        <f>+BIE_c20150909171933!HX13</f>
        <v>0</v>
      </c>
      <c r="IA13" s="25">
        <f>+BIE_c20150909171933!HY13</f>
        <v>0</v>
      </c>
      <c r="IB13" s="25">
        <f>+BIE_c20150909171933!HZ13</f>
        <v>0</v>
      </c>
      <c r="IC13" s="25">
        <f>+BIE_c20150909171933!IA13</f>
        <v>0</v>
      </c>
      <c r="ID13" s="25">
        <f>+BIE_c20150909171933!IB13</f>
        <v>0</v>
      </c>
      <c r="IE13" s="25">
        <f>+BIE_c20150909171933!IC13</f>
        <v>0</v>
      </c>
      <c r="IF13" s="25">
        <f>+BIE_c20150909171933!ID13</f>
        <v>0</v>
      </c>
      <c r="IG13" s="25">
        <f>+BIE_c20150909171933!IE13</f>
        <v>0</v>
      </c>
      <c r="IH13" s="25">
        <f>+BIE_c20150909171933!IF13</f>
        <v>0</v>
      </c>
      <c r="II13" s="25">
        <f>+BIE_c20150909171933!IG13</f>
        <v>0</v>
      </c>
      <c r="IJ13" s="25">
        <f>+BIE_c20150909171933!IH13</f>
        <v>0</v>
      </c>
      <c r="IK13" s="25">
        <f>+BIE_c20150909171933!II13</f>
        <v>0</v>
      </c>
      <c r="IL13" s="25">
        <f>+BIE_c20150909171933!IJ13</f>
        <v>0</v>
      </c>
      <c r="IM13" s="25">
        <f>+BIE_c20150909171933!IK13</f>
        <v>0</v>
      </c>
      <c r="IN13" s="25">
        <f>+BIE_c20150909171933!IL13</f>
        <v>0</v>
      </c>
      <c r="IO13" s="25">
        <f>+BIE_c20150909171933!IM13</f>
        <v>0</v>
      </c>
      <c r="IP13" s="25">
        <f>+BIE_c20150909171933!IN13</f>
        <v>0</v>
      </c>
      <c r="IQ13" s="25">
        <f>+BIE_c20150909171933!IO13</f>
        <v>0</v>
      </c>
      <c r="IR13" s="25">
        <f>+BIE_c20150909171933!IP13</f>
        <v>0</v>
      </c>
      <c r="IS13" s="25">
        <f>+BIE_c20150909171933!IQ13</f>
        <v>0</v>
      </c>
      <c r="IT13" s="25">
        <f>+BIE_c20150909171933!IR13</f>
        <v>0</v>
      </c>
      <c r="IU13" s="25">
        <f>+BIE_c20150909171933!IS13</f>
        <v>0</v>
      </c>
      <c r="IV13" s="25">
        <f>+BIE_c20150909171933!IT13</f>
        <v>0</v>
      </c>
      <c r="IW13" s="25">
        <f>+BIE_c20150909171933!IU13</f>
        <v>0</v>
      </c>
      <c r="IX13" s="25">
        <f>+BIE_c20150909171933!IV13</f>
        <v>0</v>
      </c>
      <c r="IY13" s="25">
        <f>+BIE_c20150909171933!IW13</f>
        <v>0</v>
      </c>
      <c r="IZ13" s="25">
        <f>+BIE_c20150909171933!IX13</f>
        <v>0</v>
      </c>
      <c r="JA13" s="25">
        <f>+BIE_c20150909171933!IY13</f>
        <v>0</v>
      </c>
      <c r="JB13" s="25">
        <f>+BIE_c20150909171933!IZ13</f>
        <v>0</v>
      </c>
      <c r="JC13" s="25">
        <f>+BIE_c20150909171933!JA13</f>
        <v>0</v>
      </c>
      <c r="JD13" s="14"/>
    </row>
    <row r="14" spans="1:264" ht="16.5" customHeight="1" x14ac:dyDescent="0.25">
      <c r="A14" s="6" t="s">
        <v>200</v>
      </c>
      <c r="B14" s="27">
        <v>101.186576906317</v>
      </c>
      <c r="C14" s="27">
        <v>101.279474828069</v>
      </c>
      <c r="D14" s="27">
        <v>101.27296192335299</v>
      </c>
      <c r="E14" s="27">
        <v>101.180557173937</v>
      </c>
      <c r="F14" s="27">
        <v>101.05273429884799</v>
      </c>
      <c r="G14" s="27">
        <v>100.92638527290499</v>
      </c>
      <c r="H14" s="27">
        <v>100.782308999514</v>
      </c>
      <c r="I14" s="27">
        <v>100.621333488367</v>
      </c>
      <c r="J14" s="27">
        <v>100.4426702475</v>
      </c>
      <c r="K14" s="27">
        <v>100.262750012514</v>
      </c>
      <c r="L14" s="27">
        <v>100.100618576854</v>
      </c>
      <c r="M14" s="27">
        <v>99.991135033977002</v>
      </c>
      <c r="N14" s="27">
        <v>99.935187811166998</v>
      </c>
      <c r="O14" s="27">
        <v>99.901505119614995</v>
      </c>
      <c r="P14" s="27">
        <v>99.890840173312</v>
      </c>
      <c r="Q14" s="27">
        <v>99.903344092826998</v>
      </c>
      <c r="R14" s="27">
        <v>99.911276323164998</v>
      </c>
      <c r="S14" s="27">
        <v>99.874564977069994</v>
      </c>
      <c r="T14" s="27">
        <v>99.781880709359001</v>
      </c>
      <c r="U14" s="27">
        <v>99.655267437641001</v>
      </c>
      <c r="V14" s="27">
        <v>99.542639465381995</v>
      </c>
      <c r="W14" s="27">
        <v>99.510305043805005</v>
      </c>
      <c r="X14" s="27">
        <v>99.573349793326997</v>
      </c>
      <c r="Y14" s="27">
        <v>99.704662791489</v>
      </c>
      <c r="Z14" s="27">
        <v>99.849970955184006</v>
      </c>
      <c r="AA14" s="27">
        <v>99.955596263654002</v>
      </c>
      <c r="AB14" s="27">
        <v>99.989225843547004</v>
      </c>
      <c r="AC14" s="27">
        <v>99.916528740228003</v>
      </c>
      <c r="AD14" s="27">
        <v>99.733975270295005</v>
      </c>
      <c r="AE14" s="27">
        <v>99.475433687777993</v>
      </c>
      <c r="AF14" s="27">
        <v>99.192287224479998</v>
      </c>
      <c r="AG14" s="27">
        <v>98.927083654803994</v>
      </c>
      <c r="AH14" s="27">
        <v>98.696211388489004</v>
      </c>
      <c r="AI14" s="27">
        <v>98.517534126138997</v>
      </c>
      <c r="AJ14" s="27">
        <v>98.382259457230006</v>
      </c>
      <c r="AK14" s="27">
        <v>98.279855891504994</v>
      </c>
      <c r="AL14" s="27">
        <v>98.213506803567995</v>
      </c>
      <c r="AM14" s="27">
        <v>98.198166471443997</v>
      </c>
      <c r="AN14" s="27">
        <v>98.245062407819006</v>
      </c>
      <c r="AO14" s="27">
        <v>98.353915269688002</v>
      </c>
      <c r="AP14" s="27">
        <v>98.499966513174996</v>
      </c>
      <c r="AQ14" s="27">
        <v>98.663499194715996</v>
      </c>
      <c r="AR14" s="27">
        <v>98.827867161201993</v>
      </c>
      <c r="AS14" s="27">
        <v>98.984800522108003</v>
      </c>
      <c r="AT14" s="27">
        <v>99.134543090163007</v>
      </c>
      <c r="AU14" s="27">
        <v>99.281029240565999</v>
      </c>
      <c r="AV14" s="27">
        <v>99.425294354741993</v>
      </c>
      <c r="AW14" s="27">
        <v>99.560233137465005</v>
      </c>
      <c r="AX14" s="27">
        <v>99.676282035233001</v>
      </c>
      <c r="AY14" s="27">
        <v>99.755135281332002</v>
      </c>
      <c r="AZ14" s="27">
        <v>99.782964349815998</v>
      </c>
      <c r="BA14" s="27">
        <v>99.760976282640996</v>
      </c>
      <c r="BB14" s="27">
        <v>99.717604623813997</v>
      </c>
      <c r="BC14" s="27">
        <v>99.675964934026993</v>
      </c>
      <c r="BD14" s="27">
        <v>99.654153522146004</v>
      </c>
      <c r="BE14" s="27">
        <v>99.670471292933001</v>
      </c>
      <c r="BF14" s="27">
        <v>99.728136370032999</v>
      </c>
      <c r="BG14" s="27">
        <v>99.809651593379002</v>
      </c>
      <c r="BH14" s="27">
        <v>99.890486248285995</v>
      </c>
      <c r="BI14" s="27">
        <v>99.946351200804003</v>
      </c>
      <c r="BJ14" s="27">
        <v>99.955872168366994</v>
      </c>
      <c r="BK14" s="27">
        <v>99.916999939809003</v>
      </c>
      <c r="BL14" s="27">
        <v>99.844057845297002</v>
      </c>
      <c r="BM14" s="27">
        <v>99.784037139787003</v>
      </c>
      <c r="BN14" s="27">
        <v>99.772569572628996</v>
      </c>
      <c r="BO14" s="27">
        <v>99.814999382238994</v>
      </c>
      <c r="BP14" s="27">
        <v>99.903022543036002</v>
      </c>
      <c r="BQ14" s="27">
        <v>100.021582985957</v>
      </c>
      <c r="BR14" s="27">
        <v>100.162574756666</v>
      </c>
      <c r="BS14" s="27">
        <v>100.301919794518</v>
      </c>
      <c r="BT14" s="27">
        <v>100.43590794078</v>
      </c>
      <c r="BU14" s="27">
        <v>100.551271847637</v>
      </c>
      <c r="BV14" s="27">
        <v>100.63408650631</v>
      </c>
      <c r="BW14" s="27">
        <v>100.676148310616</v>
      </c>
      <c r="BX14" s="27">
        <v>100.68576837588</v>
      </c>
      <c r="BY14" s="27">
        <v>100.671066907986</v>
      </c>
      <c r="BZ14" s="27">
        <v>100.644410203181</v>
      </c>
      <c r="CA14" s="27">
        <v>100.646514391013</v>
      </c>
      <c r="CB14" s="27">
        <v>100.69671670855401</v>
      </c>
      <c r="CC14" s="27">
        <v>100.796214300363</v>
      </c>
      <c r="CD14" s="27">
        <v>100.937935952335</v>
      </c>
      <c r="CE14" s="27">
        <v>101.11102571552</v>
      </c>
      <c r="CF14" s="27">
        <v>101.297868695907</v>
      </c>
      <c r="CG14" s="27">
        <v>101.475326979759</v>
      </c>
      <c r="CH14" s="27">
        <v>101.62873716991901</v>
      </c>
      <c r="CI14" s="27">
        <v>101.75643057875</v>
      </c>
      <c r="CJ14" s="27">
        <v>101.868826962233</v>
      </c>
      <c r="CK14" s="27">
        <v>101.95611740234</v>
      </c>
      <c r="CL14" s="27">
        <v>102.00808796499101</v>
      </c>
      <c r="CM14" s="27">
        <v>102.006216211574</v>
      </c>
      <c r="CN14" s="27">
        <v>101.953021544351</v>
      </c>
      <c r="CO14" s="27">
        <v>101.86253772636699</v>
      </c>
      <c r="CP14" s="27">
        <v>101.749614452177</v>
      </c>
      <c r="CQ14" s="27">
        <v>101.624773748693</v>
      </c>
      <c r="CR14" s="27">
        <v>101.493092600216</v>
      </c>
      <c r="CS14" s="27">
        <v>101.373945513561</v>
      </c>
      <c r="CT14" s="27">
        <v>101.277408091467</v>
      </c>
      <c r="CU14" s="27">
        <v>101.20295535439401</v>
      </c>
      <c r="CV14" s="27">
        <v>101.128404267202</v>
      </c>
      <c r="CW14" s="27">
        <v>101.01186841178099</v>
      </c>
      <c r="CX14" s="27">
        <v>100.820532381851</v>
      </c>
      <c r="CY14" s="27">
        <v>100.524795715126</v>
      </c>
      <c r="CZ14" s="27">
        <v>100.133902427558</v>
      </c>
      <c r="DA14" s="27">
        <v>99.673244632294001</v>
      </c>
      <c r="DB14" s="27">
        <v>99.175993323355996</v>
      </c>
      <c r="DC14" s="27">
        <v>98.689671872522993</v>
      </c>
      <c r="DD14" s="27">
        <v>98.280481896346004</v>
      </c>
      <c r="DE14" s="27">
        <v>97.971858250235996</v>
      </c>
      <c r="DF14" s="27">
        <v>97.767709152818</v>
      </c>
      <c r="DG14" s="27">
        <v>97.708000815369004</v>
      </c>
      <c r="DH14" s="27">
        <v>97.817862152009994</v>
      </c>
      <c r="DI14" s="27">
        <v>98.063483152280995</v>
      </c>
      <c r="DJ14" s="27">
        <v>98.384919502060995</v>
      </c>
      <c r="DK14" s="27">
        <v>98.724421775031999</v>
      </c>
      <c r="DL14" s="27">
        <v>99.050377840840994</v>
      </c>
      <c r="DM14" s="27">
        <v>99.330181221583999</v>
      </c>
      <c r="DN14" s="27">
        <v>99.550792143715</v>
      </c>
      <c r="DO14" s="27">
        <v>99.713087175094998</v>
      </c>
      <c r="DP14" s="27">
        <v>99.828858032682007</v>
      </c>
      <c r="DQ14" s="27">
        <v>99.896017644021995</v>
      </c>
      <c r="DR14" s="27">
        <v>99.921075937829002</v>
      </c>
      <c r="DS14" s="27">
        <v>99.926951837461004</v>
      </c>
      <c r="DT14" s="27">
        <v>99.918477887188999</v>
      </c>
      <c r="DU14" s="27">
        <v>99.895397762238005</v>
      </c>
      <c r="DV14" s="27">
        <v>99.870517747692006</v>
      </c>
      <c r="DW14" s="27">
        <v>99.862525358830993</v>
      </c>
      <c r="DX14" s="27">
        <v>99.889270662345993</v>
      </c>
      <c r="DY14" s="27">
        <v>99.953516210508994</v>
      </c>
      <c r="DZ14" s="27">
        <v>100.054543977745</v>
      </c>
      <c r="EA14" s="27">
        <v>100.17116580594799</v>
      </c>
      <c r="EB14" s="27">
        <v>100.273322283295</v>
      </c>
      <c r="EC14" s="27">
        <v>100.338692698142</v>
      </c>
      <c r="ED14" s="27">
        <v>100.35557361449401</v>
      </c>
      <c r="EE14" s="27">
        <v>100.335108748084</v>
      </c>
      <c r="EF14" s="27">
        <v>100.286924802233</v>
      </c>
      <c r="EG14" s="27">
        <v>100.217524790726</v>
      </c>
      <c r="EH14" s="27">
        <v>100.136276726646</v>
      </c>
      <c r="EI14" s="27">
        <v>100.052810255639</v>
      </c>
      <c r="EJ14" s="27">
        <v>99.970320801526995</v>
      </c>
      <c r="EK14" s="27">
        <v>99.899140197552001</v>
      </c>
      <c r="EL14" s="27">
        <v>99.851808423999998</v>
      </c>
      <c r="EM14" s="27">
        <v>99.842355783200006</v>
      </c>
      <c r="EN14" s="27">
        <v>99.857676650385997</v>
      </c>
      <c r="EO14" s="27">
        <v>99.888674990943997</v>
      </c>
      <c r="EP14" s="27">
        <v>99.931234109193994</v>
      </c>
      <c r="EQ14" s="27">
        <v>99.981959401474995</v>
      </c>
      <c r="ER14" s="27">
        <v>100.03482284103499</v>
      </c>
      <c r="ES14" s="27">
        <v>100.080125183455</v>
      </c>
      <c r="ET14" s="27">
        <v>100.11943825287599</v>
      </c>
      <c r="EU14" s="27">
        <v>100.161918103806</v>
      </c>
      <c r="EV14" s="27">
        <v>100.202961856057</v>
      </c>
      <c r="EW14" s="27">
        <v>100.245313158907</v>
      </c>
      <c r="EX14" s="27">
        <v>100.298235530921</v>
      </c>
      <c r="EY14" s="27">
        <v>100.357421921037</v>
      </c>
      <c r="EZ14" s="27">
        <v>100.414752962534</v>
      </c>
      <c r="FA14" s="27">
        <v>100.459212911932</v>
      </c>
      <c r="FB14" s="27">
        <v>100.471166925465</v>
      </c>
      <c r="FC14" s="27">
        <v>100.43739649814999</v>
      </c>
      <c r="FD14" s="27">
        <v>100.363850233558</v>
      </c>
      <c r="FE14" s="27">
        <v>100.263227184984</v>
      </c>
      <c r="FF14" s="27">
        <v>100.155774923043</v>
      </c>
      <c r="FG14" s="27">
        <v>100.056306392069</v>
      </c>
      <c r="FH14" s="27">
        <v>99.975464620360995</v>
      </c>
      <c r="FI14" s="27">
        <v>99.915818625333998</v>
      </c>
      <c r="FJ14" s="27">
        <v>99.879716663774005</v>
      </c>
      <c r="FK14" s="27">
        <v>99.856411304988995</v>
      </c>
      <c r="FL14" s="27">
        <v>99.830450896353</v>
      </c>
      <c r="FM14" s="27">
        <v>99.790390298570998</v>
      </c>
      <c r="FN14" s="27">
        <v>99.742041069357995</v>
      </c>
      <c r="FO14" s="27">
        <v>99.710805289172001</v>
      </c>
      <c r="FP14" s="27">
        <v>99.720441133905993</v>
      </c>
      <c r="FQ14" s="27">
        <v>99.769665245273004</v>
      </c>
      <c r="FR14" s="27">
        <v>99.849338054358995</v>
      </c>
      <c r="FS14" s="27">
        <v>99.942325660329999</v>
      </c>
      <c r="FT14" s="27">
        <v>100.026258073492</v>
      </c>
      <c r="FU14" s="27">
        <v>100.080806096388</v>
      </c>
      <c r="FV14" s="27">
        <v>100.091615447229</v>
      </c>
      <c r="FW14" s="27">
        <v>100.063099064366</v>
      </c>
      <c r="FX14" s="27">
        <v>100.008931940347</v>
      </c>
      <c r="FY14" s="27">
        <v>99.951806053265997</v>
      </c>
      <c r="FZ14" s="27">
        <v>99.914850039301996</v>
      </c>
      <c r="GA14" s="27">
        <v>99.912346823969997</v>
      </c>
      <c r="GB14" s="27">
        <v>99.928695169982007</v>
      </c>
      <c r="GC14" s="27">
        <v>99.952498543488005</v>
      </c>
      <c r="GD14" s="27">
        <v>99.968533822618994</v>
      </c>
      <c r="GE14" s="27">
        <v>99.966011640939996</v>
      </c>
      <c r="GF14" s="27">
        <v>99.940844050768007</v>
      </c>
      <c r="GG14" s="27">
        <v>99.898518313417</v>
      </c>
      <c r="GH14" s="27">
        <v>99.852046728914004</v>
      </c>
      <c r="GI14" s="27">
        <v>99.813239288499005</v>
      </c>
      <c r="GJ14" s="27">
        <v>99.782644949174994</v>
      </c>
      <c r="GK14" s="27">
        <v>99.769986774558006</v>
      </c>
      <c r="GL14" s="27">
        <v>99.782033909180001</v>
      </c>
      <c r="GM14" s="27">
        <v>99.816861740326004</v>
      </c>
      <c r="GN14" s="27">
        <v>99.868061838537002</v>
      </c>
      <c r="GO14" s="27">
        <v>99.921022374038003</v>
      </c>
      <c r="GP14" s="27">
        <v>99.970662927641996</v>
      </c>
      <c r="GQ14" s="7"/>
      <c r="GR14" s="26">
        <f>+BIE_c20150909171933!GH14</f>
        <v>99.852046728914004</v>
      </c>
      <c r="GS14" s="26">
        <f>+BIE_c20150909171933!GI14</f>
        <v>99.813239288499005</v>
      </c>
      <c r="GT14" s="26">
        <f>+BIE_c20150909171933!GJ14</f>
        <v>99.782644949174994</v>
      </c>
      <c r="GU14" s="26">
        <f>+BIE_c20150909171933!GK14</f>
        <v>99.769986774558006</v>
      </c>
      <c r="GV14" s="26">
        <f>+BIE_c20150909171933!GR14</f>
        <v>0</v>
      </c>
      <c r="GW14" s="26">
        <f>+BIE_c20150909171933!GS14</f>
        <v>0</v>
      </c>
      <c r="GX14" s="26">
        <f>+BIE_c20150909171933!GT14</f>
        <v>0</v>
      </c>
      <c r="GY14" s="26">
        <f>+BIE_c20150909171933!GU14</f>
        <v>0</v>
      </c>
      <c r="GZ14" s="26">
        <f>+BIE_c20150909171933!GV14</f>
        <v>0</v>
      </c>
      <c r="HA14" s="26">
        <f>+BIE_c20150909171933!GW14</f>
        <v>0</v>
      </c>
      <c r="HB14" s="26">
        <f>+BIE_c20150909171933!GX14</f>
        <v>0</v>
      </c>
      <c r="HC14" s="26">
        <f>+BIE_c20150909171933!GY14</f>
        <v>0</v>
      </c>
      <c r="HD14" s="26">
        <f>+BIE_c20150909171933!GZ14</f>
        <v>0</v>
      </c>
      <c r="HE14" s="26">
        <f>+BIE_c20150909171933!HA14</f>
        <v>0</v>
      </c>
      <c r="HF14" s="26">
        <f>+BIE_c20150909171933!HB14</f>
        <v>0</v>
      </c>
      <c r="HG14" s="26">
        <f>+BIE_c20150909171933!HC14</f>
        <v>0</v>
      </c>
      <c r="HH14" s="26">
        <f>+BIE_c20150909171933!HD14</f>
        <v>0</v>
      </c>
      <c r="HI14" s="26">
        <f>+BIE_c20150909171933!HE14</f>
        <v>0</v>
      </c>
      <c r="HJ14" s="26">
        <f>+BIE_c20150909171933!HF14</f>
        <v>0</v>
      </c>
      <c r="HK14" s="26">
        <f>+BIE_c20150909171933!HG14</f>
        <v>0</v>
      </c>
      <c r="HL14" s="26">
        <f>+BIE_c20150909171933!HH14</f>
        <v>0</v>
      </c>
      <c r="HM14" s="25">
        <f>+BIE_c20150909171933!HK14</f>
        <v>0</v>
      </c>
      <c r="HN14" s="25">
        <f>+BIE_c20150909171933!HL14</f>
        <v>0</v>
      </c>
      <c r="HO14" s="25">
        <f>+BIE_c20150909171933!HM14</f>
        <v>0</v>
      </c>
      <c r="HP14" s="25">
        <f>+BIE_c20150909171933!HN14</f>
        <v>0</v>
      </c>
      <c r="HQ14" s="25">
        <f>+BIE_c20150909171933!HO14</f>
        <v>0</v>
      </c>
      <c r="HR14" s="25">
        <f>+BIE_c20150909171933!HP14</f>
        <v>0</v>
      </c>
      <c r="HS14" s="25">
        <f>+BIE_c20150909171933!HQ14</f>
        <v>0</v>
      </c>
      <c r="HT14" s="25">
        <f>+BIE_c20150909171933!HR14</f>
        <v>0</v>
      </c>
      <c r="HU14" s="25">
        <f>+BIE_c20150909171933!HS14</f>
        <v>0</v>
      </c>
      <c r="HV14" s="25">
        <f>+BIE_c20150909171933!HT14</f>
        <v>0</v>
      </c>
      <c r="HW14" s="25">
        <f>+BIE_c20150909171933!HU14</f>
        <v>0</v>
      </c>
      <c r="HX14" s="25">
        <f>+BIE_c20150909171933!HV14</f>
        <v>0</v>
      </c>
      <c r="HY14" s="25">
        <f>+BIE_c20150909171933!HW14</f>
        <v>0</v>
      </c>
      <c r="HZ14" s="25">
        <f>+BIE_c20150909171933!HX14</f>
        <v>0</v>
      </c>
      <c r="IA14" s="25">
        <f>+BIE_c20150909171933!HY14</f>
        <v>0</v>
      </c>
      <c r="IB14" s="25">
        <f>+BIE_c20150909171933!HZ14</f>
        <v>0</v>
      </c>
      <c r="IC14" s="25">
        <f>+BIE_c20150909171933!IA14</f>
        <v>0</v>
      </c>
      <c r="ID14" s="25">
        <f>+BIE_c20150909171933!IB14</f>
        <v>0</v>
      </c>
      <c r="IE14" s="25">
        <f>+BIE_c20150909171933!IC14</f>
        <v>0</v>
      </c>
      <c r="IF14" s="25">
        <f>+BIE_c20150909171933!ID14</f>
        <v>0</v>
      </c>
      <c r="IG14" s="25">
        <f>+BIE_c20150909171933!IE14</f>
        <v>0</v>
      </c>
      <c r="IH14" s="25">
        <f>+BIE_c20150909171933!IF14</f>
        <v>0</v>
      </c>
      <c r="II14" s="25">
        <f>+BIE_c20150909171933!IG14</f>
        <v>0</v>
      </c>
      <c r="IJ14" s="25">
        <f>+BIE_c20150909171933!IH14</f>
        <v>0</v>
      </c>
      <c r="IK14" s="25">
        <f>+BIE_c20150909171933!II14</f>
        <v>0</v>
      </c>
      <c r="IL14" s="25">
        <f>+BIE_c20150909171933!IJ14</f>
        <v>0</v>
      </c>
      <c r="IM14" s="25">
        <f>+BIE_c20150909171933!IK14</f>
        <v>0</v>
      </c>
      <c r="IN14" s="25">
        <f>+BIE_c20150909171933!IL14</f>
        <v>0</v>
      </c>
      <c r="IO14" s="25">
        <f>+BIE_c20150909171933!IM14</f>
        <v>0</v>
      </c>
      <c r="IP14" s="25">
        <f>+BIE_c20150909171933!IN14</f>
        <v>0</v>
      </c>
      <c r="IQ14" s="25">
        <f>+BIE_c20150909171933!IO14</f>
        <v>0</v>
      </c>
      <c r="IR14" s="25">
        <f>+BIE_c20150909171933!IP14</f>
        <v>0</v>
      </c>
      <c r="IS14" s="25">
        <f>+BIE_c20150909171933!IQ14</f>
        <v>0</v>
      </c>
      <c r="IT14" s="25">
        <f>+BIE_c20150909171933!IR14</f>
        <v>0</v>
      </c>
      <c r="IU14" s="25">
        <f>+BIE_c20150909171933!IS14</f>
        <v>0</v>
      </c>
      <c r="IV14" s="25">
        <f>+BIE_c20150909171933!IT14</f>
        <v>0</v>
      </c>
      <c r="IW14" s="25">
        <f>+BIE_c20150909171933!IU14</f>
        <v>0</v>
      </c>
      <c r="IX14" s="25">
        <f>+BIE_c20150909171933!IV14</f>
        <v>0</v>
      </c>
      <c r="IY14" s="25">
        <f>+BIE_c20150909171933!IW14</f>
        <v>0</v>
      </c>
      <c r="IZ14" s="25">
        <f>+BIE_c20150909171933!IX14</f>
        <v>0</v>
      </c>
      <c r="JA14" s="25">
        <f>+BIE_c20150909171933!IY14</f>
        <v>0</v>
      </c>
      <c r="JB14" s="25">
        <f>+BIE_c20150909171933!IZ14</f>
        <v>0</v>
      </c>
      <c r="JC14" s="25">
        <f>+BIE_c20150909171933!JA14</f>
        <v>0</v>
      </c>
      <c r="JD14" s="14"/>
    </row>
    <row r="15" spans="1:264" ht="45" x14ac:dyDescent="0.25">
      <c r="A15" s="6" t="s">
        <v>201</v>
      </c>
      <c r="B15" s="27">
        <v>99.394234979306006</v>
      </c>
      <c r="C15" s="27">
        <v>99.382969935435</v>
      </c>
      <c r="D15" s="27">
        <v>99.389441946437998</v>
      </c>
      <c r="E15" s="27">
        <v>99.415947994475999</v>
      </c>
      <c r="F15" s="27">
        <v>99.450428238178006</v>
      </c>
      <c r="G15" s="27">
        <v>99.471789918016995</v>
      </c>
      <c r="H15" s="27">
        <v>99.462719549471998</v>
      </c>
      <c r="I15" s="27">
        <v>99.443220264123994</v>
      </c>
      <c r="J15" s="27">
        <v>99.43577327941</v>
      </c>
      <c r="K15" s="27">
        <v>99.443115287897001</v>
      </c>
      <c r="L15" s="27">
        <v>99.454939378302001</v>
      </c>
      <c r="M15" s="27">
        <v>99.46586693159</v>
      </c>
      <c r="N15" s="27">
        <v>99.468797930353006</v>
      </c>
      <c r="O15" s="27">
        <v>99.436038911400999</v>
      </c>
      <c r="P15" s="27">
        <v>99.358958183799999</v>
      </c>
      <c r="Q15" s="27">
        <v>99.25047763789</v>
      </c>
      <c r="R15" s="27">
        <v>99.139356496277998</v>
      </c>
      <c r="S15" s="27">
        <v>99.048365595518007</v>
      </c>
      <c r="T15" s="27">
        <v>98.982794389283001</v>
      </c>
      <c r="U15" s="27">
        <v>98.932506655929998</v>
      </c>
      <c r="V15" s="27">
        <v>98.884771619098998</v>
      </c>
      <c r="W15" s="27">
        <v>98.820129138275007</v>
      </c>
      <c r="X15" s="27">
        <v>98.741424530558007</v>
      </c>
      <c r="Y15" s="27">
        <v>98.669491067080003</v>
      </c>
      <c r="Z15" s="27">
        <v>98.627254663613996</v>
      </c>
      <c r="AA15" s="27">
        <v>98.633746608446003</v>
      </c>
      <c r="AB15" s="27">
        <v>98.700292903223001</v>
      </c>
      <c r="AC15" s="27">
        <v>98.829198681413999</v>
      </c>
      <c r="AD15" s="27">
        <v>99.006714122565995</v>
      </c>
      <c r="AE15" s="27">
        <v>99.200538170659996</v>
      </c>
      <c r="AF15" s="27">
        <v>99.386195234864005</v>
      </c>
      <c r="AG15" s="27">
        <v>99.556500579374998</v>
      </c>
      <c r="AH15" s="27">
        <v>99.713009986833001</v>
      </c>
      <c r="AI15" s="27">
        <v>99.856126938572004</v>
      </c>
      <c r="AJ15" s="27">
        <v>99.992444019543996</v>
      </c>
      <c r="AK15" s="27">
        <v>100.127406359682</v>
      </c>
      <c r="AL15" s="27">
        <v>100.257692315089</v>
      </c>
      <c r="AM15" s="27">
        <v>100.353596066629</v>
      </c>
      <c r="AN15" s="27">
        <v>100.38837228567</v>
      </c>
      <c r="AO15" s="27">
        <v>100.37066369009599</v>
      </c>
      <c r="AP15" s="27">
        <v>100.343166589104</v>
      </c>
      <c r="AQ15" s="27">
        <v>100.348129401672</v>
      </c>
      <c r="AR15" s="27">
        <v>100.391409340219</v>
      </c>
      <c r="AS15" s="27">
        <v>100.46711058116099</v>
      </c>
      <c r="AT15" s="27">
        <v>100.5478303654</v>
      </c>
      <c r="AU15" s="27">
        <v>100.608538452038</v>
      </c>
      <c r="AV15" s="27">
        <v>100.635950877765</v>
      </c>
      <c r="AW15" s="27">
        <v>100.642371484683</v>
      </c>
      <c r="AX15" s="27">
        <v>100.64557239187801</v>
      </c>
      <c r="AY15" s="27">
        <v>100.67591913506401</v>
      </c>
      <c r="AZ15" s="27">
        <v>100.74204014333399</v>
      </c>
      <c r="BA15" s="27">
        <v>100.835176358469</v>
      </c>
      <c r="BB15" s="27">
        <v>100.92544343823801</v>
      </c>
      <c r="BC15" s="27">
        <v>100.980455753757</v>
      </c>
      <c r="BD15" s="27">
        <v>100.991053649975</v>
      </c>
      <c r="BE15" s="27">
        <v>100.955787336136</v>
      </c>
      <c r="BF15" s="27">
        <v>100.88407727782</v>
      </c>
      <c r="BG15" s="27">
        <v>100.784277925768</v>
      </c>
      <c r="BH15" s="27">
        <v>100.669738974512</v>
      </c>
      <c r="BI15" s="27">
        <v>100.554530894682</v>
      </c>
      <c r="BJ15" s="27">
        <v>100.453095358982</v>
      </c>
      <c r="BK15" s="27">
        <v>100.364248801019</v>
      </c>
      <c r="BL15" s="27">
        <v>100.284126784078</v>
      </c>
      <c r="BM15" s="27">
        <v>100.20440869729801</v>
      </c>
      <c r="BN15" s="27">
        <v>100.11923786161</v>
      </c>
      <c r="BO15" s="27">
        <v>100.03304169651101</v>
      </c>
      <c r="BP15" s="27">
        <v>99.954777964819002</v>
      </c>
      <c r="BQ15" s="27">
        <v>99.889377595561996</v>
      </c>
      <c r="BR15" s="27">
        <v>99.829298810634</v>
      </c>
      <c r="BS15" s="27">
        <v>99.760494592933</v>
      </c>
      <c r="BT15" s="27">
        <v>99.685685346276998</v>
      </c>
      <c r="BU15" s="27">
        <v>99.633533199888006</v>
      </c>
      <c r="BV15" s="27">
        <v>99.633228758469997</v>
      </c>
      <c r="BW15" s="27">
        <v>99.699284034827997</v>
      </c>
      <c r="BX15" s="27">
        <v>99.827520622367004</v>
      </c>
      <c r="BY15" s="27">
        <v>99.981575965022003</v>
      </c>
      <c r="BZ15" s="27">
        <v>100.11050188492</v>
      </c>
      <c r="CA15" s="27">
        <v>100.17517830228</v>
      </c>
      <c r="CB15" s="27">
        <v>100.153811489501</v>
      </c>
      <c r="CC15" s="27">
        <v>100.06757074989601</v>
      </c>
      <c r="CD15" s="27">
        <v>99.947325955075996</v>
      </c>
      <c r="CE15" s="27">
        <v>99.821026717513007</v>
      </c>
      <c r="CF15" s="27">
        <v>99.715234896184995</v>
      </c>
      <c r="CG15" s="27">
        <v>99.647876971227006</v>
      </c>
      <c r="CH15" s="27">
        <v>99.625244029092997</v>
      </c>
      <c r="CI15" s="27">
        <v>99.638560796535003</v>
      </c>
      <c r="CJ15" s="27">
        <v>99.669403153190999</v>
      </c>
      <c r="CK15" s="27">
        <v>99.695910310776</v>
      </c>
      <c r="CL15" s="27">
        <v>99.710407876044002</v>
      </c>
      <c r="CM15" s="27">
        <v>99.711414334829996</v>
      </c>
      <c r="CN15" s="27">
        <v>99.697587513119004</v>
      </c>
      <c r="CO15" s="27">
        <v>99.667946245568004</v>
      </c>
      <c r="CP15" s="27">
        <v>99.613467712219006</v>
      </c>
      <c r="CQ15" s="27">
        <v>99.535534734045001</v>
      </c>
      <c r="CR15" s="27">
        <v>99.444447760540996</v>
      </c>
      <c r="CS15" s="27">
        <v>99.342349665363002</v>
      </c>
      <c r="CT15" s="27">
        <v>99.230008017323996</v>
      </c>
      <c r="CU15" s="27">
        <v>99.106440039050995</v>
      </c>
      <c r="CV15" s="27">
        <v>98.983027151849001</v>
      </c>
      <c r="CW15" s="27">
        <v>98.877758370565004</v>
      </c>
      <c r="CX15" s="27">
        <v>98.820160621932999</v>
      </c>
      <c r="CY15" s="27">
        <v>98.841265327436005</v>
      </c>
      <c r="CZ15" s="27">
        <v>98.979204603048998</v>
      </c>
      <c r="DA15" s="27">
        <v>99.270287357410993</v>
      </c>
      <c r="DB15" s="27">
        <v>99.728254152760996</v>
      </c>
      <c r="DC15" s="27">
        <v>100.29634715813999</v>
      </c>
      <c r="DD15" s="27">
        <v>100.85484789019699</v>
      </c>
      <c r="DE15" s="27">
        <v>101.338008601627</v>
      </c>
      <c r="DF15" s="27">
        <v>101.709488939953</v>
      </c>
      <c r="DG15" s="27">
        <v>101.933540392482</v>
      </c>
      <c r="DH15" s="27">
        <v>101.98716423133099</v>
      </c>
      <c r="DI15" s="27">
        <v>101.89667508347</v>
      </c>
      <c r="DJ15" s="27">
        <v>101.74578477082601</v>
      </c>
      <c r="DK15" s="27">
        <v>101.585512548929</v>
      </c>
      <c r="DL15" s="27">
        <v>101.428799617051</v>
      </c>
      <c r="DM15" s="27">
        <v>101.278906771043</v>
      </c>
      <c r="DN15" s="27">
        <v>101.137008885258</v>
      </c>
      <c r="DO15" s="27">
        <v>100.983107148228</v>
      </c>
      <c r="DP15" s="27">
        <v>100.81335391428701</v>
      </c>
      <c r="DQ15" s="27">
        <v>100.637645550843</v>
      </c>
      <c r="DR15" s="27">
        <v>100.476041198871</v>
      </c>
      <c r="DS15" s="27">
        <v>100.341767564866</v>
      </c>
      <c r="DT15" s="27">
        <v>100.241093229366</v>
      </c>
      <c r="DU15" s="27">
        <v>100.189816407398</v>
      </c>
      <c r="DV15" s="27">
        <v>100.188015910836</v>
      </c>
      <c r="DW15" s="27">
        <v>100.19690085655201</v>
      </c>
      <c r="DX15" s="27">
        <v>100.18429860282301</v>
      </c>
      <c r="DY15" s="27">
        <v>100.126693314533</v>
      </c>
      <c r="DZ15" s="27">
        <v>100.017271849577</v>
      </c>
      <c r="EA15" s="27">
        <v>99.859492146994</v>
      </c>
      <c r="EB15" s="27">
        <v>99.681222842763006</v>
      </c>
      <c r="EC15" s="27">
        <v>99.506337673660994</v>
      </c>
      <c r="ED15" s="27">
        <v>99.348297812194005</v>
      </c>
      <c r="EE15" s="27">
        <v>99.225782183991996</v>
      </c>
      <c r="EF15" s="27">
        <v>99.151760511725001</v>
      </c>
      <c r="EG15" s="27">
        <v>99.136815448156995</v>
      </c>
      <c r="EH15" s="27">
        <v>99.197759443818001</v>
      </c>
      <c r="EI15" s="27">
        <v>99.342200890691004</v>
      </c>
      <c r="EJ15" s="27">
        <v>99.566818763900997</v>
      </c>
      <c r="EK15" s="27">
        <v>99.858829738481006</v>
      </c>
      <c r="EL15" s="27">
        <v>100.164843848098</v>
      </c>
      <c r="EM15" s="27">
        <v>100.41524712512999</v>
      </c>
      <c r="EN15" s="27">
        <v>100.565560377216</v>
      </c>
      <c r="EO15" s="27">
        <v>100.61336779163</v>
      </c>
      <c r="EP15" s="27">
        <v>100.586887361802</v>
      </c>
      <c r="EQ15" s="27">
        <v>100.538683675073</v>
      </c>
      <c r="ER15" s="27">
        <v>100.524769655667</v>
      </c>
      <c r="ES15" s="27">
        <v>100.55274484528201</v>
      </c>
      <c r="ET15" s="27">
        <v>100.58580398224299</v>
      </c>
      <c r="EU15" s="27">
        <v>100.57104305086099</v>
      </c>
      <c r="EV15" s="27">
        <v>100.478974396539</v>
      </c>
      <c r="EW15" s="27">
        <v>100.330350414497</v>
      </c>
      <c r="EX15" s="27">
        <v>100.147730003722</v>
      </c>
      <c r="EY15" s="27">
        <v>99.950884504925995</v>
      </c>
      <c r="EZ15" s="27">
        <v>99.753135736624003</v>
      </c>
      <c r="FA15" s="27">
        <v>99.558986858316004</v>
      </c>
      <c r="FB15" s="27">
        <v>99.382341040011994</v>
      </c>
      <c r="FC15" s="27">
        <v>99.235511749661995</v>
      </c>
      <c r="FD15" s="27">
        <v>99.127093440660005</v>
      </c>
      <c r="FE15" s="27">
        <v>99.073695734205003</v>
      </c>
      <c r="FF15" s="27">
        <v>99.089087314802001</v>
      </c>
      <c r="FG15" s="27">
        <v>99.154151409307005</v>
      </c>
      <c r="FH15" s="27">
        <v>99.221617084561998</v>
      </c>
      <c r="FI15" s="27">
        <v>99.270578999093004</v>
      </c>
      <c r="FJ15" s="27">
        <v>99.287592157004994</v>
      </c>
      <c r="FK15" s="27">
        <v>99.266106941288996</v>
      </c>
      <c r="FL15" s="27">
        <v>99.218229023017997</v>
      </c>
      <c r="FM15" s="27">
        <v>99.159693057506004</v>
      </c>
      <c r="FN15" s="27">
        <v>99.102026045423003</v>
      </c>
      <c r="FO15" s="27">
        <v>99.043173186679994</v>
      </c>
      <c r="FP15" s="27">
        <v>98.978365782447995</v>
      </c>
      <c r="FQ15" s="27">
        <v>98.909674881100997</v>
      </c>
      <c r="FR15" s="27">
        <v>98.845300523879999</v>
      </c>
      <c r="FS15" s="27">
        <v>98.794510531832003</v>
      </c>
      <c r="FT15" s="27">
        <v>98.765878748950996</v>
      </c>
      <c r="FU15" s="27">
        <v>98.770198692798004</v>
      </c>
      <c r="FV15" s="27">
        <v>98.814458259494998</v>
      </c>
      <c r="FW15" s="27">
        <v>98.906245257308996</v>
      </c>
      <c r="FX15" s="27">
        <v>99.046654451446003</v>
      </c>
      <c r="FY15" s="27">
        <v>99.233012416677994</v>
      </c>
      <c r="FZ15" s="27">
        <v>99.438325391964</v>
      </c>
      <c r="GA15" s="27">
        <v>99.646648861811002</v>
      </c>
      <c r="GB15" s="27">
        <v>99.847987420300996</v>
      </c>
      <c r="GC15" s="27">
        <v>100.038683316218</v>
      </c>
      <c r="GD15" s="27">
        <v>100.224339331191</v>
      </c>
      <c r="GE15" s="27">
        <v>100.40780856292</v>
      </c>
      <c r="GF15" s="27">
        <v>100.58403408103599</v>
      </c>
      <c r="GG15" s="27">
        <v>100.737833078742</v>
      </c>
      <c r="GH15" s="27">
        <v>100.85420114468</v>
      </c>
      <c r="GI15" s="27">
        <v>100.938074185478</v>
      </c>
      <c r="GJ15" s="27">
        <v>101.017603734175</v>
      </c>
      <c r="GK15" s="27">
        <v>101.11195432233001</v>
      </c>
      <c r="GL15" s="27">
        <v>101.214431423828</v>
      </c>
      <c r="GM15" s="27">
        <v>101.29584746707501</v>
      </c>
      <c r="GN15" s="27">
        <v>101.349370866935</v>
      </c>
      <c r="GO15" s="27">
        <v>101.405334153257</v>
      </c>
      <c r="GP15" s="27">
        <v>101.481128985518</v>
      </c>
      <c r="GQ15" s="7"/>
      <c r="GR15" s="26">
        <f>+BIE_c20150909171933!GH15</f>
        <v>100.85420114468</v>
      </c>
      <c r="GS15" s="26">
        <f>+BIE_c20150909171933!GI15</f>
        <v>100.938074185478</v>
      </c>
      <c r="GT15" s="26">
        <f>+BIE_c20150909171933!GJ15</f>
        <v>101.017603734175</v>
      </c>
      <c r="GU15" s="26">
        <f>+BIE_c20150909171933!GK15</f>
        <v>101.11195432233001</v>
      </c>
      <c r="GV15" s="26">
        <f>+BIE_c20150909171933!GR15</f>
        <v>0</v>
      </c>
      <c r="GW15" s="26">
        <f>+BIE_c20150909171933!GS15</f>
        <v>0</v>
      </c>
      <c r="GX15" s="26">
        <f>+BIE_c20150909171933!GT15</f>
        <v>0</v>
      </c>
      <c r="GY15" s="26">
        <f>+BIE_c20150909171933!GU15</f>
        <v>0</v>
      </c>
      <c r="GZ15" s="26">
        <f>+BIE_c20150909171933!GV15</f>
        <v>0</v>
      </c>
      <c r="HA15" s="26">
        <f>+BIE_c20150909171933!GW15</f>
        <v>0</v>
      </c>
      <c r="HB15" s="26">
        <f>+BIE_c20150909171933!GX15</f>
        <v>0</v>
      </c>
      <c r="HC15" s="26">
        <f>+BIE_c20150909171933!GY15</f>
        <v>0</v>
      </c>
      <c r="HD15" s="26">
        <f>+BIE_c20150909171933!GZ15</f>
        <v>0</v>
      </c>
      <c r="HE15" s="26">
        <f>+BIE_c20150909171933!HA15</f>
        <v>0</v>
      </c>
      <c r="HF15" s="26">
        <f>+BIE_c20150909171933!HB15</f>
        <v>0</v>
      </c>
      <c r="HG15" s="26">
        <f>+BIE_c20150909171933!HC15</f>
        <v>0</v>
      </c>
      <c r="HH15" s="26">
        <f>+BIE_c20150909171933!HD15</f>
        <v>0</v>
      </c>
      <c r="HI15" s="26">
        <f>+BIE_c20150909171933!HE15</f>
        <v>0</v>
      </c>
      <c r="HJ15" s="26">
        <f>+BIE_c20150909171933!HF15</f>
        <v>0</v>
      </c>
      <c r="HK15" s="26">
        <f>+BIE_c20150909171933!HG15</f>
        <v>0</v>
      </c>
      <c r="HL15" s="26">
        <f>+BIE_c20150909171933!HH15</f>
        <v>0</v>
      </c>
      <c r="HM15" s="25">
        <f>+BIE_c20150909171933!HK15</f>
        <v>0</v>
      </c>
      <c r="HN15" s="25">
        <f>+BIE_c20150909171933!HL15</f>
        <v>0</v>
      </c>
      <c r="HO15" s="25">
        <f>+BIE_c20150909171933!HM15</f>
        <v>0</v>
      </c>
      <c r="HP15" s="25">
        <f>+BIE_c20150909171933!HN15</f>
        <v>0</v>
      </c>
      <c r="HQ15" s="25">
        <f>+BIE_c20150909171933!HO15</f>
        <v>0</v>
      </c>
      <c r="HR15" s="25">
        <f>+BIE_c20150909171933!HP15</f>
        <v>0</v>
      </c>
      <c r="HS15" s="25">
        <f>+BIE_c20150909171933!HQ15</f>
        <v>0</v>
      </c>
      <c r="HT15" s="25">
        <f>+BIE_c20150909171933!HR15</f>
        <v>0</v>
      </c>
      <c r="HU15" s="25">
        <f>+BIE_c20150909171933!HS15</f>
        <v>0</v>
      </c>
      <c r="HV15" s="25">
        <f>+BIE_c20150909171933!HT15</f>
        <v>0</v>
      </c>
      <c r="HW15" s="25">
        <f>+BIE_c20150909171933!HU15</f>
        <v>0</v>
      </c>
      <c r="HX15" s="25">
        <f>+BIE_c20150909171933!HV15</f>
        <v>0</v>
      </c>
      <c r="HY15" s="25">
        <f>+BIE_c20150909171933!HW15</f>
        <v>0</v>
      </c>
      <c r="HZ15" s="25">
        <f>+BIE_c20150909171933!HX15</f>
        <v>0</v>
      </c>
      <c r="IA15" s="25">
        <f>+BIE_c20150909171933!HY15</f>
        <v>0</v>
      </c>
      <c r="IB15" s="25">
        <f>+BIE_c20150909171933!HZ15</f>
        <v>0</v>
      </c>
      <c r="IC15" s="25">
        <f>+BIE_c20150909171933!IA15</f>
        <v>0</v>
      </c>
      <c r="ID15" s="25">
        <f>+BIE_c20150909171933!IB15</f>
        <v>0</v>
      </c>
      <c r="IE15" s="25">
        <f>+BIE_c20150909171933!IC15</f>
        <v>0</v>
      </c>
      <c r="IF15" s="25">
        <f>+BIE_c20150909171933!ID15</f>
        <v>0</v>
      </c>
      <c r="IG15" s="25">
        <f>+BIE_c20150909171933!IE15</f>
        <v>0</v>
      </c>
      <c r="IH15" s="25">
        <f>+BIE_c20150909171933!IF15</f>
        <v>0</v>
      </c>
      <c r="II15" s="25">
        <f>+BIE_c20150909171933!IG15</f>
        <v>0</v>
      </c>
      <c r="IJ15" s="25">
        <f>+BIE_c20150909171933!IH15</f>
        <v>0</v>
      </c>
      <c r="IK15" s="25">
        <f>+BIE_c20150909171933!II15</f>
        <v>0</v>
      </c>
      <c r="IL15" s="25">
        <f>+BIE_c20150909171933!IJ15</f>
        <v>0</v>
      </c>
      <c r="IM15" s="25">
        <f>+BIE_c20150909171933!IK15</f>
        <v>0</v>
      </c>
      <c r="IN15" s="25">
        <f>+BIE_c20150909171933!IL15</f>
        <v>0</v>
      </c>
      <c r="IO15" s="25">
        <f>+BIE_c20150909171933!IM15</f>
        <v>0</v>
      </c>
      <c r="IP15" s="25">
        <f>+BIE_c20150909171933!IN15</f>
        <v>0</v>
      </c>
      <c r="IQ15" s="25">
        <f>+BIE_c20150909171933!IO15</f>
        <v>0</v>
      </c>
      <c r="IR15" s="25">
        <f>+BIE_c20150909171933!IP15</f>
        <v>0</v>
      </c>
      <c r="IS15" s="25">
        <f>+BIE_c20150909171933!IQ15</f>
        <v>0</v>
      </c>
      <c r="IT15" s="25">
        <f>+BIE_c20150909171933!IR15</f>
        <v>0</v>
      </c>
      <c r="IU15" s="25">
        <f>+BIE_c20150909171933!IS15</f>
        <v>0</v>
      </c>
      <c r="IV15" s="25">
        <f>+BIE_c20150909171933!IT15</f>
        <v>0</v>
      </c>
      <c r="IW15" s="25">
        <f>+BIE_c20150909171933!IU15</f>
        <v>0</v>
      </c>
      <c r="IX15" s="25">
        <f>+BIE_c20150909171933!IV15</f>
        <v>0</v>
      </c>
      <c r="IY15" s="25">
        <f>+BIE_c20150909171933!IW15</f>
        <v>0</v>
      </c>
      <c r="IZ15" s="25">
        <f>+BIE_c20150909171933!IX15</f>
        <v>0</v>
      </c>
      <c r="JA15" s="25">
        <f>+BIE_c20150909171933!IY15</f>
        <v>0</v>
      </c>
      <c r="JB15" s="25">
        <f>+BIE_c20150909171933!IZ15</f>
        <v>0</v>
      </c>
      <c r="JC15" s="25">
        <f>+BIE_c20150909171933!JA15</f>
        <v>0</v>
      </c>
      <c r="JD15" s="14"/>
    </row>
    <row r="16" spans="1:264" ht="45" x14ac:dyDescent="0.25">
      <c r="A16" s="6" t="s">
        <v>202</v>
      </c>
      <c r="B16" s="27">
        <v>100.084130600097</v>
      </c>
      <c r="C16" s="27">
        <v>99.963323643655997</v>
      </c>
      <c r="D16" s="27">
        <v>99.881128831072004</v>
      </c>
      <c r="E16" s="27">
        <v>99.883439687724007</v>
      </c>
      <c r="F16" s="27">
        <v>99.990051101426999</v>
      </c>
      <c r="G16" s="27">
        <v>100.172673786391</v>
      </c>
      <c r="H16" s="27">
        <v>100.39070549489</v>
      </c>
      <c r="I16" s="27">
        <v>100.628017589629</v>
      </c>
      <c r="J16" s="27">
        <v>100.88206980210001</v>
      </c>
      <c r="K16" s="27">
        <v>101.13820192970999</v>
      </c>
      <c r="L16" s="27">
        <v>101.364435276526</v>
      </c>
      <c r="M16" s="27">
        <v>101.51822650312199</v>
      </c>
      <c r="N16" s="27">
        <v>101.57084868122</v>
      </c>
      <c r="O16" s="27">
        <v>101.49936942996599</v>
      </c>
      <c r="P16" s="27">
        <v>101.297598206646</v>
      </c>
      <c r="Q16" s="27">
        <v>100.978078519064</v>
      </c>
      <c r="R16" s="27">
        <v>100.574302360584</v>
      </c>
      <c r="S16" s="27">
        <v>100.148093722007</v>
      </c>
      <c r="T16" s="27">
        <v>99.760340453992995</v>
      </c>
      <c r="U16" s="27">
        <v>99.424518694656996</v>
      </c>
      <c r="V16" s="27">
        <v>99.122079685499003</v>
      </c>
      <c r="W16" s="27">
        <v>98.835095227897995</v>
      </c>
      <c r="X16" s="27">
        <v>98.570973333249995</v>
      </c>
      <c r="Y16" s="27">
        <v>98.365908809355005</v>
      </c>
      <c r="Z16" s="27">
        <v>98.244812554774995</v>
      </c>
      <c r="AA16" s="27">
        <v>98.193016654619001</v>
      </c>
      <c r="AB16" s="27">
        <v>98.174949184737997</v>
      </c>
      <c r="AC16" s="27">
        <v>98.200255823684998</v>
      </c>
      <c r="AD16" s="27">
        <v>98.306195797125</v>
      </c>
      <c r="AE16" s="27">
        <v>98.467919761283994</v>
      </c>
      <c r="AF16" s="27">
        <v>98.652926910546995</v>
      </c>
      <c r="AG16" s="27">
        <v>98.855384776662007</v>
      </c>
      <c r="AH16" s="27">
        <v>99.085735229666994</v>
      </c>
      <c r="AI16" s="27">
        <v>99.321856187690997</v>
      </c>
      <c r="AJ16" s="27">
        <v>99.542198916057998</v>
      </c>
      <c r="AK16" s="27">
        <v>99.731260581849</v>
      </c>
      <c r="AL16" s="27">
        <v>99.852063918135997</v>
      </c>
      <c r="AM16" s="27">
        <v>99.834884663173</v>
      </c>
      <c r="AN16" s="27">
        <v>99.620083318623998</v>
      </c>
      <c r="AO16" s="27">
        <v>99.201437431182001</v>
      </c>
      <c r="AP16" s="27">
        <v>98.649237886860007</v>
      </c>
      <c r="AQ16" s="27">
        <v>98.078289808711006</v>
      </c>
      <c r="AR16" s="27">
        <v>97.594054796001998</v>
      </c>
      <c r="AS16" s="27">
        <v>97.259477529357</v>
      </c>
      <c r="AT16" s="27">
        <v>97.094327926877995</v>
      </c>
      <c r="AU16" s="27">
        <v>97.074430544129001</v>
      </c>
      <c r="AV16" s="27">
        <v>97.154655571947004</v>
      </c>
      <c r="AW16" s="27">
        <v>97.320633768262994</v>
      </c>
      <c r="AX16" s="27">
        <v>97.565861167947006</v>
      </c>
      <c r="AY16" s="27">
        <v>97.871515141152003</v>
      </c>
      <c r="AZ16" s="27">
        <v>98.204151300975994</v>
      </c>
      <c r="BA16" s="27">
        <v>98.531300096186996</v>
      </c>
      <c r="BB16" s="27">
        <v>98.851572871143006</v>
      </c>
      <c r="BC16" s="27">
        <v>99.150727669966997</v>
      </c>
      <c r="BD16" s="27">
        <v>99.434483589395001</v>
      </c>
      <c r="BE16" s="27">
        <v>99.713533881738996</v>
      </c>
      <c r="BF16" s="27">
        <v>99.990723548115</v>
      </c>
      <c r="BG16" s="27">
        <v>100.266739483457</v>
      </c>
      <c r="BH16" s="27">
        <v>100.538246782455</v>
      </c>
      <c r="BI16" s="27">
        <v>100.794840446788</v>
      </c>
      <c r="BJ16" s="27">
        <v>101.030621120139</v>
      </c>
      <c r="BK16" s="27">
        <v>101.243927102399</v>
      </c>
      <c r="BL16" s="27">
        <v>101.423519067147</v>
      </c>
      <c r="BM16" s="27">
        <v>101.55874137388901</v>
      </c>
      <c r="BN16" s="27">
        <v>101.64211424125099</v>
      </c>
      <c r="BO16" s="27">
        <v>101.671023227278</v>
      </c>
      <c r="BP16" s="27">
        <v>101.647543787153</v>
      </c>
      <c r="BQ16" s="27">
        <v>101.572297851727</v>
      </c>
      <c r="BR16" s="27">
        <v>101.446980661936</v>
      </c>
      <c r="BS16" s="27">
        <v>101.279242665627</v>
      </c>
      <c r="BT16" s="27">
        <v>101.077362189289</v>
      </c>
      <c r="BU16" s="27">
        <v>100.85177328032501</v>
      </c>
      <c r="BV16" s="27">
        <v>100.618762672724</v>
      </c>
      <c r="BW16" s="27">
        <v>100.394850338564</v>
      </c>
      <c r="BX16" s="27">
        <v>100.198088043868</v>
      </c>
      <c r="BY16" s="27">
        <v>100.040824193177</v>
      </c>
      <c r="BZ16" s="27">
        <v>99.928062547417994</v>
      </c>
      <c r="CA16" s="27">
        <v>99.859634314762999</v>
      </c>
      <c r="CB16" s="27">
        <v>99.827749925912002</v>
      </c>
      <c r="CC16" s="27">
        <v>99.823572053956994</v>
      </c>
      <c r="CD16" s="27">
        <v>99.839360530755002</v>
      </c>
      <c r="CE16" s="27">
        <v>99.869288442409996</v>
      </c>
      <c r="CF16" s="27">
        <v>99.910108250074003</v>
      </c>
      <c r="CG16" s="27">
        <v>99.960238950128002</v>
      </c>
      <c r="CH16" s="27">
        <v>100.01751121589599</v>
      </c>
      <c r="CI16" s="27">
        <v>100.0793848886</v>
      </c>
      <c r="CJ16" s="27">
        <v>100.14453359022799</v>
      </c>
      <c r="CK16" s="27">
        <v>100.212920651964</v>
      </c>
      <c r="CL16" s="27">
        <v>100.282681372024</v>
      </c>
      <c r="CM16" s="27">
        <v>100.34745300913301</v>
      </c>
      <c r="CN16" s="27">
        <v>100.406751004247</v>
      </c>
      <c r="CO16" s="27">
        <v>100.463118928008</v>
      </c>
      <c r="CP16" s="27">
        <v>100.51975886126699</v>
      </c>
      <c r="CQ16" s="27">
        <v>100.579047911168</v>
      </c>
      <c r="CR16" s="27">
        <v>100.639959157696</v>
      </c>
      <c r="CS16" s="27">
        <v>100.697726830734</v>
      </c>
      <c r="CT16" s="27">
        <v>100.75325514115301</v>
      </c>
      <c r="CU16" s="27">
        <v>100.81134105838601</v>
      </c>
      <c r="CV16" s="27">
        <v>100.879161452926</v>
      </c>
      <c r="CW16" s="27">
        <v>100.964681762647</v>
      </c>
      <c r="CX16" s="27">
        <v>101.07447207056801</v>
      </c>
      <c r="CY16" s="27">
        <v>101.21092745062199</v>
      </c>
      <c r="CZ16" s="27">
        <v>101.36671705638</v>
      </c>
      <c r="DA16" s="27">
        <v>101.521954983961</v>
      </c>
      <c r="DB16" s="27">
        <v>101.651633533064</v>
      </c>
      <c r="DC16" s="27">
        <v>101.732684950772</v>
      </c>
      <c r="DD16" s="27">
        <v>101.743225652533</v>
      </c>
      <c r="DE16" s="27">
        <v>101.661195677545</v>
      </c>
      <c r="DF16" s="27">
        <v>101.469704934129</v>
      </c>
      <c r="DG16" s="27">
        <v>101.167043080754</v>
      </c>
      <c r="DH16" s="27">
        <v>100.76676889208601</v>
      </c>
      <c r="DI16" s="27">
        <v>100.29728644447</v>
      </c>
      <c r="DJ16" s="27">
        <v>99.817060113870994</v>
      </c>
      <c r="DK16" s="27">
        <v>99.391697327114997</v>
      </c>
      <c r="DL16" s="27">
        <v>99.067153092569995</v>
      </c>
      <c r="DM16" s="27">
        <v>98.861775795027</v>
      </c>
      <c r="DN16" s="27">
        <v>98.763523440498005</v>
      </c>
      <c r="DO16" s="27">
        <v>98.746014093200998</v>
      </c>
      <c r="DP16" s="27">
        <v>98.781501850726002</v>
      </c>
      <c r="DQ16" s="27">
        <v>98.846229132079003</v>
      </c>
      <c r="DR16" s="27">
        <v>98.923812694374007</v>
      </c>
      <c r="DS16" s="27">
        <v>99.004698775017999</v>
      </c>
      <c r="DT16" s="27">
        <v>99.082858410170999</v>
      </c>
      <c r="DU16" s="27">
        <v>99.154985757866996</v>
      </c>
      <c r="DV16" s="27">
        <v>99.218961993940994</v>
      </c>
      <c r="DW16" s="27">
        <v>99.274564221467998</v>
      </c>
      <c r="DX16" s="27">
        <v>99.322911559689004</v>
      </c>
      <c r="DY16" s="27">
        <v>99.366490422972007</v>
      </c>
      <c r="DZ16" s="27">
        <v>99.407848066851002</v>
      </c>
      <c r="EA16" s="27">
        <v>99.448595260991993</v>
      </c>
      <c r="EB16" s="27">
        <v>99.490377290287995</v>
      </c>
      <c r="EC16" s="27">
        <v>99.533092688788003</v>
      </c>
      <c r="ED16" s="27">
        <v>99.575776975717005</v>
      </c>
      <c r="EE16" s="27">
        <v>99.619237532469</v>
      </c>
      <c r="EF16" s="27">
        <v>99.664040605338997</v>
      </c>
      <c r="EG16" s="27">
        <v>99.709328614441006</v>
      </c>
      <c r="EH16" s="27">
        <v>99.753371136191006</v>
      </c>
      <c r="EI16" s="27">
        <v>99.794983357917999</v>
      </c>
      <c r="EJ16" s="27">
        <v>99.834076444367</v>
      </c>
      <c r="EK16" s="27">
        <v>99.872356109568003</v>
      </c>
      <c r="EL16" s="27">
        <v>99.911380195811006</v>
      </c>
      <c r="EM16" s="27">
        <v>99.952511194408004</v>
      </c>
      <c r="EN16" s="27">
        <v>99.994908679388004</v>
      </c>
      <c r="EO16" s="27">
        <v>100.03711100336101</v>
      </c>
      <c r="EP16" s="27">
        <v>100.078504085297</v>
      </c>
      <c r="EQ16" s="27">
        <v>100.11984561883099</v>
      </c>
      <c r="ER16" s="27">
        <v>100.162890207198</v>
      </c>
      <c r="ES16" s="27">
        <v>100.21000045024201</v>
      </c>
      <c r="ET16" s="27">
        <v>100.263619359312</v>
      </c>
      <c r="EU16" s="27">
        <v>100.32353796692701</v>
      </c>
      <c r="EV16" s="27">
        <v>100.38842520728601</v>
      </c>
      <c r="EW16" s="27">
        <v>100.454996872715</v>
      </c>
      <c r="EX16" s="27">
        <v>100.51870778688701</v>
      </c>
      <c r="EY16" s="27">
        <v>100.573366041</v>
      </c>
      <c r="EZ16" s="27">
        <v>100.61094209452401</v>
      </c>
      <c r="FA16" s="27">
        <v>100.622953701396</v>
      </c>
      <c r="FB16" s="27">
        <v>100.603061291507</v>
      </c>
      <c r="FC16" s="27">
        <v>100.549623920843</v>
      </c>
      <c r="FD16" s="27">
        <v>100.47053669954499</v>
      </c>
      <c r="FE16" s="27">
        <v>100.388600214004</v>
      </c>
      <c r="FF16" s="27">
        <v>100.31761562553</v>
      </c>
      <c r="FG16" s="27">
        <v>100.25629277761</v>
      </c>
      <c r="FH16" s="27">
        <v>100.19566490842099</v>
      </c>
      <c r="FI16" s="27">
        <v>100.124743643668</v>
      </c>
      <c r="FJ16" s="27">
        <v>100.040288314821</v>
      </c>
      <c r="FK16" s="27">
        <v>99.954157020028006</v>
      </c>
      <c r="FL16" s="27">
        <v>99.880136158035995</v>
      </c>
      <c r="FM16" s="27">
        <v>99.829989449417994</v>
      </c>
      <c r="FN16" s="27">
        <v>99.799950121623993</v>
      </c>
      <c r="FO16" s="27">
        <v>99.777515487269994</v>
      </c>
      <c r="FP16" s="27">
        <v>99.745573511361002</v>
      </c>
      <c r="FQ16" s="27">
        <v>99.688329115041</v>
      </c>
      <c r="FR16" s="27">
        <v>99.597871760415998</v>
      </c>
      <c r="FS16" s="27">
        <v>99.482516224967</v>
      </c>
      <c r="FT16" s="27">
        <v>99.375116523361001</v>
      </c>
      <c r="FU16" s="27">
        <v>99.298135236497998</v>
      </c>
      <c r="FV16" s="27">
        <v>99.256853617012993</v>
      </c>
      <c r="FW16" s="27">
        <v>99.247765856070998</v>
      </c>
      <c r="FX16" s="27">
        <v>99.262994431522998</v>
      </c>
      <c r="FY16" s="27">
        <v>99.293713453047999</v>
      </c>
      <c r="FZ16" s="27">
        <v>99.331777465119004</v>
      </c>
      <c r="GA16" s="27">
        <v>99.371557477693003</v>
      </c>
      <c r="GB16" s="27">
        <v>99.409833817340001</v>
      </c>
      <c r="GC16" s="27">
        <v>99.445518825568001</v>
      </c>
      <c r="GD16" s="27">
        <v>99.479441906915</v>
      </c>
      <c r="GE16" s="27">
        <v>99.514276700265995</v>
      </c>
      <c r="GF16" s="27">
        <v>99.554552829567001</v>
      </c>
      <c r="GG16" s="27">
        <v>99.606562582294998</v>
      </c>
      <c r="GH16" s="27">
        <v>99.677839894298003</v>
      </c>
      <c r="GI16" s="27">
        <v>99.778486154538001</v>
      </c>
      <c r="GJ16" s="27">
        <v>99.919713734623002</v>
      </c>
      <c r="GK16" s="27">
        <v>100.106182383213</v>
      </c>
      <c r="GL16" s="27">
        <v>100.32947262484601</v>
      </c>
      <c r="GM16" s="27">
        <v>100.570306293985</v>
      </c>
      <c r="GN16" s="27">
        <v>100.802813828495</v>
      </c>
      <c r="GO16" s="27">
        <v>101.00288099746101</v>
      </c>
      <c r="GP16" s="27">
        <v>101.169447491497</v>
      </c>
      <c r="GQ16" s="7">
        <v>101.312327716833</v>
      </c>
      <c r="GR16" s="26">
        <f>+BIE_c20150909171933!GH16</f>
        <v>99.677839894298003</v>
      </c>
      <c r="GS16" s="26">
        <f>+BIE_c20150909171933!GI16</f>
        <v>99.778486154538001</v>
      </c>
      <c r="GT16" s="26">
        <f>+BIE_c20150909171933!GJ16</f>
        <v>99.919713734623002</v>
      </c>
      <c r="GU16" s="26">
        <f>+BIE_c20150909171933!GK16</f>
        <v>100.106182383213</v>
      </c>
      <c r="GV16" s="26">
        <f>+BIE_c20150909171933!GR16</f>
        <v>0</v>
      </c>
      <c r="GW16" s="26">
        <f>+BIE_c20150909171933!GS16</f>
        <v>0</v>
      </c>
      <c r="GX16" s="26">
        <f>+BIE_c20150909171933!GT16</f>
        <v>0</v>
      </c>
      <c r="GY16" s="26">
        <f>+BIE_c20150909171933!GU16</f>
        <v>0</v>
      </c>
      <c r="GZ16" s="26">
        <f>+BIE_c20150909171933!GV16</f>
        <v>0</v>
      </c>
      <c r="HA16" s="26">
        <f>+BIE_c20150909171933!GW16</f>
        <v>0</v>
      </c>
      <c r="HB16" s="26">
        <f>+BIE_c20150909171933!GX16</f>
        <v>0</v>
      </c>
      <c r="HC16" s="26">
        <f>+BIE_c20150909171933!GY16</f>
        <v>0</v>
      </c>
      <c r="HD16" s="26">
        <f>+BIE_c20150909171933!GZ16</f>
        <v>0</v>
      </c>
      <c r="HE16" s="26">
        <f>+BIE_c20150909171933!HA16</f>
        <v>0</v>
      </c>
      <c r="HF16" s="26">
        <f>+BIE_c20150909171933!HB16</f>
        <v>0</v>
      </c>
      <c r="HG16" s="26">
        <f>+BIE_c20150909171933!HC16</f>
        <v>0</v>
      </c>
      <c r="HH16" s="26">
        <f>+BIE_c20150909171933!HD16</f>
        <v>0</v>
      </c>
      <c r="HI16" s="26">
        <f>+BIE_c20150909171933!HE16</f>
        <v>0</v>
      </c>
      <c r="HJ16" s="26">
        <f>+BIE_c20150909171933!HF16</f>
        <v>0</v>
      </c>
      <c r="HK16" s="26">
        <f>+BIE_c20150909171933!HG16</f>
        <v>0</v>
      </c>
      <c r="HL16" s="26">
        <f>+BIE_c20150909171933!HH16</f>
        <v>0</v>
      </c>
      <c r="HM16" s="25">
        <f>+BIE_c20150909171933!HK16</f>
        <v>0</v>
      </c>
      <c r="HN16" s="25">
        <f>+BIE_c20150909171933!HL16</f>
        <v>0</v>
      </c>
      <c r="HO16" s="25">
        <f>+BIE_c20150909171933!HM16</f>
        <v>0</v>
      </c>
      <c r="HP16" s="25">
        <f>+BIE_c20150909171933!HN16</f>
        <v>0</v>
      </c>
      <c r="HQ16" s="25">
        <f>+BIE_c20150909171933!HO16</f>
        <v>0</v>
      </c>
      <c r="HR16" s="25">
        <f>+BIE_c20150909171933!HP16</f>
        <v>0</v>
      </c>
      <c r="HS16" s="25">
        <f>+BIE_c20150909171933!HQ16</f>
        <v>0</v>
      </c>
      <c r="HT16" s="25">
        <f>+BIE_c20150909171933!HR16</f>
        <v>0</v>
      </c>
      <c r="HU16" s="25">
        <f>+BIE_c20150909171933!HS16</f>
        <v>0</v>
      </c>
      <c r="HV16" s="25">
        <f>+BIE_c20150909171933!HT16</f>
        <v>0</v>
      </c>
      <c r="HW16" s="25">
        <f>+BIE_c20150909171933!HU16</f>
        <v>0</v>
      </c>
      <c r="HX16" s="25">
        <f>+BIE_c20150909171933!HV16</f>
        <v>0</v>
      </c>
      <c r="HY16" s="25">
        <f>+BIE_c20150909171933!HW16</f>
        <v>0</v>
      </c>
      <c r="HZ16" s="25">
        <f>+BIE_c20150909171933!HX16</f>
        <v>0</v>
      </c>
      <c r="IA16" s="25">
        <f>+BIE_c20150909171933!HY16</f>
        <v>0</v>
      </c>
      <c r="IB16" s="25">
        <f>+BIE_c20150909171933!HZ16</f>
        <v>0</v>
      </c>
      <c r="IC16" s="25">
        <f>+BIE_c20150909171933!IA16</f>
        <v>0</v>
      </c>
      <c r="ID16" s="25">
        <f>+BIE_c20150909171933!IB16</f>
        <v>0</v>
      </c>
      <c r="IE16" s="25">
        <f>+BIE_c20150909171933!IC16</f>
        <v>0</v>
      </c>
      <c r="IF16" s="25">
        <f>+BIE_c20150909171933!ID16</f>
        <v>0</v>
      </c>
      <c r="IG16" s="25">
        <f>+BIE_c20150909171933!IE16</f>
        <v>0</v>
      </c>
      <c r="IH16" s="25">
        <f>+BIE_c20150909171933!IF16</f>
        <v>0</v>
      </c>
      <c r="II16" s="25">
        <f>+BIE_c20150909171933!IG16</f>
        <v>0</v>
      </c>
      <c r="IJ16" s="25">
        <f>+BIE_c20150909171933!IH16</f>
        <v>0</v>
      </c>
      <c r="IK16" s="25">
        <f>+BIE_c20150909171933!II16</f>
        <v>0</v>
      </c>
      <c r="IL16" s="25">
        <f>+BIE_c20150909171933!IJ16</f>
        <v>0</v>
      </c>
      <c r="IM16" s="25">
        <f>+BIE_c20150909171933!IK16</f>
        <v>0</v>
      </c>
      <c r="IN16" s="25">
        <f>+BIE_c20150909171933!IL16</f>
        <v>0</v>
      </c>
      <c r="IO16" s="25">
        <f>+BIE_c20150909171933!IM16</f>
        <v>0</v>
      </c>
      <c r="IP16" s="25">
        <f>+BIE_c20150909171933!IN16</f>
        <v>0</v>
      </c>
      <c r="IQ16" s="25">
        <f>+BIE_c20150909171933!IO16</f>
        <v>0</v>
      </c>
      <c r="IR16" s="25">
        <f>+BIE_c20150909171933!IP16</f>
        <v>0</v>
      </c>
      <c r="IS16" s="25">
        <f>+BIE_c20150909171933!IQ16</f>
        <v>0</v>
      </c>
      <c r="IT16" s="25">
        <f>+BIE_c20150909171933!IR16</f>
        <v>0</v>
      </c>
      <c r="IU16" s="25">
        <f>+BIE_c20150909171933!IS16</f>
        <v>0</v>
      </c>
      <c r="IV16" s="25">
        <f>+BIE_c20150909171933!IT16</f>
        <v>0</v>
      </c>
      <c r="IW16" s="25">
        <f>+BIE_c20150909171933!IU16</f>
        <v>0</v>
      </c>
      <c r="IX16" s="25">
        <f>+BIE_c20150909171933!IV16</f>
        <v>0</v>
      </c>
      <c r="IY16" s="25">
        <f>+BIE_c20150909171933!IW16</f>
        <v>0</v>
      </c>
      <c r="IZ16" s="25">
        <f>+BIE_c20150909171933!IX16</f>
        <v>0</v>
      </c>
      <c r="JA16" s="25">
        <f>+BIE_c20150909171933!IY16</f>
        <v>0</v>
      </c>
      <c r="JB16" s="25">
        <f>+BIE_c20150909171933!IZ16</f>
        <v>0</v>
      </c>
      <c r="JC16" s="25">
        <f>+BIE_c20150909171933!JA16</f>
        <v>0</v>
      </c>
      <c r="JD16" s="14"/>
    </row>
    <row r="17" spans="1:264" ht="45" x14ac:dyDescent="0.25">
      <c r="A17" s="6" t="s">
        <v>203</v>
      </c>
      <c r="B17" s="27">
        <v>102.31765554136901</v>
      </c>
      <c r="C17" s="27">
        <v>102.394353862952</v>
      </c>
      <c r="D17" s="27">
        <v>102.470027816129</v>
      </c>
      <c r="E17" s="27">
        <v>102.53200902102</v>
      </c>
      <c r="F17" s="27">
        <v>102.571897273202</v>
      </c>
      <c r="G17" s="27">
        <v>102.59050540641201</v>
      </c>
      <c r="H17" s="27">
        <v>102.56555668830499</v>
      </c>
      <c r="I17" s="27">
        <v>102.476023942398</v>
      </c>
      <c r="J17" s="27">
        <v>102.30927251922</v>
      </c>
      <c r="K17" s="27">
        <v>102.07401567775599</v>
      </c>
      <c r="L17" s="27">
        <v>101.800706390093</v>
      </c>
      <c r="M17" s="27">
        <v>101.508164026831</v>
      </c>
      <c r="N17" s="27">
        <v>101.213043216497</v>
      </c>
      <c r="O17" s="27">
        <v>100.921185597423</v>
      </c>
      <c r="P17" s="27">
        <v>100.652405471854</v>
      </c>
      <c r="Q17" s="27">
        <v>100.4414285297</v>
      </c>
      <c r="R17" s="27">
        <v>100.270151022359</v>
      </c>
      <c r="S17" s="27">
        <v>100.086936522927</v>
      </c>
      <c r="T17" s="27">
        <v>99.879961506140006</v>
      </c>
      <c r="U17" s="27">
        <v>99.668786259250993</v>
      </c>
      <c r="V17" s="27">
        <v>99.495219324966001</v>
      </c>
      <c r="W17" s="27">
        <v>99.420334236751003</v>
      </c>
      <c r="X17" s="27">
        <v>99.428733013805001</v>
      </c>
      <c r="Y17" s="27">
        <v>99.463351743626006</v>
      </c>
      <c r="Z17" s="27">
        <v>99.470792463587003</v>
      </c>
      <c r="AA17" s="27">
        <v>99.413126816342</v>
      </c>
      <c r="AB17" s="27">
        <v>99.265671104171005</v>
      </c>
      <c r="AC17" s="27">
        <v>98.991003499106</v>
      </c>
      <c r="AD17" s="27">
        <v>98.594646493601005</v>
      </c>
      <c r="AE17" s="27">
        <v>98.113189890007007</v>
      </c>
      <c r="AF17" s="27">
        <v>97.617457361521005</v>
      </c>
      <c r="AG17" s="27">
        <v>97.192118250576996</v>
      </c>
      <c r="AH17" s="27">
        <v>96.867869850410997</v>
      </c>
      <c r="AI17" s="27">
        <v>96.662732866775997</v>
      </c>
      <c r="AJ17" s="27">
        <v>96.561088479212998</v>
      </c>
      <c r="AK17" s="27">
        <v>96.515948482488</v>
      </c>
      <c r="AL17" s="27">
        <v>96.514847357655</v>
      </c>
      <c r="AM17" s="27">
        <v>96.573456928547998</v>
      </c>
      <c r="AN17" s="27">
        <v>96.733331521009006</v>
      </c>
      <c r="AO17" s="27">
        <v>96.997268789515999</v>
      </c>
      <c r="AP17" s="27">
        <v>97.328315435099</v>
      </c>
      <c r="AQ17" s="27">
        <v>97.677013345503994</v>
      </c>
      <c r="AR17" s="27">
        <v>98.003942589442005</v>
      </c>
      <c r="AS17" s="27">
        <v>98.304287285989005</v>
      </c>
      <c r="AT17" s="27">
        <v>98.588594751117</v>
      </c>
      <c r="AU17" s="27">
        <v>98.858321702457999</v>
      </c>
      <c r="AV17" s="27">
        <v>99.112321606769996</v>
      </c>
      <c r="AW17" s="27">
        <v>99.344153831366</v>
      </c>
      <c r="AX17" s="27">
        <v>99.533026684939003</v>
      </c>
      <c r="AY17" s="27">
        <v>99.652766534413004</v>
      </c>
      <c r="AZ17" s="27">
        <v>99.700195215215004</v>
      </c>
      <c r="BA17" s="27">
        <v>99.694241067039997</v>
      </c>
      <c r="BB17" s="27">
        <v>99.655825893419006</v>
      </c>
      <c r="BC17" s="27">
        <v>99.614435973788005</v>
      </c>
      <c r="BD17" s="27">
        <v>99.584699129293</v>
      </c>
      <c r="BE17" s="27">
        <v>99.592549032790004</v>
      </c>
      <c r="BF17" s="27">
        <v>99.653919451389001</v>
      </c>
      <c r="BG17" s="27">
        <v>99.758543182455</v>
      </c>
      <c r="BH17" s="27">
        <v>99.887664645746</v>
      </c>
      <c r="BI17" s="27">
        <v>100.005164743875</v>
      </c>
      <c r="BJ17" s="27">
        <v>100.08715212283801</v>
      </c>
      <c r="BK17" s="27">
        <v>100.135075229663</v>
      </c>
      <c r="BL17" s="27">
        <v>100.15437329992101</v>
      </c>
      <c r="BM17" s="27">
        <v>100.163170516725</v>
      </c>
      <c r="BN17" s="27">
        <v>100.18544194572701</v>
      </c>
      <c r="BO17" s="27">
        <v>100.225112815003</v>
      </c>
      <c r="BP17" s="27">
        <v>100.273269029453</v>
      </c>
      <c r="BQ17" s="27">
        <v>100.32188294859699</v>
      </c>
      <c r="BR17" s="27">
        <v>100.373613098202</v>
      </c>
      <c r="BS17" s="27">
        <v>100.438080254125</v>
      </c>
      <c r="BT17" s="27">
        <v>100.527673575045</v>
      </c>
      <c r="BU17" s="27">
        <v>100.625643881431</v>
      </c>
      <c r="BV17" s="27">
        <v>100.712213578231</v>
      </c>
      <c r="BW17" s="27">
        <v>100.774072598527</v>
      </c>
      <c r="BX17" s="27">
        <v>100.808696320672</v>
      </c>
      <c r="BY17" s="27">
        <v>100.817085606669</v>
      </c>
      <c r="BZ17" s="27">
        <v>100.812173485204</v>
      </c>
      <c r="CA17" s="27">
        <v>100.82301646813799</v>
      </c>
      <c r="CB17" s="27">
        <v>100.885538743881</v>
      </c>
      <c r="CC17" s="27">
        <v>101.014364955094</v>
      </c>
      <c r="CD17" s="27">
        <v>101.202708119086</v>
      </c>
      <c r="CE17" s="27">
        <v>101.425739211964</v>
      </c>
      <c r="CF17" s="27">
        <v>101.65401132144601</v>
      </c>
      <c r="CG17" s="27">
        <v>101.868073916032</v>
      </c>
      <c r="CH17" s="27">
        <v>102.058571357907</v>
      </c>
      <c r="CI17" s="27">
        <v>102.22884004428199</v>
      </c>
      <c r="CJ17" s="27">
        <v>102.386230537625</v>
      </c>
      <c r="CK17" s="27">
        <v>102.543179250235</v>
      </c>
      <c r="CL17" s="27">
        <v>102.682001208683</v>
      </c>
      <c r="CM17" s="27">
        <v>102.780139375356</v>
      </c>
      <c r="CN17" s="27">
        <v>102.82994578685</v>
      </c>
      <c r="CO17" s="27">
        <v>102.834386410104</v>
      </c>
      <c r="CP17" s="27">
        <v>102.808066815701</v>
      </c>
      <c r="CQ17" s="27">
        <v>102.737357571648</v>
      </c>
      <c r="CR17" s="27">
        <v>102.609674365675</v>
      </c>
      <c r="CS17" s="27">
        <v>102.44533857854</v>
      </c>
      <c r="CT17" s="27">
        <v>102.261680937191</v>
      </c>
      <c r="CU17" s="27">
        <v>102.096053129464</v>
      </c>
      <c r="CV17" s="27">
        <v>101.95627190146899</v>
      </c>
      <c r="CW17" s="27">
        <v>101.81806199332701</v>
      </c>
      <c r="CX17" s="27">
        <v>101.610714714916</v>
      </c>
      <c r="CY17" s="27">
        <v>101.26492838649099</v>
      </c>
      <c r="CZ17" s="27">
        <v>100.75079886534699</v>
      </c>
      <c r="DA17" s="27">
        <v>100.062948335334</v>
      </c>
      <c r="DB17" s="27">
        <v>99.199949415739994</v>
      </c>
      <c r="DC17" s="27">
        <v>98.232481698857001</v>
      </c>
      <c r="DD17" s="27">
        <v>97.319513516559994</v>
      </c>
      <c r="DE17" s="27">
        <v>96.570800550711994</v>
      </c>
      <c r="DF17" s="27">
        <v>96.028922012706005</v>
      </c>
      <c r="DG17" s="27">
        <v>95.718283587117</v>
      </c>
      <c r="DH17" s="27">
        <v>95.672234535021005</v>
      </c>
      <c r="DI17" s="27">
        <v>95.889977145285997</v>
      </c>
      <c r="DJ17" s="27">
        <v>96.284021110569</v>
      </c>
      <c r="DK17" s="27">
        <v>96.768305161331</v>
      </c>
      <c r="DL17" s="27">
        <v>97.286419028938994</v>
      </c>
      <c r="DM17" s="27">
        <v>97.800182789155997</v>
      </c>
      <c r="DN17" s="27">
        <v>98.261392795022999</v>
      </c>
      <c r="DO17" s="27">
        <v>98.643490233378003</v>
      </c>
      <c r="DP17" s="27">
        <v>98.93833430123</v>
      </c>
      <c r="DQ17" s="27">
        <v>99.147421853016994</v>
      </c>
      <c r="DR17" s="27">
        <v>99.276426657781997</v>
      </c>
      <c r="DS17" s="27">
        <v>99.336881942616998</v>
      </c>
      <c r="DT17" s="27">
        <v>99.345619771688007</v>
      </c>
      <c r="DU17" s="27">
        <v>99.289692470348996</v>
      </c>
      <c r="DV17" s="27">
        <v>99.174384589038993</v>
      </c>
      <c r="DW17" s="27">
        <v>99.059557229315999</v>
      </c>
      <c r="DX17" s="27">
        <v>99.008021728792002</v>
      </c>
      <c r="DY17" s="27">
        <v>99.055965335029995</v>
      </c>
      <c r="DZ17" s="27">
        <v>99.210058121508993</v>
      </c>
      <c r="EA17" s="27">
        <v>99.446476678915005</v>
      </c>
      <c r="EB17" s="27">
        <v>99.724521627597994</v>
      </c>
      <c r="EC17" s="27">
        <v>100.00473698695799</v>
      </c>
      <c r="ED17" s="27">
        <v>100.245436131296</v>
      </c>
      <c r="EE17" s="27">
        <v>100.409713973023</v>
      </c>
      <c r="EF17" s="27">
        <v>100.47290059591499</v>
      </c>
      <c r="EG17" s="27">
        <v>100.43255851880799</v>
      </c>
      <c r="EH17" s="27">
        <v>100.286971993558</v>
      </c>
      <c r="EI17" s="27">
        <v>100.05113639015499</v>
      </c>
      <c r="EJ17" s="27">
        <v>99.766044111362007</v>
      </c>
      <c r="EK17" s="27">
        <v>99.474123620285994</v>
      </c>
      <c r="EL17" s="27">
        <v>99.259976924163993</v>
      </c>
      <c r="EM17" s="27">
        <v>99.163127078551994</v>
      </c>
      <c r="EN17" s="27">
        <v>99.177965559656002</v>
      </c>
      <c r="EO17" s="27">
        <v>99.279496251526993</v>
      </c>
      <c r="EP17" s="27">
        <v>99.429726110768001</v>
      </c>
      <c r="EQ17" s="27">
        <v>99.575757686808998</v>
      </c>
      <c r="ER17" s="27">
        <v>99.672812157619006</v>
      </c>
      <c r="ES17" s="27">
        <v>99.702024197247994</v>
      </c>
      <c r="ET17" s="27">
        <v>99.680350480157003</v>
      </c>
      <c r="EU17" s="27">
        <v>99.648883533721005</v>
      </c>
      <c r="EV17" s="27">
        <v>99.636306628084</v>
      </c>
      <c r="EW17" s="27">
        <v>99.640954615134007</v>
      </c>
      <c r="EX17" s="27">
        <v>99.648268057940996</v>
      </c>
      <c r="EY17" s="27">
        <v>99.651048781100997</v>
      </c>
      <c r="EZ17" s="27">
        <v>99.666201917923004</v>
      </c>
      <c r="FA17" s="27">
        <v>99.722514837008006</v>
      </c>
      <c r="FB17" s="27">
        <v>99.823091222027003</v>
      </c>
      <c r="FC17" s="27">
        <v>99.950651568111994</v>
      </c>
      <c r="FD17" s="27">
        <v>100.088125640313</v>
      </c>
      <c r="FE17" s="27">
        <v>100.220157072153</v>
      </c>
      <c r="FF17" s="27">
        <v>100.337320364956</v>
      </c>
      <c r="FG17" s="27">
        <v>100.429341956665</v>
      </c>
      <c r="FH17" s="27">
        <v>100.50703801853901</v>
      </c>
      <c r="FI17" s="27">
        <v>100.574901307913</v>
      </c>
      <c r="FJ17" s="27">
        <v>100.64420141583901</v>
      </c>
      <c r="FK17" s="27">
        <v>100.71983452789701</v>
      </c>
      <c r="FL17" s="27">
        <v>100.795567858981</v>
      </c>
      <c r="FM17" s="27">
        <v>100.85713807785601</v>
      </c>
      <c r="FN17" s="27">
        <v>100.900837179013</v>
      </c>
      <c r="FO17" s="27">
        <v>100.932345881728</v>
      </c>
      <c r="FP17" s="27">
        <v>100.96187828238</v>
      </c>
      <c r="FQ17" s="27">
        <v>100.990219908527</v>
      </c>
      <c r="FR17" s="27">
        <v>101.02065878002099</v>
      </c>
      <c r="FS17" s="27">
        <v>101.04833672987201</v>
      </c>
      <c r="FT17" s="27">
        <v>101.061522687045</v>
      </c>
      <c r="FU17" s="27">
        <v>101.05799230370999</v>
      </c>
      <c r="FV17" s="27">
        <v>101.04732900096199</v>
      </c>
      <c r="FW17" s="27">
        <v>101.036989193507</v>
      </c>
      <c r="FX17" s="27">
        <v>101.038920538548</v>
      </c>
      <c r="FY17" s="27">
        <v>101.035587993097</v>
      </c>
      <c r="FZ17" s="27">
        <v>101.02035191521399</v>
      </c>
      <c r="GA17" s="27">
        <v>100.993389512416</v>
      </c>
      <c r="GB17" s="27">
        <v>100.942536377452</v>
      </c>
      <c r="GC17" s="27">
        <v>100.860670841282</v>
      </c>
      <c r="GD17" s="27">
        <v>100.73990183989601</v>
      </c>
      <c r="GE17" s="27">
        <v>100.575496381604</v>
      </c>
      <c r="GF17" s="27">
        <v>100.373549707922</v>
      </c>
      <c r="GG17" s="27">
        <v>100.148927388486</v>
      </c>
      <c r="GH17" s="27">
        <v>99.929187397540005</v>
      </c>
      <c r="GI17" s="27">
        <v>99.738431218535993</v>
      </c>
      <c r="GJ17" s="27">
        <v>99.561054777520994</v>
      </c>
      <c r="GK17" s="27">
        <v>99.384170347128006</v>
      </c>
      <c r="GL17" s="27">
        <v>99.226916345649997</v>
      </c>
      <c r="GM17" s="27">
        <v>99.133219075444998</v>
      </c>
      <c r="GN17" s="27">
        <v>99.112597953407999</v>
      </c>
      <c r="GO17" s="27">
        <v>99.131921822112005</v>
      </c>
      <c r="GP17" s="27">
        <v>99.16335385136</v>
      </c>
      <c r="GQ17" s="7">
        <v>99.198645418097001</v>
      </c>
      <c r="GR17" s="26">
        <f>+BIE_c20150909171933!GH17</f>
        <v>99.929187397540005</v>
      </c>
      <c r="GS17" s="26">
        <f>+BIE_c20150909171933!GI17</f>
        <v>99.738431218535993</v>
      </c>
      <c r="GT17" s="26">
        <f>+BIE_c20150909171933!GJ17</f>
        <v>99.561054777520994</v>
      </c>
      <c r="GU17" s="26">
        <f>+BIE_c20150909171933!GK17</f>
        <v>99.384170347128006</v>
      </c>
      <c r="GV17" s="26">
        <f>+BIE_c20150909171933!GR17</f>
        <v>0</v>
      </c>
      <c r="GW17" s="26">
        <f>+BIE_c20150909171933!GS17</f>
        <v>0</v>
      </c>
      <c r="GX17" s="26">
        <f>+BIE_c20150909171933!GT17</f>
        <v>0</v>
      </c>
      <c r="GY17" s="26">
        <f>+BIE_c20150909171933!GU17</f>
        <v>0</v>
      </c>
      <c r="GZ17" s="26">
        <f>+BIE_c20150909171933!GV17</f>
        <v>0</v>
      </c>
      <c r="HA17" s="26">
        <f>+BIE_c20150909171933!GW17</f>
        <v>0</v>
      </c>
      <c r="HB17" s="26">
        <f>+BIE_c20150909171933!GX17</f>
        <v>0</v>
      </c>
      <c r="HC17" s="26">
        <f>+BIE_c20150909171933!GY17</f>
        <v>0</v>
      </c>
      <c r="HD17" s="26">
        <f>+BIE_c20150909171933!GZ17</f>
        <v>0</v>
      </c>
      <c r="HE17" s="26">
        <f>+BIE_c20150909171933!HA17</f>
        <v>0</v>
      </c>
      <c r="HF17" s="26">
        <f>+BIE_c20150909171933!HB17</f>
        <v>0</v>
      </c>
      <c r="HG17" s="26">
        <f>+BIE_c20150909171933!HC17</f>
        <v>0</v>
      </c>
      <c r="HH17" s="26">
        <f>+BIE_c20150909171933!HD17</f>
        <v>0</v>
      </c>
      <c r="HI17" s="26">
        <f>+BIE_c20150909171933!HE17</f>
        <v>0</v>
      </c>
      <c r="HJ17" s="26">
        <f>+BIE_c20150909171933!HF17</f>
        <v>0</v>
      </c>
      <c r="HK17" s="26">
        <f>+BIE_c20150909171933!HG17</f>
        <v>0</v>
      </c>
      <c r="HL17" s="26">
        <f>+BIE_c20150909171933!HH17</f>
        <v>0</v>
      </c>
      <c r="HM17" s="25">
        <f>+BIE_c20150909171933!HK17</f>
        <v>0</v>
      </c>
      <c r="HN17" s="25">
        <f>+BIE_c20150909171933!HL17</f>
        <v>0</v>
      </c>
      <c r="HO17" s="25">
        <f>+BIE_c20150909171933!HM17</f>
        <v>0</v>
      </c>
      <c r="HP17" s="25">
        <f>+BIE_c20150909171933!HN17</f>
        <v>0</v>
      </c>
      <c r="HQ17" s="25">
        <f>+BIE_c20150909171933!HO17</f>
        <v>0</v>
      </c>
      <c r="HR17" s="25">
        <f>+BIE_c20150909171933!HP17</f>
        <v>0</v>
      </c>
      <c r="HS17" s="25">
        <f>+BIE_c20150909171933!HQ17</f>
        <v>0</v>
      </c>
      <c r="HT17" s="25">
        <f>+BIE_c20150909171933!HR17</f>
        <v>0</v>
      </c>
      <c r="HU17" s="25">
        <f>+BIE_c20150909171933!HS17</f>
        <v>0</v>
      </c>
      <c r="HV17" s="25">
        <f>+BIE_c20150909171933!HT17</f>
        <v>0</v>
      </c>
      <c r="HW17" s="25">
        <f>+BIE_c20150909171933!HU17</f>
        <v>0</v>
      </c>
      <c r="HX17" s="25">
        <f>+BIE_c20150909171933!HV17</f>
        <v>0</v>
      </c>
      <c r="HY17" s="25">
        <f>+BIE_c20150909171933!HW17</f>
        <v>0</v>
      </c>
      <c r="HZ17" s="25">
        <f>+BIE_c20150909171933!HX17</f>
        <v>0</v>
      </c>
      <c r="IA17" s="25">
        <f>+BIE_c20150909171933!HY17</f>
        <v>0</v>
      </c>
      <c r="IB17" s="25">
        <f>+BIE_c20150909171933!HZ17</f>
        <v>0</v>
      </c>
      <c r="IC17" s="25">
        <f>+BIE_c20150909171933!IA17</f>
        <v>0</v>
      </c>
      <c r="ID17" s="25">
        <f>+BIE_c20150909171933!IB17</f>
        <v>0</v>
      </c>
      <c r="IE17" s="25">
        <f>+BIE_c20150909171933!IC17</f>
        <v>0</v>
      </c>
      <c r="IF17" s="25">
        <f>+BIE_c20150909171933!ID17</f>
        <v>0</v>
      </c>
      <c r="IG17" s="25">
        <f>+BIE_c20150909171933!IE17</f>
        <v>0</v>
      </c>
      <c r="IH17" s="25">
        <f>+BIE_c20150909171933!IF17</f>
        <v>0</v>
      </c>
      <c r="II17" s="25">
        <f>+BIE_c20150909171933!IG17</f>
        <v>0</v>
      </c>
      <c r="IJ17" s="25">
        <f>+BIE_c20150909171933!IH17</f>
        <v>0</v>
      </c>
      <c r="IK17" s="25">
        <f>+BIE_c20150909171933!II17</f>
        <v>0</v>
      </c>
      <c r="IL17" s="25">
        <f>+BIE_c20150909171933!IJ17</f>
        <v>0</v>
      </c>
      <c r="IM17" s="25">
        <f>+BIE_c20150909171933!IK17</f>
        <v>0</v>
      </c>
      <c r="IN17" s="25">
        <f>+BIE_c20150909171933!IL17</f>
        <v>0</v>
      </c>
      <c r="IO17" s="25">
        <f>+BIE_c20150909171933!IM17</f>
        <v>0</v>
      </c>
      <c r="IP17" s="25">
        <f>+BIE_c20150909171933!IN17</f>
        <v>0</v>
      </c>
      <c r="IQ17" s="25">
        <f>+BIE_c20150909171933!IO17</f>
        <v>0</v>
      </c>
      <c r="IR17" s="25">
        <f>+BIE_c20150909171933!IP17</f>
        <v>0</v>
      </c>
      <c r="IS17" s="25">
        <f>+BIE_c20150909171933!IQ17</f>
        <v>0</v>
      </c>
      <c r="IT17" s="25">
        <f>+BIE_c20150909171933!IR17</f>
        <v>0</v>
      </c>
      <c r="IU17" s="25">
        <f>+BIE_c20150909171933!IS17</f>
        <v>0</v>
      </c>
      <c r="IV17" s="25">
        <f>+BIE_c20150909171933!IT17</f>
        <v>0</v>
      </c>
      <c r="IW17" s="25">
        <f>+BIE_c20150909171933!IU17</f>
        <v>0</v>
      </c>
      <c r="IX17" s="25">
        <f>+BIE_c20150909171933!IV17</f>
        <v>0</v>
      </c>
      <c r="IY17" s="25">
        <f>+BIE_c20150909171933!IW17</f>
        <v>0</v>
      </c>
      <c r="IZ17" s="25">
        <f>+BIE_c20150909171933!IX17</f>
        <v>0</v>
      </c>
      <c r="JA17" s="25">
        <f>+BIE_c20150909171933!IY17</f>
        <v>0</v>
      </c>
      <c r="JB17" s="25">
        <f>+BIE_c20150909171933!IZ17</f>
        <v>0</v>
      </c>
      <c r="JC17" s="25">
        <f>+BIE_c20150909171933!JA17</f>
        <v>0</v>
      </c>
      <c r="JD17" s="14"/>
    </row>
    <row r="18" spans="1:264" ht="30" x14ac:dyDescent="0.25">
      <c r="A18" s="6" t="s">
        <v>204</v>
      </c>
      <c r="B18" s="27"/>
      <c r="C18" s="27"/>
      <c r="D18" s="27"/>
      <c r="E18" s="27"/>
      <c r="F18" s="27"/>
      <c r="G18" s="27"/>
      <c r="H18" s="27"/>
      <c r="I18" s="27"/>
      <c r="J18" s="27"/>
      <c r="K18" s="27"/>
      <c r="L18" s="27"/>
      <c r="M18" s="27"/>
      <c r="N18" s="27"/>
      <c r="O18" s="27"/>
      <c r="P18" s="27"/>
      <c r="Q18" s="27"/>
      <c r="R18" s="27"/>
      <c r="S18" s="27"/>
      <c r="T18" s="27"/>
      <c r="U18" s="27"/>
      <c r="V18" s="27"/>
      <c r="W18" s="27"/>
      <c r="X18" s="27"/>
      <c r="Y18" s="27"/>
      <c r="Z18" s="27"/>
      <c r="AA18" s="27"/>
      <c r="AB18" s="27"/>
      <c r="AC18" s="27"/>
      <c r="AD18" s="27"/>
      <c r="AE18" s="27"/>
      <c r="AF18" s="27"/>
      <c r="AG18" s="27"/>
      <c r="AH18" s="27"/>
      <c r="AI18" s="27"/>
      <c r="AJ18" s="27"/>
      <c r="AK18" s="27"/>
      <c r="AL18" s="27"/>
      <c r="AM18" s="27"/>
      <c r="AN18" s="27"/>
      <c r="AO18" s="27"/>
      <c r="AP18" s="27"/>
      <c r="AQ18" s="27"/>
      <c r="AR18" s="27"/>
      <c r="AS18" s="27"/>
      <c r="AT18" s="27"/>
      <c r="AU18" s="27"/>
      <c r="AV18" s="27"/>
      <c r="AW18" s="27"/>
      <c r="AX18" s="27">
        <v>99.008693656480006</v>
      </c>
      <c r="AY18" s="27">
        <v>99.115155453162004</v>
      </c>
      <c r="AZ18" s="27">
        <v>99.226742952286997</v>
      </c>
      <c r="BA18" s="27">
        <v>99.361434859208003</v>
      </c>
      <c r="BB18" s="27">
        <v>99.494581554728995</v>
      </c>
      <c r="BC18" s="27">
        <v>99.606750995292003</v>
      </c>
      <c r="BD18" s="27">
        <v>99.690877000328996</v>
      </c>
      <c r="BE18" s="27">
        <v>99.751278767334995</v>
      </c>
      <c r="BF18" s="27">
        <v>99.793257559438004</v>
      </c>
      <c r="BG18" s="27">
        <v>99.823878234122006</v>
      </c>
      <c r="BH18" s="27">
        <v>99.854290253906001</v>
      </c>
      <c r="BI18" s="27">
        <v>99.883851027440002</v>
      </c>
      <c r="BJ18" s="27">
        <v>99.912801687555998</v>
      </c>
      <c r="BK18" s="27">
        <v>99.934881938016005</v>
      </c>
      <c r="BL18" s="27">
        <v>99.941171703053996</v>
      </c>
      <c r="BM18" s="27">
        <v>99.933884848708999</v>
      </c>
      <c r="BN18" s="27">
        <v>99.919675190074003</v>
      </c>
      <c r="BO18" s="27">
        <v>99.907197418766998</v>
      </c>
      <c r="BP18" s="27">
        <v>99.910356045013003</v>
      </c>
      <c r="BQ18" s="27">
        <v>99.943715192926007</v>
      </c>
      <c r="BR18" s="27">
        <v>100.01363619323099</v>
      </c>
      <c r="BS18" s="27">
        <v>100.112075785535</v>
      </c>
      <c r="BT18" s="27">
        <v>100.222516811083</v>
      </c>
      <c r="BU18" s="27">
        <v>100.335981437288</v>
      </c>
      <c r="BV18" s="27">
        <v>100.44298297944</v>
      </c>
      <c r="BW18" s="27">
        <v>100.54024393112999</v>
      </c>
      <c r="BX18" s="27">
        <v>100.63187081562</v>
      </c>
      <c r="BY18" s="27">
        <v>100.716577905164</v>
      </c>
      <c r="BZ18" s="27">
        <v>100.800433336765</v>
      </c>
      <c r="CA18" s="27">
        <v>100.89099152163899</v>
      </c>
      <c r="CB18" s="27">
        <v>100.98634551579801</v>
      </c>
      <c r="CC18" s="27">
        <v>101.078907654934</v>
      </c>
      <c r="CD18" s="27">
        <v>101.173061861885</v>
      </c>
      <c r="CE18" s="27">
        <v>101.27316331858199</v>
      </c>
      <c r="CF18" s="27">
        <v>101.39480360116001</v>
      </c>
      <c r="CG18" s="27">
        <v>101.539090858948</v>
      </c>
      <c r="CH18" s="27">
        <v>101.673627256231</v>
      </c>
      <c r="CI18" s="27">
        <v>101.77548602269</v>
      </c>
      <c r="CJ18" s="27">
        <v>101.826455544523</v>
      </c>
      <c r="CK18" s="27">
        <v>101.82899809353501</v>
      </c>
      <c r="CL18" s="27">
        <v>101.79628650148101</v>
      </c>
      <c r="CM18" s="27">
        <v>101.748032489561</v>
      </c>
      <c r="CN18" s="27">
        <v>101.696677265906</v>
      </c>
      <c r="CO18" s="27">
        <v>101.647172368379</v>
      </c>
      <c r="CP18" s="27">
        <v>101.593043683354</v>
      </c>
      <c r="CQ18" s="27">
        <v>101.530352491336</v>
      </c>
      <c r="CR18" s="27">
        <v>101.440866904834</v>
      </c>
      <c r="CS18" s="27">
        <v>101.303732524821</v>
      </c>
      <c r="CT18" s="27">
        <v>101.108830028006</v>
      </c>
      <c r="CU18" s="27">
        <v>100.85568974779299</v>
      </c>
      <c r="CV18" s="27">
        <v>100.569246431888</v>
      </c>
      <c r="CW18" s="27">
        <v>100.25901498519799</v>
      </c>
      <c r="CX18" s="27">
        <v>99.931607707428</v>
      </c>
      <c r="CY18" s="27">
        <v>99.552286361534996</v>
      </c>
      <c r="CZ18" s="27">
        <v>99.087000678368994</v>
      </c>
      <c r="DA18" s="27">
        <v>98.508467406999998</v>
      </c>
      <c r="DB18" s="27">
        <v>97.803129892932006</v>
      </c>
      <c r="DC18" s="27">
        <v>97.029099425435007</v>
      </c>
      <c r="DD18" s="27">
        <v>96.308475728114999</v>
      </c>
      <c r="DE18" s="27">
        <v>95.725886990044998</v>
      </c>
      <c r="DF18" s="27">
        <v>95.340850987321005</v>
      </c>
      <c r="DG18" s="27">
        <v>95.174071236906002</v>
      </c>
      <c r="DH18" s="27">
        <v>95.220034391482002</v>
      </c>
      <c r="DI18" s="27">
        <v>95.426845771695</v>
      </c>
      <c r="DJ18" s="27">
        <v>95.730775853587005</v>
      </c>
      <c r="DK18" s="27">
        <v>96.097739715136001</v>
      </c>
      <c r="DL18" s="27">
        <v>96.497336397135996</v>
      </c>
      <c r="DM18" s="27">
        <v>96.903321690563999</v>
      </c>
      <c r="DN18" s="27">
        <v>97.303843280704001</v>
      </c>
      <c r="DO18" s="27">
        <v>97.691762794289005</v>
      </c>
      <c r="DP18" s="27">
        <v>98.079807102700997</v>
      </c>
      <c r="DQ18" s="27">
        <v>98.494767877840999</v>
      </c>
      <c r="DR18" s="27">
        <v>98.944919594468004</v>
      </c>
      <c r="DS18" s="27">
        <v>99.440418401130998</v>
      </c>
      <c r="DT18" s="27">
        <v>99.955629448159002</v>
      </c>
      <c r="DU18" s="27">
        <v>100.442039870705</v>
      </c>
      <c r="DV18" s="27">
        <v>100.857786796063</v>
      </c>
      <c r="DW18" s="27">
        <v>101.18212532604301</v>
      </c>
      <c r="DX18" s="27">
        <v>101.418762995633</v>
      </c>
      <c r="DY18" s="27">
        <v>101.582580226199</v>
      </c>
      <c r="DZ18" s="27">
        <v>101.69344874757201</v>
      </c>
      <c r="EA18" s="27">
        <v>101.766350240421</v>
      </c>
      <c r="EB18" s="27">
        <v>101.80740321165101</v>
      </c>
      <c r="EC18" s="27">
        <v>101.814228951199</v>
      </c>
      <c r="ED18" s="27">
        <v>101.780376848177</v>
      </c>
      <c r="EE18" s="27">
        <v>101.704755437372</v>
      </c>
      <c r="EF18" s="27">
        <v>101.59325149645299</v>
      </c>
      <c r="EG18" s="27">
        <v>101.46215813879201</v>
      </c>
      <c r="EH18" s="27">
        <v>101.32498887324</v>
      </c>
      <c r="EI18" s="27">
        <v>101.177517064236</v>
      </c>
      <c r="EJ18" s="27">
        <v>101.017835981375</v>
      </c>
      <c r="EK18" s="27">
        <v>100.853007697537</v>
      </c>
      <c r="EL18" s="27">
        <v>100.711217057561</v>
      </c>
      <c r="EM18" s="27">
        <v>100.60423732523201</v>
      </c>
      <c r="EN18" s="27">
        <v>100.536320374171</v>
      </c>
      <c r="EO18" s="27">
        <v>100.493257295071</v>
      </c>
      <c r="EP18" s="27">
        <v>100.46627892659301</v>
      </c>
      <c r="EQ18" s="27">
        <v>100.43921819998999</v>
      </c>
      <c r="ER18" s="27">
        <v>100.400325745777</v>
      </c>
      <c r="ES18" s="27">
        <v>100.358493146905</v>
      </c>
      <c r="ET18" s="27">
        <v>100.335511564093</v>
      </c>
      <c r="EU18" s="27">
        <v>100.355643124761</v>
      </c>
      <c r="EV18" s="27">
        <v>100.423447161075</v>
      </c>
      <c r="EW18" s="27">
        <v>100.53093471134299</v>
      </c>
      <c r="EX18" s="27">
        <v>100.661031404024</v>
      </c>
      <c r="EY18" s="27">
        <v>100.801518921728</v>
      </c>
      <c r="EZ18" s="27">
        <v>100.937962498204</v>
      </c>
      <c r="FA18" s="27">
        <v>101.05587410433399</v>
      </c>
      <c r="FB18" s="27">
        <v>101.13906160719399</v>
      </c>
      <c r="FC18" s="27">
        <v>101.17430294972399</v>
      </c>
      <c r="FD18" s="27">
        <v>101.157896528191</v>
      </c>
      <c r="FE18" s="27">
        <v>101.09004869929301</v>
      </c>
      <c r="FF18" s="27">
        <v>100.97151981640501</v>
      </c>
      <c r="FG18" s="27">
        <v>100.802712473966</v>
      </c>
      <c r="FH18" s="27">
        <v>100.59312105556999</v>
      </c>
      <c r="FI18" s="27">
        <v>100.352440405057</v>
      </c>
      <c r="FJ18" s="27">
        <v>100.097454894178</v>
      </c>
      <c r="FK18" s="27">
        <v>99.873533659526004</v>
      </c>
      <c r="FL18" s="27">
        <v>99.717264996414997</v>
      </c>
      <c r="FM18" s="27">
        <v>99.642556664430998</v>
      </c>
      <c r="FN18" s="27">
        <v>99.632113693972002</v>
      </c>
      <c r="FO18" s="27">
        <v>99.670509906567005</v>
      </c>
      <c r="FP18" s="27">
        <v>99.737819276417</v>
      </c>
      <c r="FQ18" s="27">
        <v>99.819605940678002</v>
      </c>
      <c r="FR18" s="27">
        <v>99.910314397820002</v>
      </c>
      <c r="FS18" s="27">
        <v>100.009228421307</v>
      </c>
      <c r="FT18" s="27">
        <v>100.107152366726</v>
      </c>
      <c r="FU18" s="27">
        <v>100.18298984559</v>
      </c>
      <c r="FV18" s="27">
        <v>100.20744090628099</v>
      </c>
      <c r="FW18" s="27">
        <v>100.164768599342</v>
      </c>
      <c r="FX18" s="27">
        <v>100.05377609990801</v>
      </c>
      <c r="FY18" s="27">
        <v>99.903625829112002</v>
      </c>
      <c r="FZ18" s="27">
        <v>99.750038741579004</v>
      </c>
      <c r="GA18" s="27">
        <v>99.609191007525993</v>
      </c>
      <c r="GB18" s="27">
        <v>99.497260019379993</v>
      </c>
      <c r="GC18" s="27">
        <v>99.426769094538997</v>
      </c>
      <c r="GD18" s="27">
        <v>99.400597884004</v>
      </c>
      <c r="GE18" s="27">
        <v>99.408026388365997</v>
      </c>
      <c r="GF18" s="27">
        <v>99.439396483140996</v>
      </c>
      <c r="GG18" s="27">
        <v>99.492272979012</v>
      </c>
      <c r="GH18" s="27">
        <v>99.564554838231999</v>
      </c>
      <c r="GI18" s="27">
        <v>99.638577546611003</v>
      </c>
      <c r="GJ18" s="27">
        <v>99.680184095083007</v>
      </c>
      <c r="GK18" s="27">
        <v>99.679979821946006</v>
      </c>
      <c r="GL18" s="27">
        <v>99.647771073371004</v>
      </c>
      <c r="GM18" s="27">
        <v>99.614898347435997</v>
      </c>
      <c r="GN18" s="27">
        <v>99.610694070630004</v>
      </c>
      <c r="GO18" s="27">
        <v>99.641503439144998</v>
      </c>
      <c r="GP18" s="27">
        <v>99.688783929473004</v>
      </c>
      <c r="GQ18" s="7">
        <v>99.742324528729995</v>
      </c>
      <c r="GR18" s="26">
        <f>+BIE_c20150909171933!GH18</f>
        <v>99.564554838231999</v>
      </c>
      <c r="GS18" s="26">
        <f>+BIE_c20150909171933!GI18</f>
        <v>99.638577546611003</v>
      </c>
      <c r="GT18" s="26">
        <f>+BIE_c20150909171933!GJ18</f>
        <v>99.680184095083007</v>
      </c>
      <c r="GU18" s="26">
        <f>+BIE_c20150909171933!GK18</f>
        <v>99.679979821946006</v>
      </c>
      <c r="GV18" s="26">
        <f>+BIE_c20150909171933!GR18</f>
        <v>0</v>
      </c>
      <c r="GW18" s="26">
        <f>+BIE_c20150909171933!GS18</f>
        <v>0</v>
      </c>
      <c r="GX18" s="26">
        <f>+BIE_c20150909171933!GT18</f>
        <v>0</v>
      </c>
      <c r="GY18" s="26">
        <f>+BIE_c20150909171933!GU18</f>
        <v>0</v>
      </c>
      <c r="GZ18" s="26">
        <f>+BIE_c20150909171933!GV18</f>
        <v>0</v>
      </c>
      <c r="HA18" s="26">
        <f>+BIE_c20150909171933!GW18</f>
        <v>0</v>
      </c>
      <c r="HB18" s="26">
        <f>+BIE_c20150909171933!GX18</f>
        <v>0</v>
      </c>
      <c r="HC18" s="26">
        <f>+BIE_c20150909171933!GY18</f>
        <v>0</v>
      </c>
      <c r="HD18" s="26">
        <f>+BIE_c20150909171933!GZ18</f>
        <v>0</v>
      </c>
      <c r="HE18" s="26">
        <f>+BIE_c20150909171933!HA18</f>
        <v>0</v>
      </c>
      <c r="HF18" s="26">
        <f>+BIE_c20150909171933!HB18</f>
        <v>0</v>
      </c>
      <c r="HG18" s="26">
        <f>+BIE_c20150909171933!HC18</f>
        <v>0</v>
      </c>
      <c r="HH18" s="26">
        <f>+BIE_c20150909171933!HD18</f>
        <v>0</v>
      </c>
      <c r="HI18" s="26">
        <f>+BIE_c20150909171933!HE18</f>
        <v>0</v>
      </c>
      <c r="HJ18" s="26">
        <f>+BIE_c20150909171933!HF18</f>
        <v>0</v>
      </c>
      <c r="HK18" s="26">
        <f>+BIE_c20150909171933!HG18</f>
        <v>0</v>
      </c>
      <c r="HL18" s="26">
        <f>+BIE_c20150909171933!HH18</f>
        <v>0</v>
      </c>
      <c r="HM18" s="25">
        <f>+BIE_c20150909171933!HK18</f>
        <v>0</v>
      </c>
      <c r="HN18" s="25">
        <f>+BIE_c20150909171933!HL18</f>
        <v>0</v>
      </c>
      <c r="HO18" s="25">
        <f>+BIE_c20150909171933!HM18</f>
        <v>0</v>
      </c>
      <c r="HP18" s="25">
        <f>+BIE_c20150909171933!HN18</f>
        <v>0</v>
      </c>
      <c r="HQ18" s="25">
        <f>+BIE_c20150909171933!HO18</f>
        <v>0</v>
      </c>
      <c r="HR18" s="25">
        <f>+BIE_c20150909171933!HP18</f>
        <v>0</v>
      </c>
      <c r="HS18" s="25">
        <f>+BIE_c20150909171933!HQ18</f>
        <v>0</v>
      </c>
      <c r="HT18" s="25">
        <f>+BIE_c20150909171933!HR18</f>
        <v>0</v>
      </c>
      <c r="HU18" s="25">
        <f>+BIE_c20150909171933!HS18</f>
        <v>0</v>
      </c>
      <c r="HV18" s="25">
        <f>+BIE_c20150909171933!HT18</f>
        <v>0</v>
      </c>
      <c r="HW18" s="25">
        <f>+BIE_c20150909171933!HU18</f>
        <v>0</v>
      </c>
      <c r="HX18" s="25">
        <f>+BIE_c20150909171933!HV18</f>
        <v>0</v>
      </c>
      <c r="HY18" s="25">
        <f>+BIE_c20150909171933!HW18</f>
        <v>0</v>
      </c>
      <c r="HZ18" s="25">
        <f>+BIE_c20150909171933!HX18</f>
        <v>0</v>
      </c>
      <c r="IA18" s="25">
        <f>+BIE_c20150909171933!HY18</f>
        <v>0</v>
      </c>
      <c r="IB18" s="25">
        <f>+BIE_c20150909171933!HZ18</f>
        <v>0</v>
      </c>
      <c r="IC18" s="25">
        <f>+BIE_c20150909171933!IA18</f>
        <v>0</v>
      </c>
      <c r="ID18" s="25">
        <f>+BIE_c20150909171933!IB18</f>
        <v>0</v>
      </c>
      <c r="IE18" s="25">
        <f>+BIE_c20150909171933!IC18</f>
        <v>0</v>
      </c>
      <c r="IF18" s="25">
        <f>+BIE_c20150909171933!ID18</f>
        <v>0</v>
      </c>
      <c r="IG18" s="25">
        <f>+BIE_c20150909171933!IE18</f>
        <v>0</v>
      </c>
      <c r="IH18" s="25">
        <f>+BIE_c20150909171933!IF18</f>
        <v>0</v>
      </c>
      <c r="II18" s="25">
        <f>+BIE_c20150909171933!IG18</f>
        <v>0</v>
      </c>
      <c r="IJ18" s="25">
        <f>+BIE_c20150909171933!IH18</f>
        <v>0</v>
      </c>
      <c r="IK18" s="25">
        <f>+BIE_c20150909171933!II18</f>
        <v>0</v>
      </c>
      <c r="IL18" s="25">
        <f>+BIE_c20150909171933!IJ18</f>
        <v>0</v>
      </c>
      <c r="IM18" s="25">
        <f>+BIE_c20150909171933!IK18</f>
        <v>0</v>
      </c>
      <c r="IN18" s="25">
        <f>+BIE_c20150909171933!IL18</f>
        <v>0</v>
      </c>
      <c r="IO18" s="25">
        <f>+BIE_c20150909171933!IM18</f>
        <v>0</v>
      </c>
      <c r="IP18" s="25">
        <f>+BIE_c20150909171933!IN18</f>
        <v>0</v>
      </c>
      <c r="IQ18" s="25">
        <f>+BIE_c20150909171933!IO18</f>
        <v>0</v>
      </c>
      <c r="IR18" s="25">
        <f>+BIE_c20150909171933!IP18</f>
        <v>0</v>
      </c>
      <c r="IS18" s="25">
        <f>+BIE_c20150909171933!IQ18</f>
        <v>0</v>
      </c>
      <c r="IT18" s="25">
        <f>+BIE_c20150909171933!IR18</f>
        <v>0</v>
      </c>
      <c r="IU18" s="25">
        <f>+BIE_c20150909171933!IS18</f>
        <v>0</v>
      </c>
      <c r="IV18" s="25">
        <f>+BIE_c20150909171933!IT18</f>
        <v>0</v>
      </c>
      <c r="IW18" s="25">
        <f>+BIE_c20150909171933!IU18</f>
        <v>0</v>
      </c>
      <c r="IX18" s="25">
        <f>+BIE_c20150909171933!IV18</f>
        <v>0</v>
      </c>
      <c r="IY18" s="25">
        <f>+BIE_c20150909171933!IW18</f>
        <v>0</v>
      </c>
      <c r="IZ18" s="25">
        <f>+BIE_c20150909171933!IX18</f>
        <v>0</v>
      </c>
      <c r="JA18" s="25">
        <f>+BIE_c20150909171933!IY18</f>
        <v>0</v>
      </c>
      <c r="JB18" s="25">
        <f>+BIE_c20150909171933!IZ18</f>
        <v>0</v>
      </c>
      <c r="JC18" s="25">
        <f>+BIE_c20150909171933!JA18</f>
        <v>0</v>
      </c>
      <c r="JD18" s="14"/>
    </row>
    <row r="19" spans="1:264" ht="30.75" thickBot="1" x14ac:dyDescent="0.3">
      <c r="A19" s="8" t="s">
        <v>205</v>
      </c>
      <c r="B19" s="9"/>
      <c r="C19" s="9"/>
      <c r="D19" s="9"/>
      <c r="E19" s="9"/>
      <c r="F19" s="9"/>
      <c r="G19" s="9"/>
      <c r="H19" s="9"/>
      <c r="I19" s="9"/>
      <c r="J19" s="9"/>
      <c r="K19" s="9"/>
      <c r="L19" s="9"/>
      <c r="M19" s="9"/>
      <c r="N19" s="9"/>
      <c r="O19" s="9"/>
      <c r="P19" s="9"/>
      <c r="Q19" s="9">
        <v>101.66175301938</v>
      </c>
      <c r="R19" s="9">
        <v>101.52070237861101</v>
      </c>
      <c r="S19" s="9">
        <v>101.41122394099099</v>
      </c>
      <c r="T19" s="9">
        <v>101.318209644538</v>
      </c>
      <c r="U19" s="9">
        <v>101.16113552204</v>
      </c>
      <c r="V19" s="9">
        <v>100.87906023390499</v>
      </c>
      <c r="W19" s="9">
        <v>100.50624234051401</v>
      </c>
      <c r="X19" s="9">
        <v>100.092838067648</v>
      </c>
      <c r="Y19" s="9">
        <v>99.670183226773005</v>
      </c>
      <c r="Z19" s="9">
        <v>99.281699389050004</v>
      </c>
      <c r="AA19" s="9">
        <v>99.016724942110997</v>
      </c>
      <c r="AB19" s="9">
        <v>98.945122382460994</v>
      </c>
      <c r="AC19" s="9">
        <v>99.047123573901999</v>
      </c>
      <c r="AD19" s="9">
        <v>99.273607630810005</v>
      </c>
      <c r="AE19" s="9">
        <v>99.559663841862999</v>
      </c>
      <c r="AF19" s="9">
        <v>99.856049352217994</v>
      </c>
      <c r="AG19" s="9">
        <v>100.112704522882</v>
      </c>
      <c r="AH19" s="9">
        <v>100.28307226023</v>
      </c>
      <c r="AI19" s="9">
        <v>100.345602583681</v>
      </c>
      <c r="AJ19" s="9">
        <v>100.27328929965699</v>
      </c>
      <c r="AK19" s="9">
        <v>100.03891759096599</v>
      </c>
      <c r="AL19" s="9">
        <v>99.693339272713004</v>
      </c>
      <c r="AM19" s="9">
        <v>99.342848360960005</v>
      </c>
      <c r="AN19" s="9">
        <v>99.086506058211</v>
      </c>
      <c r="AO19" s="9">
        <v>98.986604942865</v>
      </c>
      <c r="AP19" s="9">
        <v>98.983556394478995</v>
      </c>
      <c r="AQ19" s="9">
        <v>99.023889791337993</v>
      </c>
      <c r="AR19" s="9">
        <v>99.056585252608002</v>
      </c>
      <c r="AS19" s="9">
        <v>99.056144065821002</v>
      </c>
      <c r="AT19" s="9">
        <v>99.023008028709995</v>
      </c>
      <c r="AU19" s="9">
        <v>98.969546193905003</v>
      </c>
      <c r="AV19" s="9">
        <v>98.901814868475</v>
      </c>
      <c r="AW19" s="9">
        <v>98.844739219963998</v>
      </c>
      <c r="AX19" s="9">
        <v>98.828226628723996</v>
      </c>
      <c r="AY19" s="9">
        <v>98.845065455935</v>
      </c>
      <c r="AZ19" s="9">
        <v>98.877909683400006</v>
      </c>
      <c r="BA19" s="9">
        <v>98.925026093656996</v>
      </c>
      <c r="BB19" s="9">
        <v>98.960498829551</v>
      </c>
      <c r="BC19" s="9">
        <v>98.964833211924002</v>
      </c>
      <c r="BD19" s="9">
        <v>98.951438761060004</v>
      </c>
      <c r="BE19" s="9">
        <v>98.975578071369995</v>
      </c>
      <c r="BF19" s="9">
        <v>99.081286771251996</v>
      </c>
      <c r="BG19" s="9">
        <v>99.261529460104995</v>
      </c>
      <c r="BH19" s="9">
        <v>99.505654907369006</v>
      </c>
      <c r="BI19" s="9">
        <v>99.775704415025004</v>
      </c>
      <c r="BJ19" s="9">
        <v>100.006683224669</v>
      </c>
      <c r="BK19" s="9">
        <v>100.134782529446</v>
      </c>
      <c r="BL19" s="9">
        <v>100.11805948044</v>
      </c>
      <c r="BM19" s="9">
        <v>100.007827524806</v>
      </c>
      <c r="BN19" s="9">
        <v>99.883395354767003</v>
      </c>
      <c r="BO19" s="9">
        <v>99.820044898332995</v>
      </c>
      <c r="BP19" s="9">
        <v>99.843171736464001</v>
      </c>
      <c r="BQ19" s="9">
        <v>99.971276504765001</v>
      </c>
      <c r="BR19" s="9">
        <v>100.21982211425799</v>
      </c>
      <c r="BS19" s="9">
        <v>100.54170259799901</v>
      </c>
      <c r="BT19" s="9">
        <v>100.889388959019</v>
      </c>
      <c r="BU19" s="9">
        <v>101.229877783842</v>
      </c>
      <c r="BV19" s="9">
        <v>101.537153913144</v>
      </c>
      <c r="BW19" s="9">
        <v>101.788714412742</v>
      </c>
      <c r="BX19" s="9">
        <v>101.965438780894</v>
      </c>
      <c r="BY19" s="9">
        <v>102.06584856403801</v>
      </c>
      <c r="BZ19" s="9">
        <v>102.11558220110901</v>
      </c>
      <c r="CA19" s="9">
        <v>102.141804503717</v>
      </c>
      <c r="CB19" s="9">
        <v>102.158959799149</v>
      </c>
      <c r="CC19" s="9">
        <v>102.15620241835499</v>
      </c>
      <c r="CD19" s="9">
        <v>102.131396638629</v>
      </c>
      <c r="CE19" s="9">
        <v>102.07615505698401</v>
      </c>
      <c r="CF19" s="9">
        <v>101.985821566479</v>
      </c>
      <c r="CG19" s="9">
        <v>101.88039118031899</v>
      </c>
      <c r="CH19" s="9">
        <v>101.789642512832</v>
      </c>
      <c r="CI19" s="9">
        <v>101.748571165657</v>
      </c>
      <c r="CJ19" s="9">
        <v>101.754482444432</v>
      </c>
      <c r="CK19" s="9">
        <v>101.78928763206299</v>
      </c>
      <c r="CL19" s="9">
        <v>101.82798808787599</v>
      </c>
      <c r="CM19" s="9">
        <v>101.85386284964601</v>
      </c>
      <c r="CN19" s="9">
        <v>101.865238837194</v>
      </c>
      <c r="CO19" s="9">
        <v>101.86159594944699</v>
      </c>
      <c r="CP19" s="9">
        <v>101.838911946471</v>
      </c>
      <c r="CQ19" s="9">
        <v>101.814239382688</v>
      </c>
      <c r="CR19" s="9">
        <v>101.786612329647</v>
      </c>
      <c r="CS19" s="9">
        <v>101.736046087245</v>
      </c>
      <c r="CT19" s="9">
        <v>101.622671023583</v>
      </c>
      <c r="CU19" s="9">
        <v>101.41372337360799</v>
      </c>
      <c r="CV19" s="9">
        <v>101.08862577756101</v>
      </c>
      <c r="CW19" s="9">
        <v>100.64892251083999</v>
      </c>
      <c r="CX19" s="9">
        <v>100.14066093578499</v>
      </c>
      <c r="CY19" s="9">
        <v>99.621017449077996</v>
      </c>
      <c r="CZ19" s="9">
        <v>99.138150169254999</v>
      </c>
      <c r="DA19" s="9">
        <v>98.715459559991004</v>
      </c>
      <c r="DB19" s="9">
        <v>98.347703951615998</v>
      </c>
      <c r="DC19" s="9">
        <v>98.032248560846995</v>
      </c>
      <c r="DD19" s="9">
        <v>97.773476475829</v>
      </c>
      <c r="DE19" s="9">
        <v>97.543759745524</v>
      </c>
      <c r="DF19" s="9">
        <v>97.356867497501995</v>
      </c>
      <c r="DG19" s="9">
        <v>97.231206862548007</v>
      </c>
      <c r="DH19" s="9">
        <v>97.178506962762995</v>
      </c>
      <c r="DI19" s="9">
        <v>97.187895787597995</v>
      </c>
      <c r="DJ19" s="9">
        <v>97.224483076127001</v>
      </c>
      <c r="DK19" s="9">
        <v>97.285163875386999</v>
      </c>
      <c r="DL19" s="9">
        <v>97.325085875225</v>
      </c>
      <c r="DM19" s="9">
        <v>97.304719388673007</v>
      </c>
      <c r="DN19" s="9">
        <v>97.265973949053006</v>
      </c>
      <c r="DO19" s="9">
        <v>97.248649763236003</v>
      </c>
      <c r="DP19" s="9">
        <v>97.291787649168995</v>
      </c>
      <c r="DQ19" s="9">
        <v>97.398282999360006</v>
      </c>
      <c r="DR19" s="9">
        <v>97.569581817753004</v>
      </c>
      <c r="DS19" s="9">
        <v>97.788433559569995</v>
      </c>
      <c r="DT19" s="9">
        <v>98.046124389360997</v>
      </c>
      <c r="DU19" s="9">
        <v>98.335854437229997</v>
      </c>
      <c r="DV19" s="9">
        <v>98.648946105175995</v>
      </c>
      <c r="DW19" s="9">
        <v>98.960829678053003</v>
      </c>
      <c r="DX19" s="9">
        <v>99.254936625884994</v>
      </c>
      <c r="DY19" s="9">
        <v>99.537261161586997</v>
      </c>
      <c r="DZ19" s="9">
        <v>99.796755035619</v>
      </c>
      <c r="EA19" s="9">
        <v>100.01229272873699</v>
      </c>
      <c r="EB19" s="9">
        <v>100.17844220597399</v>
      </c>
      <c r="EC19" s="9">
        <v>100.302752189636</v>
      </c>
      <c r="ED19" s="9">
        <v>100.38803928090999</v>
      </c>
      <c r="EE19" s="9">
        <v>100.431821154822</v>
      </c>
      <c r="EF19" s="9">
        <v>100.425027648439</v>
      </c>
      <c r="EG19" s="9">
        <v>100.39156597365</v>
      </c>
      <c r="EH19" s="9">
        <v>100.37070920456</v>
      </c>
      <c r="EI19" s="9">
        <v>100.371285675493</v>
      </c>
      <c r="EJ19" s="9">
        <v>100.370326204054</v>
      </c>
      <c r="EK19" s="9">
        <v>100.357929125816</v>
      </c>
      <c r="EL19" s="9">
        <v>100.348035208824</v>
      </c>
      <c r="EM19" s="9">
        <v>100.365598349328</v>
      </c>
      <c r="EN19" s="9">
        <v>100.423061581669</v>
      </c>
      <c r="EO19" s="9">
        <v>100.534156452793</v>
      </c>
      <c r="EP19" s="9">
        <v>100.693356608992</v>
      </c>
      <c r="EQ19" s="9">
        <v>100.85802257709901</v>
      </c>
      <c r="ER19" s="9">
        <v>101.000481511283</v>
      </c>
      <c r="ES19" s="9">
        <v>101.11019733896499</v>
      </c>
      <c r="ET19" s="9">
        <v>101.16580539031899</v>
      </c>
      <c r="EU19" s="9">
        <v>101.179639395235</v>
      </c>
      <c r="EV19" s="9">
        <v>101.181040905738</v>
      </c>
      <c r="EW19" s="9">
        <v>101.178583663243</v>
      </c>
      <c r="EX19" s="9">
        <v>101.187405003169</v>
      </c>
      <c r="EY19" s="9">
        <v>101.236482546592</v>
      </c>
      <c r="EZ19" s="9">
        <v>101.305471617791</v>
      </c>
      <c r="FA19" s="9">
        <v>101.37100749098499</v>
      </c>
      <c r="FB19" s="9">
        <v>101.38954223947</v>
      </c>
      <c r="FC19" s="9">
        <v>101.344832348808</v>
      </c>
      <c r="FD19" s="9">
        <v>101.252285735009</v>
      </c>
      <c r="FE19" s="9">
        <v>101.133876465448</v>
      </c>
      <c r="FF19" s="9">
        <v>101.00272429536901</v>
      </c>
      <c r="FG19" s="9">
        <v>100.86723834691399</v>
      </c>
      <c r="FH19" s="9">
        <v>100.72993709329999</v>
      </c>
      <c r="FI19" s="9">
        <v>100.54203158973201</v>
      </c>
      <c r="FJ19" s="9">
        <v>100.275635466418</v>
      </c>
      <c r="FK19" s="9">
        <v>99.957040566478994</v>
      </c>
      <c r="FL19" s="9">
        <v>99.628839584933004</v>
      </c>
      <c r="FM19" s="9">
        <v>99.346337646565004</v>
      </c>
      <c r="FN19" s="9">
        <v>99.156771780268997</v>
      </c>
      <c r="FO19" s="9">
        <v>99.108584960266001</v>
      </c>
      <c r="FP19" s="9">
        <v>99.168674256014</v>
      </c>
      <c r="FQ19" s="9">
        <v>99.275353924311005</v>
      </c>
      <c r="FR19" s="9">
        <v>99.385390853149005</v>
      </c>
      <c r="FS19" s="9">
        <v>99.486950308076999</v>
      </c>
      <c r="FT19" s="9">
        <v>99.592968863691993</v>
      </c>
      <c r="FU19" s="9">
        <v>99.714311500093999</v>
      </c>
      <c r="FV19" s="9">
        <v>99.847603012872995</v>
      </c>
      <c r="FW19" s="9">
        <v>99.969930461101995</v>
      </c>
      <c r="FX19" s="9">
        <v>100.0678351536</v>
      </c>
      <c r="FY19" s="9">
        <v>100.12379107530801</v>
      </c>
      <c r="FZ19" s="9">
        <v>100.14916903902299</v>
      </c>
      <c r="GA19" s="9">
        <v>100.16264180611699</v>
      </c>
      <c r="GB19" s="9">
        <v>100.154020457063</v>
      </c>
      <c r="GC19" s="9">
        <v>100.11915422190999</v>
      </c>
      <c r="GD19" s="9">
        <v>100.075449485367</v>
      </c>
      <c r="GE19" s="9">
        <v>100.03169853035</v>
      </c>
      <c r="GF19" s="9">
        <v>99.987795442760998</v>
      </c>
      <c r="GG19" s="9">
        <v>99.961704504126004</v>
      </c>
      <c r="GH19" s="9">
        <v>99.965092527820005</v>
      </c>
      <c r="GI19" s="9">
        <v>99.988229868226995</v>
      </c>
      <c r="GJ19" s="9">
        <v>100.002152115019</v>
      </c>
      <c r="GK19" s="9">
        <v>99.983515444093996</v>
      </c>
      <c r="GL19" s="9">
        <v>99.931700202740004</v>
      </c>
      <c r="GM19" s="9">
        <v>99.850874560896997</v>
      </c>
      <c r="GN19" s="9">
        <v>99.762794498518005</v>
      </c>
      <c r="GO19" s="9">
        <v>99.691462883457007</v>
      </c>
      <c r="GP19" s="9">
        <v>99.640680278949006</v>
      </c>
      <c r="GQ19" s="10"/>
      <c r="GR19" s="9">
        <f>+BIE_c20150909171933!GH19</f>
        <v>99.965092527820005</v>
      </c>
      <c r="GS19" s="9">
        <f>+BIE_c20150909171933!GI19</f>
        <v>99.988229868226995</v>
      </c>
      <c r="GT19" s="9">
        <f>+BIE_c20150909171933!GJ19</f>
        <v>100.002152115019</v>
      </c>
      <c r="GU19" s="9">
        <f>+BIE_c20150909171933!GK19</f>
        <v>99.983515444093996</v>
      </c>
      <c r="GV19" s="9">
        <f>+BIE_c20150909171933!GR19</f>
        <v>0</v>
      </c>
      <c r="GW19" s="9">
        <f>+BIE_c20150909171933!GS19</f>
        <v>0</v>
      </c>
      <c r="GX19" s="9">
        <f>+BIE_c20150909171933!GT19</f>
        <v>0</v>
      </c>
      <c r="GY19" s="9">
        <f>+BIE_c20150909171933!GU19</f>
        <v>0</v>
      </c>
      <c r="GZ19" s="9">
        <f>+BIE_c20150909171933!GV19</f>
        <v>0</v>
      </c>
      <c r="HA19" s="9">
        <f>+BIE_c20150909171933!GW19</f>
        <v>0</v>
      </c>
      <c r="HB19" s="9">
        <f>+BIE_c20150909171933!GX19</f>
        <v>0</v>
      </c>
      <c r="HC19" s="9">
        <f>+BIE_c20150909171933!GY19</f>
        <v>0</v>
      </c>
      <c r="HD19" s="9">
        <f>+BIE_c20150909171933!GZ19</f>
        <v>0</v>
      </c>
      <c r="HE19" s="9">
        <f>+BIE_c20150909171933!HA19</f>
        <v>0</v>
      </c>
      <c r="HF19" s="9">
        <f>+BIE_c20150909171933!HB19</f>
        <v>0</v>
      </c>
      <c r="HG19" s="9">
        <f>+BIE_c20150909171933!HC19</f>
        <v>0</v>
      </c>
      <c r="HH19" s="9">
        <f>+BIE_c20150909171933!HD19</f>
        <v>0</v>
      </c>
      <c r="HI19" s="9">
        <f>+BIE_c20150909171933!HE19</f>
        <v>0</v>
      </c>
      <c r="HJ19" s="9">
        <f>+BIE_c20150909171933!HF19</f>
        <v>0</v>
      </c>
      <c r="HK19" s="9">
        <f>+BIE_c20150909171933!HG19</f>
        <v>0</v>
      </c>
      <c r="HL19" s="9">
        <f>+BIE_c20150909171933!HH19</f>
        <v>0</v>
      </c>
      <c r="HM19" s="9">
        <f>+BIE_c20150909171933!HK19</f>
        <v>0</v>
      </c>
      <c r="HN19" s="9">
        <f>+BIE_c20150909171933!HL19</f>
        <v>0</v>
      </c>
      <c r="HO19" s="9">
        <f>+BIE_c20150909171933!HM19</f>
        <v>0</v>
      </c>
      <c r="HP19" s="9">
        <f>+BIE_c20150909171933!HN19</f>
        <v>0</v>
      </c>
      <c r="HQ19" s="9">
        <f>+BIE_c20150909171933!HO19</f>
        <v>0</v>
      </c>
      <c r="HR19" s="9">
        <f>+BIE_c20150909171933!HP19</f>
        <v>0</v>
      </c>
      <c r="HS19" s="9">
        <f>+BIE_c20150909171933!HQ19</f>
        <v>0</v>
      </c>
      <c r="HT19" s="9">
        <f>+BIE_c20150909171933!HR19</f>
        <v>0</v>
      </c>
      <c r="HU19" s="9">
        <f>+BIE_c20150909171933!HS19</f>
        <v>0</v>
      </c>
      <c r="HV19" s="9">
        <f>+BIE_c20150909171933!HT19</f>
        <v>0</v>
      </c>
      <c r="HW19" s="9">
        <f>+BIE_c20150909171933!HU19</f>
        <v>0</v>
      </c>
      <c r="HX19" s="9">
        <f>+BIE_c20150909171933!HV19</f>
        <v>0</v>
      </c>
      <c r="HY19" s="9">
        <f>+BIE_c20150909171933!HW19</f>
        <v>0</v>
      </c>
      <c r="HZ19" s="9">
        <f>+BIE_c20150909171933!HX19</f>
        <v>0</v>
      </c>
      <c r="IA19" s="9">
        <f>+BIE_c20150909171933!HY19</f>
        <v>0</v>
      </c>
      <c r="IB19" s="9">
        <f>+BIE_c20150909171933!HZ19</f>
        <v>0</v>
      </c>
      <c r="IC19" s="9">
        <f>+BIE_c20150909171933!IA19</f>
        <v>0</v>
      </c>
      <c r="ID19" s="9">
        <f>+BIE_c20150909171933!IB19</f>
        <v>0</v>
      </c>
      <c r="IE19" s="9">
        <f>+BIE_c20150909171933!IC19</f>
        <v>0</v>
      </c>
      <c r="IF19" s="9">
        <f>+BIE_c20150909171933!ID19</f>
        <v>0</v>
      </c>
      <c r="IG19" s="9">
        <f>+BIE_c20150909171933!IE19</f>
        <v>0</v>
      </c>
      <c r="IH19" s="9">
        <f>+BIE_c20150909171933!IF19</f>
        <v>0</v>
      </c>
      <c r="II19" s="9">
        <f>+BIE_c20150909171933!IG19</f>
        <v>0</v>
      </c>
      <c r="IJ19" s="9">
        <f>+BIE_c20150909171933!IH19</f>
        <v>0</v>
      </c>
      <c r="IK19" s="9">
        <f>+BIE_c20150909171933!II19</f>
        <v>0</v>
      </c>
      <c r="IL19" s="9">
        <f>+BIE_c20150909171933!IJ19</f>
        <v>0</v>
      </c>
      <c r="IM19" s="9">
        <f>+BIE_c20150909171933!IK19</f>
        <v>0</v>
      </c>
      <c r="IN19" s="9">
        <f>+BIE_c20150909171933!IL19</f>
        <v>0</v>
      </c>
      <c r="IO19" s="9">
        <f>+BIE_c20150909171933!IM19</f>
        <v>0</v>
      </c>
      <c r="IP19" s="9">
        <f>+BIE_c20150909171933!IN19</f>
        <v>0</v>
      </c>
      <c r="IQ19" s="9">
        <f>+BIE_c20150909171933!IO19</f>
        <v>0</v>
      </c>
      <c r="IR19" s="9">
        <f>+BIE_c20150909171933!IP19</f>
        <v>0</v>
      </c>
      <c r="IS19" s="9">
        <f>+BIE_c20150909171933!IQ19</f>
        <v>0</v>
      </c>
      <c r="IT19" s="9">
        <f>+BIE_c20150909171933!IR19</f>
        <v>0</v>
      </c>
      <c r="IU19" s="9">
        <f>+BIE_c20150909171933!IS19</f>
        <v>0</v>
      </c>
      <c r="IV19" s="9">
        <f>+BIE_c20150909171933!IT19</f>
        <v>0</v>
      </c>
      <c r="IW19" s="9">
        <f>+BIE_c20150909171933!IU19</f>
        <v>0</v>
      </c>
      <c r="IX19" s="9">
        <f>+BIE_c20150909171933!IV19</f>
        <v>0</v>
      </c>
      <c r="IY19" s="9">
        <f>+BIE_c20150909171933!IW19</f>
        <v>0</v>
      </c>
      <c r="IZ19" s="9">
        <f>+BIE_c20150909171933!IX19</f>
        <v>0</v>
      </c>
      <c r="JA19" s="9">
        <f>+BIE_c20150909171933!IY19</f>
        <v>0</v>
      </c>
      <c r="JB19" s="9">
        <f>+BIE_c20150909171933!IZ19</f>
        <v>0</v>
      </c>
      <c r="JC19" s="9">
        <f>+BIE_c20150909171933!JA19</f>
        <v>0</v>
      </c>
      <c r="JD19" s="14"/>
    </row>
    <row r="20" spans="1:264" x14ac:dyDescent="0.25">
      <c r="A20" s="28"/>
      <c r="B20" s="28"/>
      <c r="C20" s="28"/>
      <c r="D20" s="28"/>
      <c r="E20" s="28"/>
      <c r="F20" s="28"/>
      <c r="G20" s="28"/>
      <c r="H20" s="28"/>
      <c r="I20" s="28"/>
      <c r="J20" s="28"/>
      <c r="K20" s="28"/>
      <c r="L20" s="28"/>
      <c r="M20" s="28"/>
      <c r="N20" s="28"/>
      <c r="O20" s="28"/>
      <c r="P20" s="28"/>
      <c r="Q20" s="28"/>
    </row>
    <row r="21" spans="1:264" ht="15" customHeight="1" x14ac:dyDescent="0.25">
      <c r="A21" s="30" t="s">
        <v>206</v>
      </c>
      <c r="B21" s="30"/>
      <c r="C21" s="30"/>
      <c r="D21" s="30"/>
      <c r="E21" s="30"/>
      <c r="F21" s="30"/>
      <c r="G21" s="30"/>
      <c r="H21" s="30"/>
      <c r="I21" s="30"/>
      <c r="J21" s="30"/>
      <c r="K21" s="30"/>
      <c r="L21" s="30"/>
      <c r="M21" s="30"/>
      <c r="N21" s="30"/>
      <c r="O21" s="30"/>
      <c r="P21" s="30"/>
      <c r="Q21" s="30"/>
    </row>
    <row r="22" spans="1:264" ht="15" customHeight="1" x14ac:dyDescent="0.25">
      <c r="A22" s="30" t="s">
        <v>207</v>
      </c>
      <c r="B22" s="30"/>
      <c r="C22" s="30"/>
      <c r="D22" s="30"/>
      <c r="E22" s="30"/>
      <c r="F22" s="30"/>
      <c r="G22" s="30"/>
      <c r="H22" s="30"/>
      <c r="I22" s="30"/>
      <c r="J22" s="30"/>
      <c r="K22" s="30"/>
      <c r="L22" s="30"/>
      <c r="M22" s="30"/>
      <c r="N22" s="30"/>
      <c r="O22" s="30"/>
      <c r="P22" s="30"/>
      <c r="Q22" s="30"/>
    </row>
    <row r="23" spans="1:264" ht="15" customHeight="1" x14ac:dyDescent="0.25">
      <c r="A23" s="30" t="s">
        <v>208</v>
      </c>
      <c r="B23" s="30"/>
      <c r="C23" s="30"/>
      <c r="D23" s="30"/>
      <c r="E23" s="30"/>
      <c r="F23" s="30"/>
      <c r="G23" s="30"/>
      <c r="H23" s="30"/>
      <c r="I23" s="30"/>
      <c r="J23" s="30"/>
      <c r="K23" s="30"/>
      <c r="L23" s="30"/>
      <c r="M23" s="30"/>
      <c r="N23" s="30"/>
      <c r="O23" s="30"/>
      <c r="P23" s="30"/>
      <c r="Q23" s="30"/>
    </row>
    <row r="24" spans="1:264" ht="15" customHeight="1" x14ac:dyDescent="0.25">
      <c r="A24" s="27"/>
    </row>
    <row r="25" spans="1:264" ht="15" customHeight="1" x14ac:dyDescent="0.25">
      <c r="A25" s="29" t="s">
        <v>301</v>
      </c>
      <c r="B25" s="29"/>
    </row>
    <row r="26" spans="1:264" ht="15" customHeight="1" x14ac:dyDescent="0.25">
      <c r="A26" s="27"/>
    </row>
    <row r="29" spans="1:264" x14ac:dyDescent="0.25">
      <c r="A29" s="15"/>
      <c r="B29" t="s">
        <v>274</v>
      </c>
    </row>
    <row r="30" spans="1:264" x14ac:dyDescent="0.25">
      <c r="A30" s="16"/>
      <c r="B30" t="s">
        <v>275</v>
      </c>
    </row>
    <row r="31" spans="1:264" x14ac:dyDescent="0.25">
      <c r="A31" s="17"/>
      <c r="B31" t="s">
        <v>276</v>
      </c>
    </row>
    <row r="32" spans="1:264" x14ac:dyDescent="0.25">
      <c r="A32" s="18"/>
      <c r="B32" t="s">
        <v>296</v>
      </c>
    </row>
  </sheetData>
  <mergeCells count="7">
    <mergeCell ref="A1:Q1"/>
    <mergeCell ref="A2:Q2"/>
    <mergeCell ref="A20:Q20"/>
    <mergeCell ref="A21:Q21"/>
    <mergeCell ref="A22:Q22"/>
    <mergeCell ref="A23:Q23"/>
    <mergeCell ref="A25:B25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IT25"/>
  <sheetViews>
    <sheetView topLeftCell="GH1" zoomScale="85" zoomScaleNormal="85" workbookViewId="0">
      <selection activeCell="GK4" sqref="GK4:GQ19"/>
    </sheetView>
  </sheetViews>
  <sheetFormatPr baseColWidth="10" defaultColWidth="9.140625" defaultRowHeight="15" x14ac:dyDescent="0.25"/>
  <cols>
    <col min="1" max="1" width="205.140625" customWidth="1"/>
    <col min="2" max="50" width="12.7109375" bestFit="1" customWidth="1"/>
    <col min="51" max="51" width="12" bestFit="1" customWidth="1"/>
    <col min="52" max="189" width="12.7109375" bestFit="1" customWidth="1"/>
  </cols>
  <sheetData>
    <row r="1" spans="1:254" x14ac:dyDescent="0.25">
      <c r="A1" s="29"/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29"/>
      <c r="O1" s="29"/>
      <c r="P1" s="29"/>
      <c r="Q1" s="29"/>
    </row>
    <row r="2" spans="1:254" ht="15.75" thickBot="1" x14ac:dyDescent="0.3">
      <c r="A2" s="30" t="s">
        <v>0</v>
      </c>
      <c r="B2" s="30"/>
      <c r="C2" s="30"/>
      <c r="D2" s="30"/>
      <c r="E2" s="30"/>
      <c r="F2" s="30"/>
      <c r="G2" s="30"/>
      <c r="H2" s="30"/>
      <c r="I2" s="30"/>
      <c r="J2" s="30"/>
      <c r="K2" s="30"/>
      <c r="L2" s="30"/>
      <c r="M2" s="30"/>
      <c r="N2" s="30"/>
      <c r="O2" s="30"/>
      <c r="P2" s="30"/>
      <c r="Q2" s="30"/>
      <c r="IT2" s="13"/>
    </row>
    <row r="3" spans="1:254" x14ac:dyDescent="0.25">
      <c r="A3" s="3" t="s">
        <v>1</v>
      </c>
      <c r="B3" s="4" t="s">
        <v>2</v>
      </c>
      <c r="C3" s="4" t="s">
        <v>3</v>
      </c>
      <c r="D3" s="4" t="s">
        <v>4</v>
      </c>
      <c r="E3" s="4" t="s">
        <v>5</v>
      </c>
      <c r="F3" s="4" t="s">
        <v>6</v>
      </c>
      <c r="G3" s="4" t="s">
        <v>7</v>
      </c>
      <c r="H3" s="4" t="s">
        <v>8</v>
      </c>
      <c r="I3" s="4" t="s">
        <v>9</v>
      </c>
      <c r="J3" s="4" t="s">
        <v>10</v>
      </c>
      <c r="K3" s="4" t="s">
        <v>11</v>
      </c>
      <c r="L3" s="4" t="s">
        <v>12</v>
      </c>
      <c r="M3" s="4" t="s">
        <v>13</v>
      </c>
      <c r="N3" s="4" t="s">
        <v>14</v>
      </c>
      <c r="O3" s="4" t="s">
        <v>15</v>
      </c>
      <c r="P3" s="4" t="s">
        <v>16</v>
      </c>
      <c r="Q3" s="4" t="s">
        <v>17</v>
      </c>
      <c r="R3" s="4" t="s">
        <v>18</v>
      </c>
      <c r="S3" s="4" t="s">
        <v>19</v>
      </c>
      <c r="T3" s="4" t="s">
        <v>20</v>
      </c>
      <c r="U3" s="4" t="s">
        <v>21</v>
      </c>
      <c r="V3" s="4" t="s">
        <v>22</v>
      </c>
      <c r="W3" s="4" t="s">
        <v>23</v>
      </c>
      <c r="X3" s="4" t="s">
        <v>24</v>
      </c>
      <c r="Y3" s="4" t="s">
        <v>25</v>
      </c>
      <c r="Z3" s="4" t="s">
        <v>26</v>
      </c>
      <c r="AA3" s="4" t="s">
        <v>27</v>
      </c>
      <c r="AB3" s="4" t="s">
        <v>28</v>
      </c>
      <c r="AC3" s="4" t="s">
        <v>29</v>
      </c>
      <c r="AD3" s="4" t="s">
        <v>30</v>
      </c>
      <c r="AE3" s="4" t="s">
        <v>31</v>
      </c>
      <c r="AF3" s="4" t="s">
        <v>32</v>
      </c>
      <c r="AG3" s="4" t="s">
        <v>33</v>
      </c>
      <c r="AH3" s="4" t="s">
        <v>34</v>
      </c>
      <c r="AI3" s="4" t="s">
        <v>35</v>
      </c>
      <c r="AJ3" s="4" t="s">
        <v>36</v>
      </c>
      <c r="AK3" s="4" t="s">
        <v>37</v>
      </c>
      <c r="AL3" s="4" t="s">
        <v>38</v>
      </c>
      <c r="AM3" s="4" t="s">
        <v>39</v>
      </c>
      <c r="AN3" s="4" t="s">
        <v>40</v>
      </c>
      <c r="AO3" s="4" t="s">
        <v>41</v>
      </c>
      <c r="AP3" s="4" t="s">
        <v>42</v>
      </c>
      <c r="AQ3" s="4" t="s">
        <v>43</v>
      </c>
      <c r="AR3" s="4" t="s">
        <v>44</v>
      </c>
      <c r="AS3" s="4" t="s">
        <v>45</v>
      </c>
      <c r="AT3" s="4" t="s">
        <v>46</v>
      </c>
      <c r="AU3" s="4" t="s">
        <v>47</v>
      </c>
      <c r="AV3" s="4" t="s">
        <v>48</v>
      </c>
      <c r="AW3" s="4" t="s">
        <v>49</v>
      </c>
      <c r="AX3" s="4" t="s">
        <v>50</v>
      </c>
      <c r="AY3" s="4" t="s">
        <v>51</v>
      </c>
      <c r="AZ3" s="4" t="s">
        <v>52</v>
      </c>
      <c r="BA3" s="4" t="s">
        <v>53</v>
      </c>
      <c r="BB3" s="4" t="s">
        <v>54</v>
      </c>
      <c r="BC3" s="4" t="s">
        <v>55</v>
      </c>
      <c r="BD3" s="4" t="s">
        <v>56</v>
      </c>
      <c r="BE3" s="4" t="s">
        <v>57</v>
      </c>
      <c r="BF3" s="4" t="s">
        <v>58</v>
      </c>
      <c r="BG3" s="4" t="s">
        <v>59</v>
      </c>
      <c r="BH3" s="4" t="s">
        <v>60</v>
      </c>
      <c r="BI3" s="4" t="s">
        <v>61</v>
      </c>
      <c r="BJ3" s="4" t="s">
        <v>62</v>
      </c>
      <c r="BK3" s="4" t="s">
        <v>63</v>
      </c>
      <c r="BL3" s="4" t="s">
        <v>64</v>
      </c>
      <c r="BM3" s="4" t="s">
        <v>65</v>
      </c>
      <c r="BN3" s="4" t="s">
        <v>66</v>
      </c>
      <c r="BO3" s="4" t="s">
        <v>67</v>
      </c>
      <c r="BP3" s="4" t="s">
        <v>68</v>
      </c>
      <c r="BQ3" s="4" t="s">
        <v>69</v>
      </c>
      <c r="BR3" s="4" t="s">
        <v>70</v>
      </c>
      <c r="BS3" s="4" t="s">
        <v>71</v>
      </c>
      <c r="BT3" s="4" t="s">
        <v>72</v>
      </c>
      <c r="BU3" s="4" t="s">
        <v>73</v>
      </c>
      <c r="BV3" s="4" t="s">
        <v>74</v>
      </c>
      <c r="BW3" s="4" t="s">
        <v>75</v>
      </c>
      <c r="BX3" s="4" t="s">
        <v>76</v>
      </c>
      <c r="BY3" s="4" t="s">
        <v>77</v>
      </c>
      <c r="BZ3" s="4" t="s">
        <v>78</v>
      </c>
      <c r="CA3" s="4" t="s">
        <v>79</v>
      </c>
      <c r="CB3" s="4" t="s">
        <v>80</v>
      </c>
      <c r="CC3" s="4" t="s">
        <v>81</v>
      </c>
      <c r="CD3" s="4" t="s">
        <v>82</v>
      </c>
      <c r="CE3" s="4" t="s">
        <v>83</v>
      </c>
      <c r="CF3" s="4" t="s">
        <v>84</v>
      </c>
      <c r="CG3" s="4" t="s">
        <v>85</v>
      </c>
      <c r="CH3" s="4" t="s">
        <v>86</v>
      </c>
      <c r="CI3" s="4" t="s">
        <v>87</v>
      </c>
      <c r="CJ3" s="4" t="s">
        <v>88</v>
      </c>
      <c r="CK3" s="4" t="s">
        <v>89</v>
      </c>
      <c r="CL3" s="4" t="s">
        <v>90</v>
      </c>
      <c r="CM3" s="4" t="s">
        <v>91</v>
      </c>
      <c r="CN3" s="4" t="s">
        <v>92</v>
      </c>
      <c r="CO3" s="4" t="s">
        <v>93</v>
      </c>
      <c r="CP3" s="4" t="s">
        <v>94</v>
      </c>
      <c r="CQ3" s="4" t="s">
        <v>95</v>
      </c>
      <c r="CR3" s="4" t="s">
        <v>96</v>
      </c>
      <c r="CS3" s="4" t="s">
        <v>97</v>
      </c>
      <c r="CT3" s="4" t="s">
        <v>98</v>
      </c>
      <c r="CU3" s="4" t="s">
        <v>99</v>
      </c>
      <c r="CV3" s="4" t="s">
        <v>100</v>
      </c>
      <c r="CW3" s="4" t="s">
        <v>101</v>
      </c>
      <c r="CX3" s="4" t="s">
        <v>102</v>
      </c>
      <c r="CY3" s="4" t="s">
        <v>103</v>
      </c>
      <c r="CZ3" s="4" t="s">
        <v>104</v>
      </c>
      <c r="DA3" s="4" t="s">
        <v>105</v>
      </c>
      <c r="DB3" s="4" t="s">
        <v>106</v>
      </c>
      <c r="DC3" s="4" t="s">
        <v>107</v>
      </c>
      <c r="DD3" s="4" t="s">
        <v>108</v>
      </c>
      <c r="DE3" s="4" t="s">
        <v>109</v>
      </c>
      <c r="DF3" s="4" t="s">
        <v>110</v>
      </c>
      <c r="DG3" s="4" t="s">
        <v>111</v>
      </c>
      <c r="DH3" s="4" t="s">
        <v>112</v>
      </c>
      <c r="DI3" s="4" t="s">
        <v>113</v>
      </c>
      <c r="DJ3" s="4" t="s">
        <v>114</v>
      </c>
      <c r="DK3" s="4" t="s">
        <v>115</v>
      </c>
      <c r="DL3" s="4" t="s">
        <v>116</v>
      </c>
      <c r="DM3" s="4" t="s">
        <v>117</v>
      </c>
      <c r="DN3" s="4" t="s">
        <v>118</v>
      </c>
      <c r="DO3" s="4" t="s">
        <v>119</v>
      </c>
      <c r="DP3" s="4" t="s">
        <v>120</v>
      </c>
      <c r="DQ3" s="4" t="s">
        <v>121</v>
      </c>
      <c r="DR3" s="4" t="s">
        <v>122</v>
      </c>
      <c r="DS3" s="4" t="s">
        <v>123</v>
      </c>
      <c r="DT3" s="4" t="s">
        <v>124</v>
      </c>
      <c r="DU3" s="4" t="s">
        <v>125</v>
      </c>
      <c r="DV3" s="4" t="s">
        <v>126</v>
      </c>
      <c r="DW3" s="4" t="s">
        <v>127</v>
      </c>
      <c r="DX3" s="4" t="s">
        <v>128</v>
      </c>
      <c r="DY3" s="4" t="s">
        <v>129</v>
      </c>
      <c r="DZ3" s="4" t="s">
        <v>130</v>
      </c>
      <c r="EA3" s="4" t="s">
        <v>131</v>
      </c>
      <c r="EB3" s="4" t="s">
        <v>132</v>
      </c>
      <c r="EC3" s="4" t="s">
        <v>133</v>
      </c>
      <c r="ED3" s="4" t="s">
        <v>134</v>
      </c>
      <c r="EE3" s="4" t="s">
        <v>135</v>
      </c>
      <c r="EF3" s="4" t="s">
        <v>136</v>
      </c>
      <c r="EG3" s="4" t="s">
        <v>137</v>
      </c>
      <c r="EH3" s="4" t="s">
        <v>138</v>
      </c>
      <c r="EI3" s="4" t="s">
        <v>139</v>
      </c>
      <c r="EJ3" s="4" t="s">
        <v>140</v>
      </c>
      <c r="EK3" s="4" t="s">
        <v>141</v>
      </c>
      <c r="EL3" s="4" t="s">
        <v>142</v>
      </c>
      <c r="EM3" s="4" t="s">
        <v>143</v>
      </c>
      <c r="EN3" s="4" t="s">
        <v>144</v>
      </c>
      <c r="EO3" s="4" t="s">
        <v>145</v>
      </c>
      <c r="EP3" s="4" t="s">
        <v>146</v>
      </c>
      <c r="EQ3" s="4" t="s">
        <v>147</v>
      </c>
      <c r="ER3" s="4" t="s">
        <v>148</v>
      </c>
      <c r="ES3" s="4" t="s">
        <v>149</v>
      </c>
      <c r="ET3" s="4" t="s">
        <v>150</v>
      </c>
      <c r="EU3" s="4" t="s">
        <v>151</v>
      </c>
      <c r="EV3" s="4" t="s">
        <v>152</v>
      </c>
      <c r="EW3" s="4" t="s">
        <v>153</v>
      </c>
      <c r="EX3" s="4" t="s">
        <v>154</v>
      </c>
      <c r="EY3" s="4" t="s">
        <v>155</v>
      </c>
      <c r="EZ3" s="4" t="s">
        <v>156</v>
      </c>
      <c r="FA3" s="4" t="s">
        <v>157</v>
      </c>
      <c r="FB3" s="4" t="s">
        <v>158</v>
      </c>
      <c r="FC3" s="4" t="s">
        <v>159</v>
      </c>
      <c r="FD3" s="4" t="s">
        <v>160</v>
      </c>
      <c r="FE3" s="4" t="s">
        <v>161</v>
      </c>
      <c r="FF3" s="4" t="s">
        <v>162</v>
      </c>
      <c r="FG3" s="4" t="s">
        <v>163</v>
      </c>
      <c r="FH3" s="4" t="s">
        <v>164</v>
      </c>
      <c r="FI3" s="4" t="s">
        <v>165</v>
      </c>
      <c r="FJ3" s="4" t="s">
        <v>166</v>
      </c>
      <c r="FK3" s="4" t="s">
        <v>167</v>
      </c>
      <c r="FL3" s="4" t="s">
        <v>168</v>
      </c>
      <c r="FM3" s="4" t="s">
        <v>169</v>
      </c>
      <c r="FN3" s="4" t="s">
        <v>170</v>
      </c>
      <c r="FO3" s="4" t="s">
        <v>171</v>
      </c>
      <c r="FP3" s="4" t="s">
        <v>172</v>
      </c>
      <c r="FQ3" s="4" t="s">
        <v>173</v>
      </c>
      <c r="FR3" s="4" t="s">
        <v>174</v>
      </c>
      <c r="FS3" s="4" t="s">
        <v>175</v>
      </c>
      <c r="FT3" s="4" t="s">
        <v>176</v>
      </c>
      <c r="FU3" s="4" t="s">
        <v>177</v>
      </c>
      <c r="FV3" s="4" t="s">
        <v>178</v>
      </c>
      <c r="FW3" s="4" t="s">
        <v>179</v>
      </c>
      <c r="FX3" s="4" t="s">
        <v>180</v>
      </c>
      <c r="FY3" s="4" t="s">
        <v>181</v>
      </c>
      <c r="FZ3" s="4" t="s">
        <v>182</v>
      </c>
      <c r="GA3" s="4" t="s">
        <v>183</v>
      </c>
      <c r="GB3" s="4" t="s">
        <v>184</v>
      </c>
      <c r="GC3" s="4" t="s">
        <v>185</v>
      </c>
      <c r="GD3" s="4" t="s">
        <v>186</v>
      </c>
      <c r="GE3" s="4" t="s">
        <v>187</v>
      </c>
      <c r="GF3" s="4" t="s">
        <v>188</v>
      </c>
      <c r="GG3" s="4" t="s">
        <v>189</v>
      </c>
      <c r="GH3" s="4" t="s">
        <v>210</v>
      </c>
      <c r="GI3" s="4" t="s">
        <v>211</v>
      </c>
      <c r="GJ3" s="4" t="s">
        <v>212</v>
      </c>
      <c r="GK3" s="4" t="s">
        <v>213</v>
      </c>
      <c r="GL3" s="4" t="s">
        <v>214</v>
      </c>
      <c r="GM3" s="4" t="s">
        <v>215</v>
      </c>
      <c r="GN3" s="4" t="s">
        <v>216</v>
      </c>
      <c r="GO3" s="4" t="s">
        <v>217</v>
      </c>
      <c r="GP3" s="4" t="s">
        <v>218</v>
      </c>
      <c r="GQ3" s="4" t="s">
        <v>219</v>
      </c>
      <c r="GR3" s="4" t="s">
        <v>220</v>
      </c>
      <c r="GS3" s="4" t="s">
        <v>221</v>
      </c>
      <c r="GT3" s="4" t="s">
        <v>222</v>
      </c>
      <c r="GU3" s="4" t="s">
        <v>223</v>
      </c>
      <c r="GV3" s="4" t="s">
        <v>224</v>
      </c>
      <c r="GW3" s="4" t="s">
        <v>225</v>
      </c>
      <c r="GX3" s="4" t="s">
        <v>226</v>
      </c>
      <c r="GY3" s="4" t="s">
        <v>227</v>
      </c>
      <c r="GZ3" s="4" t="s">
        <v>228</v>
      </c>
      <c r="HA3" s="4" t="s">
        <v>229</v>
      </c>
      <c r="HB3" s="4" t="s">
        <v>230</v>
      </c>
      <c r="HC3" s="4" t="s">
        <v>231</v>
      </c>
      <c r="HD3" s="4" t="s">
        <v>232</v>
      </c>
      <c r="HE3" s="4" t="s">
        <v>233</v>
      </c>
      <c r="HF3" s="4" t="s">
        <v>234</v>
      </c>
      <c r="HG3" s="4" t="s">
        <v>235</v>
      </c>
      <c r="HH3" s="4" t="s">
        <v>236</v>
      </c>
      <c r="HI3" s="4" t="s">
        <v>237</v>
      </c>
      <c r="HJ3" s="4" t="s">
        <v>238</v>
      </c>
      <c r="HK3" s="4" t="s">
        <v>239</v>
      </c>
      <c r="HL3" s="4" t="s">
        <v>240</v>
      </c>
      <c r="HM3" s="4" t="s">
        <v>241</v>
      </c>
      <c r="HN3" s="4" t="s">
        <v>242</v>
      </c>
      <c r="HO3" s="4" t="s">
        <v>243</v>
      </c>
      <c r="HP3" s="4" t="s">
        <v>244</v>
      </c>
      <c r="HQ3" s="4" t="s">
        <v>245</v>
      </c>
      <c r="HR3" s="4" t="s">
        <v>246</v>
      </c>
      <c r="HS3" s="4" t="s">
        <v>247</v>
      </c>
      <c r="HT3" s="4" t="s">
        <v>248</v>
      </c>
      <c r="HU3" s="4" t="s">
        <v>249</v>
      </c>
      <c r="HV3" s="4" t="s">
        <v>250</v>
      </c>
      <c r="HW3" s="4" t="s">
        <v>251</v>
      </c>
      <c r="HX3" s="4" t="s">
        <v>252</v>
      </c>
      <c r="HY3" s="4" t="s">
        <v>253</v>
      </c>
      <c r="HZ3" s="4" t="s">
        <v>254</v>
      </c>
      <c r="IA3" s="4" t="s">
        <v>255</v>
      </c>
      <c r="IB3" s="4" t="s">
        <v>256</v>
      </c>
      <c r="IC3" s="4" t="s">
        <v>257</v>
      </c>
      <c r="ID3" s="4" t="s">
        <v>258</v>
      </c>
      <c r="IE3" s="4" t="s">
        <v>259</v>
      </c>
      <c r="IF3" s="4" t="s">
        <v>260</v>
      </c>
      <c r="IG3" s="4" t="s">
        <v>261</v>
      </c>
      <c r="IH3" s="4" t="s">
        <v>262</v>
      </c>
      <c r="II3" s="4" t="s">
        <v>263</v>
      </c>
      <c r="IJ3" s="4" t="s">
        <v>264</v>
      </c>
      <c r="IK3" s="4" t="s">
        <v>265</v>
      </c>
      <c r="IL3" s="4" t="s">
        <v>266</v>
      </c>
      <c r="IM3" s="4" t="s">
        <v>267</v>
      </c>
      <c r="IN3" s="4" t="s">
        <v>268</v>
      </c>
      <c r="IO3" s="4" t="s">
        <v>269</v>
      </c>
      <c r="IP3" s="4" t="s">
        <v>270</v>
      </c>
      <c r="IQ3" s="4" t="s">
        <v>271</v>
      </c>
      <c r="IR3" s="4" t="s">
        <v>272</v>
      </c>
      <c r="IS3" s="4" t="s">
        <v>273</v>
      </c>
      <c r="IT3" s="14"/>
    </row>
    <row r="4" spans="1:254" x14ac:dyDescent="0.25">
      <c r="A4" s="11" t="s">
        <v>294</v>
      </c>
      <c r="B4" s="2">
        <f>+BIE_c20150910131257!B4</f>
        <v>0.13833171040200001</v>
      </c>
      <c r="C4" s="2">
        <f>+BIE_c20150910131257!C4</f>
        <v>0.132132631339</v>
      </c>
      <c r="D4" s="2">
        <f>+BIE_c20150910131257!D4</f>
        <v>0.12701196508199999</v>
      </c>
      <c r="E4" s="2">
        <f>+BIE_c20150910131257!E4</f>
        <v>0.13092102506</v>
      </c>
      <c r="F4" s="2">
        <f>+BIE_c20150910131257!F4</f>
        <v>0.135098813372</v>
      </c>
      <c r="G4" s="2">
        <f>+BIE_c20150910131257!G4</f>
        <v>0.12038086094</v>
      </c>
      <c r="H4" s="2">
        <f>+BIE_c20150910131257!H4</f>
        <v>8.1944154946000006E-2</v>
      </c>
      <c r="I4" s="2">
        <f>+BIE_c20150910131257!I4</f>
        <v>3.5388874425000001E-2</v>
      </c>
      <c r="J4" s="2">
        <f>+BIE_c20150910131257!J4</f>
        <v>-1.2233972674000001E-2</v>
      </c>
      <c r="K4" s="2">
        <f>+BIE_c20150910131257!K4</f>
        <v>-6.5908550383000003E-2</v>
      </c>
      <c r="L4" s="2">
        <f>+BIE_c20150910131257!L4</f>
        <v>-0.130759045213</v>
      </c>
      <c r="M4" s="2">
        <f>+BIE_c20150910131257!M4</f>
        <v>-0.17872426025900001</v>
      </c>
      <c r="N4" s="2">
        <f>+BIE_c20150910131257!N4</f>
        <v>-0.19881592651499999</v>
      </c>
      <c r="O4" s="2">
        <f>+BIE_c20150910131257!O4</f>
        <v>-0.197110556243</v>
      </c>
      <c r="P4" s="2">
        <f>+BIE_c20150910131257!P4</f>
        <v>-0.17602997124600001</v>
      </c>
      <c r="Q4" s="2">
        <f>+BIE_c20150910131257!Q4</f>
        <v>-0.15918473858900001</v>
      </c>
      <c r="R4" s="2">
        <f>+BIE_c20150910131257!R4</f>
        <v>-0.13883568558100001</v>
      </c>
      <c r="S4" s="2">
        <f>+BIE_c20150910131257!S4</f>
        <v>-0.11619442485799999</v>
      </c>
      <c r="T4" s="2">
        <f>+BIE_c20150910131257!T4</f>
        <v>-0.11122435725300001</v>
      </c>
      <c r="U4" s="2">
        <f>+BIE_c20150910131257!U4</f>
        <v>-0.121180262261</v>
      </c>
      <c r="V4" s="2">
        <f>+BIE_c20150910131257!V4</f>
        <v>-0.14262233088599999</v>
      </c>
      <c r="W4" s="2">
        <f>+BIE_c20150910131257!W4</f>
        <v>-0.15751919319999999</v>
      </c>
      <c r="X4" s="2">
        <f>+BIE_c20150910131257!X4</f>
        <v>-0.149052904761</v>
      </c>
      <c r="Y4" s="2">
        <f>+BIE_c20150910131257!Y4</f>
        <v>-0.13699902009100001</v>
      </c>
      <c r="Z4" s="2">
        <f>+BIE_c20150910131257!Z4</f>
        <v>-0.105955547692</v>
      </c>
      <c r="AA4" s="2">
        <f>+BIE_c20150910131257!AA4</f>
        <v>-5.7793783069000002E-2</v>
      </c>
      <c r="AB4" s="2">
        <f>+BIE_c20150910131257!AB4</f>
        <v>-1.8242550443000001E-2</v>
      </c>
      <c r="AC4" s="2">
        <f>+BIE_c20150910131257!AC4</f>
        <v>6.9328084689999998E-3</v>
      </c>
      <c r="AD4" s="2">
        <f>+BIE_c20150910131257!AD4</f>
        <v>1.3460712296E-2</v>
      </c>
      <c r="AE4" s="2">
        <f>+BIE_c20150910131257!AE4</f>
        <v>7.1258085179999996E-3</v>
      </c>
      <c r="AF4" s="2">
        <f>+BIE_c20150910131257!AF4</f>
        <v>-5.18538974E-3</v>
      </c>
      <c r="AG4" s="2">
        <f>+BIE_c20150910131257!AG4</f>
        <v>-1.5162004547999999E-2</v>
      </c>
      <c r="AH4" s="2">
        <f>+BIE_c20150910131257!AH4</f>
        <v>-2.8117267541E-2</v>
      </c>
      <c r="AI4" s="2">
        <f>+BIE_c20150910131257!AI4</f>
        <v>-3.6663203068E-2</v>
      </c>
      <c r="AJ4" s="2">
        <f>+BIE_c20150910131257!AJ4</f>
        <v>-4.9602057674E-2</v>
      </c>
      <c r="AK4" s="2">
        <f>+BIE_c20150910131257!AK4</f>
        <v>-5.8409266404000001E-2</v>
      </c>
      <c r="AL4" s="2">
        <f>+BIE_c20150910131257!AL4</f>
        <v>-7.5544101321000007E-2</v>
      </c>
      <c r="AM4" s="2">
        <f>+BIE_c20150910131257!AM4</f>
        <v>-9.2457551196999999E-2</v>
      </c>
      <c r="AN4" s="2">
        <f>+BIE_c20150910131257!AN4</f>
        <v>-0.113462308855</v>
      </c>
      <c r="AO4" s="2">
        <f>+BIE_c20150910131257!AO4</f>
        <v>-0.12575364523499999</v>
      </c>
      <c r="AP4" s="2">
        <f>+BIE_c20150910131257!AP4</f>
        <v>-0.13075020967199999</v>
      </c>
      <c r="AQ4" s="2">
        <f>+BIE_c20150910131257!AQ4</f>
        <v>-0.127772241506</v>
      </c>
      <c r="AR4" s="2">
        <f>+BIE_c20150910131257!AR4</f>
        <v>-0.11039561591499999</v>
      </c>
      <c r="AS4" s="2">
        <f>+BIE_c20150910131257!AS4</f>
        <v>-7.6961238343000005E-2</v>
      </c>
      <c r="AT4" s="2">
        <f>+BIE_c20150910131257!AT4</f>
        <v>-2.2172658862999999E-2</v>
      </c>
      <c r="AU4" s="2">
        <f>+BIE_c20150910131257!AU4</f>
        <v>3.5954688429000001E-2</v>
      </c>
      <c r="AV4" s="2">
        <f>+BIE_c20150910131257!AV4</f>
        <v>8.4383585117999996E-2</v>
      </c>
      <c r="AW4" s="2">
        <f>+BIE_c20150910131257!AW4</f>
        <v>0.118147713958</v>
      </c>
      <c r="AX4" s="2">
        <f>+BIE_c20150910131257!AX4</f>
        <v>0.12457011379000001</v>
      </c>
      <c r="AY4" s="2">
        <f>+BIE_c20150910131257!AY4</f>
        <v>0.115027770515</v>
      </c>
      <c r="AZ4" s="2">
        <f>+BIE_c20150910131257!AZ4</f>
        <v>9.6755097420999997E-2</v>
      </c>
      <c r="BA4" s="2">
        <f>+BIE_c20150910131257!BA4</f>
        <v>6.9653130233999994E-2</v>
      </c>
      <c r="BB4" s="2">
        <f>+BIE_c20150910131257!BB4</f>
        <v>4.2803357331999997E-2</v>
      </c>
      <c r="BC4" s="2">
        <f>+BIE_c20150910131257!BC4</f>
        <v>2.3621825677999999E-2</v>
      </c>
      <c r="BD4" s="2">
        <f>+BIE_c20150910131257!BD4</f>
        <v>2.4104537398999999E-2</v>
      </c>
      <c r="BE4" s="2">
        <f>+BIE_c20150910131257!BE4</f>
        <v>3.5119078194000002E-2</v>
      </c>
      <c r="BF4" s="2">
        <f>+BIE_c20150910131257!BF4</f>
        <v>6.0522940855999997E-2</v>
      </c>
      <c r="BG4" s="2">
        <f>+BIE_c20150910131257!BG4</f>
        <v>7.5147016620000007E-2</v>
      </c>
      <c r="BH4" s="2">
        <f>+BIE_c20150910131257!BH4</f>
        <v>7.0176881768999999E-2</v>
      </c>
      <c r="BI4" s="2">
        <f>+BIE_c20150910131257!BI4</f>
        <v>5.5371645022000003E-2</v>
      </c>
      <c r="BJ4" s="2">
        <f>+BIE_c20150910131257!BJ4</f>
        <v>4.0707234701000003E-2</v>
      </c>
      <c r="BK4" s="2">
        <f>+BIE_c20150910131257!BK4</f>
        <v>2.2893567114E-2</v>
      </c>
      <c r="BL4" s="2">
        <f>+BIE_c20150910131257!BL4</f>
        <v>8.4985587299999995E-3</v>
      </c>
      <c r="BM4" s="2">
        <f>+BIE_c20150910131257!BM4</f>
        <v>-3.1306725799999999E-4</v>
      </c>
      <c r="BN4" s="2">
        <f>+BIE_c20150910131257!BN4</f>
        <v>3.4626292170000001E-3</v>
      </c>
      <c r="BO4" s="2">
        <f>+BIE_c20150910131257!BO4</f>
        <v>1.7318923189999998E-2</v>
      </c>
      <c r="BP4" s="2">
        <f>+BIE_c20150910131257!BP4</f>
        <v>5.7263587711999998E-2</v>
      </c>
      <c r="BQ4" s="2">
        <f>+BIE_c20150910131257!BQ4</f>
        <v>0.113422637438</v>
      </c>
      <c r="BR4" s="2">
        <f>+BIE_c20150910131257!BR4</f>
        <v>0.146290942896</v>
      </c>
      <c r="BS4" s="2">
        <f>+BIE_c20150910131257!BS4</f>
        <v>0.15805766768099999</v>
      </c>
      <c r="BT4" s="2">
        <f>+BIE_c20150910131257!BT4</f>
        <v>0.159839105979</v>
      </c>
      <c r="BU4" s="2">
        <f>+BIE_c20150910131257!BU4</f>
        <v>0.14159894734100001</v>
      </c>
      <c r="BV4" s="2">
        <f>+BIE_c20150910131257!BV4</f>
        <v>0.11542088525499999</v>
      </c>
      <c r="BW4" s="2">
        <f>+BIE_c20150910131257!BW4</f>
        <v>9.2075298902999994E-2</v>
      </c>
      <c r="BX4" s="2">
        <f>+BIE_c20150910131257!BX4</f>
        <v>7.9841215780000002E-2</v>
      </c>
      <c r="BY4" s="2">
        <f>+BIE_c20150910131257!BY4</f>
        <v>6.4761124776999995E-2</v>
      </c>
      <c r="BZ4" s="2">
        <f>+BIE_c20150910131257!BZ4</f>
        <v>4.0189715346999999E-2</v>
      </c>
      <c r="CA4" s="2">
        <f>+BIE_c20150910131257!CA4</f>
        <v>6.8025180249999999E-3</v>
      </c>
      <c r="CB4" s="2">
        <f>+BIE_c20150910131257!CB4</f>
        <v>-1.1084465648000001E-2</v>
      </c>
      <c r="CC4" s="2">
        <f>+BIE_c20150910131257!CC4</f>
        <v>-1.6478688206999999E-2</v>
      </c>
      <c r="CD4" s="2">
        <f>+BIE_c20150910131257!CD4</f>
        <v>-2.3047421259E-2</v>
      </c>
      <c r="CE4" s="2">
        <f>+BIE_c20150910131257!CE4</f>
        <v>-2.2134567418E-2</v>
      </c>
      <c r="CF4" s="2">
        <f>+BIE_c20150910131257!CF4</f>
        <v>-1.0709741237E-2</v>
      </c>
      <c r="CG4" s="2">
        <f>+BIE_c20150910131257!CG4</f>
        <v>1.1461159165E-2</v>
      </c>
      <c r="CH4" s="2">
        <f>+BIE_c20150910131257!CH4</f>
        <v>3.7789021839999999E-2</v>
      </c>
      <c r="CI4" s="2">
        <f>+BIE_c20150910131257!CI4</f>
        <v>6.4562584648999999E-2</v>
      </c>
      <c r="CJ4" s="2">
        <f>+BIE_c20150910131257!CJ4</f>
        <v>8.3630626710000003E-2</v>
      </c>
      <c r="CK4" s="2">
        <f>+BIE_c20150910131257!CK4</f>
        <v>9.4621058320999998E-2</v>
      </c>
      <c r="CL4" s="2">
        <f>+BIE_c20150910131257!CL4</f>
        <v>9.3550760263999999E-2</v>
      </c>
      <c r="CM4" s="2">
        <f>+BIE_c20150910131257!CM4</f>
        <v>8.1794220929000003E-2</v>
      </c>
      <c r="CN4" s="2">
        <f>+BIE_c20150910131257!CN4</f>
        <v>6.3780015863E-2</v>
      </c>
      <c r="CO4" s="2">
        <f>+BIE_c20150910131257!CO4</f>
        <v>4.4499703109999997E-2</v>
      </c>
      <c r="CP4" s="2">
        <f>+BIE_c20150910131257!CP4</f>
        <v>3.3920222815999997E-2</v>
      </c>
      <c r="CQ4" s="2">
        <f>+BIE_c20150910131257!CQ4</f>
        <v>3.2109021490999999E-2</v>
      </c>
      <c r="CR4" s="2">
        <f>+BIE_c20150910131257!CR4</f>
        <v>3.9798102745000001E-2</v>
      </c>
      <c r="CS4" s="2">
        <f>+BIE_c20150910131257!CS4</f>
        <v>5.3519217197999999E-2</v>
      </c>
      <c r="CT4" s="2">
        <f>+BIE_c20150910131257!CT4</f>
        <v>6.4937682174999997E-2</v>
      </c>
      <c r="CU4" s="2">
        <f>+BIE_c20150910131257!CU4</f>
        <v>6.5041122053E-2</v>
      </c>
      <c r="CV4" s="2">
        <f>+BIE_c20150910131257!CV4</f>
        <v>5.4168351761000003E-2</v>
      </c>
      <c r="CW4" s="2">
        <f>+BIE_c20150910131257!CW4</f>
        <v>3.1559021489999999E-2</v>
      </c>
      <c r="CX4" s="2">
        <f>+BIE_c20150910131257!CX4</f>
        <v>-1.0374608162999999E-2</v>
      </c>
      <c r="CY4" s="2">
        <f>+BIE_c20150910131257!CY4</f>
        <v>-7.4596448777999994E-2</v>
      </c>
      <c r="CZ4" s="2">
        <f>+BIE_c20150910131257!CZ4</f>
        <v>-0.160905394649</v>
      </c>
      <c r="DA4" s="2">
        <f>+BIE_c20150910131257!DA4</f>
        <v>-0.25682120516599999</v>
      </c>
      <c r="DB4" s="2">
        <f>+BIE_c20150910131257!DB4</f>
        <v>-0.354651084156</v>
      </c>
      <c r="DC4" s="2">
        <f>+BIE_c20150910131257!DC4</f>
        <v>-0.44432008752000002</v>
      </c>
      <c r="DD4" s="2">
        <f>+BIE_c20150910131257!DD4</f>
        <v>-0.51457035145999996</v>
      </c>
      <c r="DE4" s="2">
        <f>+BIE_c20150910131257!DE4</f>
        <v>-0.53806356402599997</v>
      </c>
      <c r="DF4" s="2">
        <f>+BIE_c20150910131257!DF4</f>
        <v>-0.50812800412900005</v>
      </c>
      <c r="DG4" s="2">
        <f>+BIE_c20150910131257!DG4</f>
        <v>-0.43713144343299998</v>
      </c>
      <c r="DH4" s="2">
        <f>+BIE_c20150910131257!DH4</f>
        <v>-0.35115685049500001</v>
      </c>
      <c r="DI4" s="2">
        <f>+BIE_c20150910131257!DI4</f>
        <v>-0.25487274532400001</v>
      </c>
      <c r="DJ4" s="2">
        <f>+BIE_c20150910131257!DJ4</f>
        <v>-0.14878015352000001</v>
      </c>
      <c r="DK4" s="2">
        <f>+BIE_c20150910131257!DK4</f>
        <v>-4.1499032966999999E-2</v>
      </c>
      <c r="DL4" s="2">
        <f>+BIE_c20150910131257!DL4</f>
        <v>3.4180699023999998E-2</v>
      </c>
      <c r="DM4" s="2">
        <f>+BIE_c20150910131257!DM4</f>
        <v>8.7643225855000007E-2</v>
      </c>
      <c r="DN4" s="2">
        <f>+BIE_c20150910131257!DN4</f>
        <v>0.13706964175200001</v>
      </c>
      <c r="DO4" s="2">
        <f>+BIE_c20150910131257!DO4</f>
        <v>0.17981363579199999</v>
      </c>
      <c r="DP4" s="2">
        <f>+BIE_c20150910131257!DP4</f>
        <v>0.20154993065099999</v>
      </c>
      <c r="DQ4" s="2">
        <f>+BIE_c20150910131257!DQ4</f>
        <v>0.19468292637500001</v>
      </c>
      <c r="DR4" s="2">
        <f>+BIE_c20150910131257!DR4</f>
        <v>0.17958680168300001</v>
      </c>
      <c r="DS4" s="2">
        <f>+BIE_c20150910131257!DS4</f>
        <v>0.171530378643</v>
      </c>
      <c r="DT4" s="2">
        <f>+BIE_c20150910131257!DT4</f>
        <v>0.155458479229</v>
      </c>
      <c r="DU4" s="2">
        <f>+BIE_c20150910131257!DU4</f>
        <v>0.12979331972700001</v>
      </c>
      <c r="DV4" s="2">
        <f>+BIE_c20150910131257!DV4</f>
        <v>0.103584137567</v>
      </c>
      <c r="DW4" s="2">
        <f>+BIE_c20150910131257!DW4</f>
        <v>8.0277796319999997E-2</v>
      </c>
      <c r="DX4" s="2">
        <f>+BIE_c20150910131257!DX4</f>
        <v>6.9343804704000006E-2</v>
      </c>
      <c r="DY4" s="2">
        <f>+BIE_c20150910131257!DY4</f>
        <v>5.6433780830000002E-2</v>
      </c>
      <c r="DZ4" s="2">
        <f>+BIE_c20150910131257!DZ4</f>
        <v>3.5538318944000002E-2</v>
      </c>
      <c r="EA4" s="2">
        <f>+BIE_c20150910131257!EA4</f>
        <v>3.2555675059999997E-2</v>
      </c>
      <c r="EB4" s="2">
        <f>+BIE_c20150910131257!EB4</f>
        <v>4.3082562493E-2</v>
      </c>
      <c r="EC4" s="2">
        <f>+BIE_c20150910131257!EC4</f>
        <v>6.4696202785999996E-2</v>
      </c>
      <c r="ED4" s="2">
        <f>+BIE_c20150910131257!ED4</f>
        <v>8.1025337039000001E-2</v>
      </c>
      <c r="EE4" s="2">
        <f>+BIE_c20150910131257!EE4</f>
        <v>8.2164255726000002E-2</v>
      </c>
      <c r="EF4" s="2">
        <f>+BIE_c20150910131257!EF4</f>
        <v>8.0689187265999995E-2</v>
      </c>
      <c r="EG4" s="2">
        <f>+BIE_c20150910131257!EG4</f>
        <v>7.1137360492000007E-2</v>
      </c>
      <c r="EH4" s="2">
        <f>+BIE_c20150910131257!EH4</f>
        <v>5.5348909001E-2</v>
      </c>
      <c r="EI4" s="2">
        <f>+BIE_c20150910131257!EI4</f>
        <v>4.6603594751000003E-2</v>
      </c>
      <c r="EJ4" s="2">
        <f>+BIE_c20150910131257!EJ4</f>
        <v>4.8527875370000001E-2</v>
      </c>
      <c r="EK4" s="2">
        <f>+BIE_c20150910131257!EK4</f>
        <v>5.5650467395E-2</v>
      </c>
      <c r="EL4" s="2">
        <f>+BIE_c20150910131257!EL4</f>
        <v>6.4390876395999996E-2</v>
      </c>
      <c r="EM4" s="2">
        <f>+BIE_c20150910131257!EM4</f>
        <v>6.5075132044000006E-2</v>
      </c>
      <c r="EN4" s="2">
        <f>+BIE_c20150910131257!EN4</f>
        <v>6.479839607E-2</v>
      </c>
      <c r="EO4" s="2">
        <f>+BIE_c20150910131257!EO4</f>
        <v>6.7649629954000007E-2</v>
      </c>
      <c r="EP4" s="2">
        <f>+BIE_c20150910131257!EP4</f>
        <v>6.0749016362000002E-2</v>
      </c>
      <c r="EQ4" s="2">
        <f>+BIE_c20150910131257!EQ4</f>
        <v>4.9948371611999998E-2</v>
      </c>
      <c r="ER4" s="2">
        <f>+BIE_c20150910131257!ER4</f>
        <v>4.3420436026000001E-2</v>
      </c>
      <c r="ES4" s="2">
        <f>+BIE_c20150910131257!ES4</f>
        <v>3.3085184939999998E-2</v>
      </c>
      <c r="ET4" s="2">
        <f>+BIE_c20150910131257!ET4</f>
        <v>1.6248649197999999E-2</v>
      </c>
      <c r="EU4" s="2">
        <f>+BIE_c20150910131257!EU4</f>
        <v>2.6691435300000002E-3</v>
      </c>
      <c r="EV4" s="2">
        <f>+BIE_c20150910131257!EV4</f>
        <v>-1.3115753254000001E-2</v>
      </c>
      <c r="EW4" s="2">
        <f>+BIE_c20150910131257!EW4</f>
        <v>-2.4934648274999999E-2</v>
      </c>
      <c r="EX4" s="2">
        <f>+BIE_c20150910131257!EX4</f>
        <v>-3.280489726E-2</v>
      </c>
      <c r="EY4" s="2">
        <f>+BIE_c20150910131257!EY4</f>
        <v>-4.9089881895999998E-2</v>
      </c>
      <c r="EZ4" s="2">
        <f>+BIE_c20150910131257!EZ4</f>
        <v>-5.9708628569999998E-2</v>
      </c>
      <c r="FA4" s="2">
        <f>+BIE_c20150910131257!FA4</f>
        <v>-7.0672297196000003E-2</v>
      </c>
      <c r="FB4" s="2">
        <f>+BIE_c20150910131257!FB4</f>
        <v>-6.4264167592999993E-2</v>
      </c>
      <c r="FC4" s="2">
        <f>+BIE_c20150910131257!FC4</f>
        <v>-5.4375643751E-2</v>
      </c>
      <c r="FD4" s="2">
        <f>+BIE_c20150910131257!FD4</f>
        <v>-5.0532845904999998E-2</v>
      </c>
      <c r="FE4" s="2">
        <f>+BIE_c20150910131257!FE4</f>
        <v>-4.6412766089000003E-2</v>
      </c>
      <c r="FF4" s="2">
        <f>+BIE_c20150910131257!FF4</f>
        <v>-3.1480671749000003E-2</v>
      </c>
      <c r="FG4" s="2">
        <f>+BIE_c20150910131257!FG4</f>
        <v>-2.7503092808999999E-2</v>
      </c>
      <c r="FH4" s="2">
        <f>+BIE_c20150910131257!FH4</f>
        <v>-2.5395470133999998E-2</v>
      </c>
      <c r="FI4" s="2">
        <f>+BIE_c20150910131257!FI4</f>
        <v>-2.9927154125000001E-2</v>
      </c>
      <c r="FJ4" s="2">
        <f>+BIE_c20150910131257!FJ4</f>
        <v>-3.0221900034999999E-2</v>
      </c>
      <c r="FK4" s="2">
        <f>+BIE_c20150910131257!FK4</f>
        <v>-2.3660983611000001E-2</v>
      </c>
      <c r="FL4" s="2">
        <f>+BIE_c20150910131257!FL4</f>
        <v>-2.053997841E-2</v>
      </c>
      <c r="FM4" s="2">
        <f>+BIE_c20150910131257!FM4</f>
        <v>-2.6261930937000001E-2</v>
      </c>
      <c r="FN4" s="2">
        <f>+BIE_c20150910131257!FN4</f>
        <v>-2.1612081052E-2</v>
      </c>
      <c r="FO4" s="2">
        <f>+BIE_c20150910131257!FO4</f>
        <v>-7.4589378770000001E-3</v>
      </c>
      <c r="FP4" s="2">
        <f>+BIE_c20150910131257!FP4</f>
        <v>6.1600368270000004E-3</v>
      </c>
      <c r="FQ4" s="2">
        <f>+BIE_c20150910131257!FQ4</f>
        <v>2.1231852454E-2</v>
      </c>
      <c r="FR4" s="2">
        <f>+BIE_c20150910131257!FR4</f>
        <v>2.8928958596999999E-2</v>
      </c>
      <c r="FS4" s="2">
        <f>+BIE_c20150910131257!FS4</f>
        <v>2.618334353E-2</v>
      </c>
      <c r="FT4" s="2">
        <f>+BIE_c20150910131257!FT4</f>
        <v>2.3874478276000002E-2</v>
      </c>
      <c r="FU4" s="2">
        <f>+BIE_c20150910131257!FU4</f>
        <v>2.9996666035000001E-2</v>
      </c>
      <c r="FV4" s="2">
        <f>+BIE_c20150910131257!FV4</f>
        <v>3.6329413854999999E-2</v>
      </c>
      <c r="FW4" s="2">
        <f>+BIE_c20150910131257!FW4</f>
        <v>4.1692391122000003E-2</v>
      </c>
      <c r="FX4" s="2">
        <f>+BIE_c20150910131257!FX4</f>
        <v>3.8986149987E-2</v>
      </c>
      <c r="FY4" s="2">
        <f>+BIE_c20150910131257!FY4</f>
        <v>2.4204835163999999E-2</v>
      </c>
      <c r="FZ4" s="2">
        <f>+BIE_c20150910131257!FZ4</f>
        <v>4.5403780369999997E-3</v>
      </c>
      <c r="GA4" s="2">
        <f>+BIE_c20150910131257!GA4</f>
        <v>-5.8478209119999999E-3</v>
      </c>
      <c r="GB4" s="2">
        <f>+BIE_c20150910131257!GB4</f>
        <v>-5.9542985630000001E-3</v>
      </c>
      <c r="GC4" s="25">
        <f>+BIE_c20150910131257!GC4</f>
        <v>-3.7311798689999998E-3</v>
      </c>
      <c r="GD4" s="25">
        <f>+BIE_c20150910131257!GD4</f>
        <v>-1.1318913129999999E-3</v>
      </c>
      <c r="GE4" s="25">
        <f>+BIE_c20150910131257!GE4</f>
        <v>9.2121445060000008E-3</v>
      </c>
      <c r="GF4" s="25">
        <f>+BIE_c20150910131257!GF4</f>
        <v>1.0143540253000001E-2</v>
      </c>
      <c r="GG4" s="26">
        <f>+BIE_c20150910131257!GG4</f>
        <v>3.6069308060000002E-3</v>
      </c>
      <c r="GH4" s="26">
        <f>+BIE_c20150910131257!GH4</f>
        <v>-5.3139903039999999E-3</v>
      </c>
      <c r="GI4" s="26">
        <f>+BIE_c20150910131257!GI4</f>
        <v>-1.090350235E-2</v>
      </c>
      <c r="GJ4" s="26">
        <f>+BIE_c20150910131257!GJ4</f>
        <v>-1.4417623737E-2</v>
      </c>
      <c r="GK4" s="26">
        <f>+BIE_c20150910131257!GK4</f>
        <v>-1.8870910511E-2</v>
      </c>
      <c r="GL4" s="27">
        <f>+BIE_c20150910131257!GL4</f>
        <v>-1.7190823527999999E-2</v>
      </c>
      <c r="GM4" s="27">
        <f>+BIE_c20150910131257!GM4</f>
        <v>-3.2256442865999997E-2</v>
      </c>
      <c r="GN4" s="27">
        <f>+BIE_c20150910131257!GN4</f>
        <v>-5.1845430986000002E-2</v>
      </c>
      <c r="GO4" s="27">
        <f>+BIE_c20150910131257!GO4</f>
        <v>-7.3634966097000001E-2</v>
      </c>
      <c r="GP4" s="27">
        <f>+BIE_c20150910131257!GP4</f>
        <v>0</v>
      </c>
      <c r="GQ4" s="27">
        <f>+BIE_c20150910131257!GQ4</f>
        <v>0</v>
      </c>
      <c r="GR4" s="27">
        <f>+BIE_c20150910131257!GR4</f>
        <v>0</v>
      </c>
      <c r="GS4" s="27">
        <f>+BIE_c20150910131257!GS4</f>
        <v>0</v>
      </c>
      <c r="GT4" s="27">
        <f>+BIE_c20150910131257!GT4</f>
        <v>0</v>
      </c>
      <c r="GU4" s="27">
        <f>+BIE_c20150910131257!GU4</f>
        <v>0</v>
      </c>
      <c r="GV4" s="27">
        <f>+BIE_c20150910131257!GV4</f>
        <v>0</v>
      </c>
      <c r="GW4" s="27">
        <f>+BIE_c20150910131257!GW4</f>
        <v>0</v>
      </c>
      <c r="GX4" s="27">
        <f>+BIE_c20150910131257!GX4</f>
        <v>0</v>
      </c>
      <c r="GY4" s="27">
        <f>+BIE_c20150910131257!GY4</f>
        <v>0</v>
      </c>
      <c r="GZ4" s="26">
        <f>+BIE_c20150910131257!HF4</f>
        <v>0</v>
      </c>
      <c r="HA4" s="26">
        <f>+BIE_c20150910131257!HG4</f>
        <v>0</v>
      </c>
      <c r="HB4" s="26">
        <f>+BIE_c20150910131257!HH4</f>
        <v>0</v>
      </c>
      <c r="HC4" s="26">
        <f>+BIE_c20150910131257!HI4</f>
        <v>0</v>
      </c>
      <c r="HD4" s="26">
        <f>+BIE_c20150910131257!HJ4</f>
        <v>0</v>
      </c>
      <c r="HE4" s="26">
        <f>+BIE_c20150910131257!HK4</f>
        <v>0</v>
      </c>
      <c r="HF4" s="26">
        <f>+BIE_c20150910131257!HL4</f>
        <v>0</v>
      </c>
      <c r="HG4" s="26">
        <f>+BIE_c20150910131257!HM4</f>
        <v>0</v>
      </c>
      <c r="HH4" s="26">
        <f>+BIE_c20150910131257!HN4</f>
        <v>0</v>
      </c>
      <c r="HI4" s="26">
        <f>+BIE_c20150910131257!HO4</f>
        <v>0</v>
      </c>
      <c r="HJ4" s="26">
        <f>+BIE_c20150910131257!HP4</f>
        <v>0</v>
      </c>
      <c r="HK4" s="26">
        <f>+BIE_c20150910131257!HQ4</f>
        <v>0</v>
      </c>
      <c r="HL4" s="26">
        <f>+BIE_c20150910131257!HR4</f>
        <v>0</v>
      </c>
      <c r="HM4" s="26">
        <f>+BIE_c20150910131257!HS4</f>
        <v>0</v>
      </c>
      <c r="HN4" s="26">
        <f>+BIE_c20150910131257!HT4</f>
        <v>0</v>
      </c>
      <c r="HO4" s="26">
        <f>+BIE_c20150910131257!HU4</f>
        <v>0</v>
      </c>
      <c r="HP4" s="26">
        <f>+BIE_c20150910131257!HV4</f>
        <v>0</v>
      </c>
      <c r="HQ4" s="26">
        <f>+BIE_c20150910131257!HW4</f>
        <v>0</v>
      </c>
      <c r="HR4" s="26">
        <f>+BIE_c20150910131257!HX4</f>
        <v>0</v>
      </c>
      <c r="HS4" s="26">
        <f>+BIE_c20150910131257!HY4</f>
        <v>0</v>
      </c>
      <c r="HT4" s="26">
        <f>+BIE_c20150910131257!HZ4</f>
        <v>0</v>
      </c>
      <c r="HU4" s="25">
        <f>+BIE_c20150910131257!IC4</f>
        <v>0</v>
      </c>
      <c r="HV4" s="25">
        <f>+BIE_c20150910131257!ID4</f>
        <v>0</v>
      </c>
      <c r="HW4" s="25">
        <f>+BIE_c20150910131257!IE4</f>
        <v>0</v>
      </c>
      <c r="HX4" s="25">
        <f>+BIE_c20150910131257!IF4</f>
        <v>0</v>
      </c>
      <c r="HY4" s="25">
        <f>+BIE_c20150910131257!IG4</f>
        <v>0</v>
      </c>
      <c r="HZ4" s="25">
        <f>+BIE_c20150910131257!IH4</f>
        <v>0</v>
      </c>
      <c r="IA4" s="25">
        <f>+BIE_c20150910131257!II4</f>
        <v>0</v>
      </c>
      <c r="IB4" s="25">
        <f>+BIE_c20150910131257!IJ4</f>
        <v>0</v>
      </c>
      <c r="IC4" s="25">
        <f>+BIE_c20150910131257!IK4</f>
        <v>0</v>
      </c>
      <c r="ID4" s="25">
        <f>+BIE_c20150910131257!IL4</f>
        <v>0</v>
      </c>
      <c r="IE4" s="25">
        <f>+BIE_c20150910131257!IM4</f>
        <v>0</v>
      </c>
      <c r="IF4" s="25">
        <f>+BIE_c20150910131257!IN4</f>
        <v>0</v>
      </c>
      <c r="IG4" s="25">
        <f>+BIE_c20150910131257!IO4</f>
        <v>0</v>
      </c>
      <c r="IH4" s="25">
        <f>+BIE_c20150910131257!IP4</f>
        <v>0</v>
      </c>
      <c r="II4" s="25">
        <f>+BIE_c20150910131257!IQ4</f>
        <v>0</v>
      </c>
      <c r="IJ4" s="25">
        <f>+BIE_c20150910131257!IR4</f>
        <v>0</v>
      </c>
      <c r="IK4" s="25">
        <f>+BIE_c20150910131257!IS4</f>
        <v>0</v>
      </c>
      <c r="IL4" s="25">
        <f>+BIE_c20150910131257!IT4</f>
        <v>0</v>
      </c>
      <c r="IM4" s="25">
        <f>+BIE_c20150910131257!IU4</f>
        <v>0</v>
      </c>
      <c r="IN4" s="25">
        <f>+BIE_c20150910131257!IV4</f>
        <v>0</v>
      </c>
      <c r="IO4" s="25">
        <f>+BIE_c20150910131257!IW4</f>
        <v>0</v>
      </c>
      <c r="IP4" s="25">
        <f>+BIE_c20150910131257!IX4</f>
        <v>0</v>
      </c>
      <c r="IQ4" s="25">
        <f>+BIE_c20150910131257!IY4</f>
        <v>0</v>
      </c>
      <c r="IR4" s="25">
        <f>+BIE_c20150910131257!IZ4</f>
        <v>0</v>
      </c>
      <c r="IS4" s="25">
        <f>+BIE_c20150910131257!JA4</f>
        <v>0</v>
      </c>
      <c r="IT4" s="14"/>
    </row>
    <row r="5" spans="1:254" x14ac:dyDescent="0.25">
      <c r="A5" s="6" t="s">
        <v>293</v>
      </c>
      <c r="B5" s="2">
        <f>+BIE_c20150910131257!B5</f>
        <v>0.25112101907700002</v>
      </c>
      <c r="C5" s="2">
        <f>+BIE_c20150910131257!C5</f>
        <v>0.215220498146</v>
      </c>
      <c r="D5" s="2">
        <f>+BIE_c20150910131257!D5</f>
        <v>0.18240985911900001</v>
      </c>
      <c r="E5" s="2">
        <f>+BIE_c20150910131257!E5</f>
        <v>0.16483927365100001</v>
      </c>
      <c r="F5" s="2">
        <f>+BIE_c20150910131257!F5</f>
        <v>0.14206483248499999</v>
      </c>
      <c r="G5" s="2">
        <f>+BIE_c20150910131257!G5</f>
        <v>9.6046215924999997E-2</v>
      </c>
      <c r="H5" s="2">
        <f>+BIE_c20150910131257!H5</f>
        <v>2.892854173E-2</v>
      </c>
      <c r="I5" s="2">
        <f>+BIE_c20150910131257!I5</f>
        <v>-4.2438808813000002E-2</v>
      </c>
      <c r="J5" s="2">
        <f>+BIE_c20150910131257!J5</f>
        <v>-0.124656337871</v>
      </c>
      <c r="K5" s="2">
        <f>+BIE_c20150910131257!K5</f>
        <v>-0.20865986538199999</v>
      </c>
      <c r="L5" s="2">
        <f>+BIE_c20150910131257!L5</f>
        <v>-0.270274118442</v>
      </c>
      <c r="M5" s="2">
        <f>+BIE_c20150910131257!M5</f>
        <v>-0.29198420091900001</v>
      </c>
      <c r="N5" s="2">
        <f>+BIE_c20150910131257!N5</f>
        <v>-0.273244702545</v>
      </c>
      <c r="O5" s="2">
        <f>+BIE_c20150910131257!O5</f>
        <v>-0.225417223335</v>
      </c>
      <c r="P5" s="2">
        <f>+BIE_c20150910131257!P5</f>
        <v>-0.16368462073699999</v>
      </c>
      <c r="Q5" s="2">
        <f>+BIE_c20150910131257!Q5</f>
        <v>-0.112045782729</v>
      </c>
      <c r="R5" s="2">
        <f>+BIE_c20150910131257!R5</f>
        <v>-6.8350870689000004E-2</v>
      </c>
      <c r="S5" s="2">
        <f>+BIE_c20150910131257!S5</f>
        <v>-4.4593077242999997E-2</v>
      </c>
      <c r="T5" s="2">
        <f>+BIE_c20150910131257!T5</f>
        <v>-5.6938292736999997E-2</v>
      </c>
      <c r="U5" s="2">
        <f>+BIE_c20150910131257!U5</f>
        <v>-9.7088825397999998E-2</v>
      </c>
      <c r="V5" s="2">
        <f>+BIE_c20150910131257!V5</f>
        <v>-0.153525310587</v>
      </c>
      <c r="W5" s="2">
        <f>+BIE_c20150910131257!W5</f>
        <v>-0.19993732203699999</v>
      </c>
      <c r="X5" s="2">
        <f>+BIE_c20150910131257!X5</f>
        <v>-0.214085843651</v>
      </c>
      <c r="Y5" s="2">
        <f>+BIE_c20150910131257!Y5</f>
        <v>-0.21298742159799999</v>
      </c>
      <c r="Z5" s="2">
        <f>+BIE_c20150910131257!Z5</f>
        <v>-0.17759204362100001</v>
      </c>
      <c r="AA5" s="2">
        <f>+BIE_c20150910131257!AA5</f>
        <v>-9.3404374063000006E-2</v>
      </c>
      <c r="AB5" s="2">
        <f>+BIE_c20150910131257!AB5</f>
        <v>-5.0603815310000001E-3</v>
      </c>
      <c r="AC5" s="2">
        <f>+BIE_c20150910131257!AC5</f>
        <v>4.9038684366999999E-2</v>
      </c>
      <c r="AD5" s="2">
        <f>+BIE_c20150910131257!AD5</f>
        <v>5.8725076862999999E-2</v>
      </c>
      <c r="AE5" s="2">
        <f>+BIE_c20150910131257!AE5</f>
        <v>4.4803805311999997E-2</v>
      </c>
      <c r="AF5" s="2">
        <f>+BIE_c20150910131257!AF5</f>
        <v>2.5472646724999999E-2</v>
      </c>
      <c r="AG5" s="2">
        <f>+BIE_c20150910131257!AG5</f>
        <v>-4.284970747E-3</v>
      </c>
      <c r="AH5" s="2">
        <f>+BIE_c20150910131257!AH5</f>
        <v>-4.4181522692999999E-2</v>
      </c>
      <c r="AI5" s="2">
        <f>+BIE_c20150910131257!AI5</f>
        <v>-7.3359534828999998E-2</v>
      </c>
      <c r="AJ5" s="2">
        <f>+BIE_c20150910131257!AJ5</f>
        <v>-9.0438967625999997E-2</v>
      </c>
      <c r="AK5" s="2">
        <f>+BIE_c20150910131257!AK5</f>
        <v>-7.7338821890000006E-2</v>
      </c>
      <c r="AL5" s="2">
        <f>+BIE_c20150910131257!AL5</f>
        <v>-6.5946685611999997E-2</v>
      </c>
      <c r="AM5" s="2">
        <f>+BIE_c20150910131257!AM5</f>
        <v>-6.0068639326999997E-2</v>
      </c>
      <c r="AN5" s="2">
        <f>+BIE_c20150910131257!AN5</f>
        <v>-6.5863105729999996E-2</v>
      </c>
      <c r="AO5" s="2">
        <f>+BIE_c20150910131257!AO5</f>
        <v>-7.1047651111000004E-2</v>
      </c>
      <c r="AP5" s="2">
        <f>+BIE_c20150910131257!AP5</f>
        <v>-7.6211641102999994E-2</v>
      </c>
      <c r="AQ5" s="2">
        <f>+BIE_c20150910131257!AQ5</f>
        <v>-7.7902231316999998E-2</v>
      </c>
      <c r="AR5" s="2">
        <f>+BIE_c20150910131257!AR5</f>
        <v>-7.7471808276999996E-2</v>
      </c>
      <c r="AS5" s="2">
        <f>+BIE_c20150910131257!AS5</f>
        <v>-4.9286444232000001E-2</v>
      </c>
      <c r="AT5" s="2">
        <f>+BIE_c20150910131257!AT5</f>
        <v>1.8658293635E-2</v>
      </c>
      <c r="AU5" s="2">
        <f>+BIE_c20150910131257!AU5</f>
        <v>0.101732254371</v>
      </c>
      <c r="AV5" s="2">
        <f>+BIE_c20150910131257!AV5</f>
        <v>0.176206294673</v>
      </c>
      <c r="AW5" s="2">
        <f>+BIE_c20150910131257!AW5</f>
        <v>0.22931755962100001</v>
      </c>
      <c r="AX5" s="2">
        <f>+BIE_c20150910131257!AX5</f>
        <v>0.23783247411299999</v>
      </c>
      <c r="AY5" s="2">
        <f>+BIE_c20150910131257!AY5</f>
        <v>0.20194533428600001</v>
      </c>
      <c r="AZ5" s="2">
        <f>+BIE_c20150910131257!AZ5</f>
        <v>0.13619100893</v>
      </c>
      <c r="BA5" s="2">
        <f>+BIE_c20150910131257!BA5</f>
        <v>5.9463924653000003E-2</v>
      </c>
      <c r="BB5" s="2">
        <f>+BIE_c20150910131257!BB5</f>
        <v>-5.3875221699999998E-3</v>
      </c>
      <c r="BC5" s="2">
        <f>+BIE_c20150910131257!BC5</f>
        <v>-4.3287922945000001E-2</v>
      </c>
      <c r="BD5" s="2">
        <f>+BIE_c20150910131257!BD5</f>
        <v>-4.6121768367999999E-2</v>
      </c>
      <c r="BE5" s="2">
        <f>+BIE_c20150910131257!BE5</f>
        <v>-2.0946873285999999E-2</v>
      </c>
      <c r="BF5" s="2">
        <f>+BIE_c20150910131257!BF5</f>
        <v>1.9569764544000001E-2</v>
      </c>
      <c r="BG5" s="2">
        <f>+BIE_c20150910131257!BG5</f>
        <v>5.5040408334E-2</v>
      </c>
      <c r="BH5" s="2">
        <f>+BIE_c20150910131257!BH5</f>
        <v>6.8142377955E-2</v>
      </c>
      <c r="BI5" s="2">
        <f>+BIE_c20150910131257!BI5</f>
        <v>5.5381546034000001E-2</v>
      </c>
      <c r="BJ5" s="2">
        <f>+BIE_c20150910131257!BJ5</f>
        <v>3.1789018027000002E-2</v>
      </c>
      <c r="BK5" s="2">
        <f>+BIE_c20150910131257!BK5</f>
        <v>3.7538050700000001E-4</v>
      </c>
      <c r="BL5" s="2">
        <f>+BIE_c20150910131257!BL5</f>
        <v>-2.7506906232999999E-2</v>
      </c>
      <c r="BM5" s="2">
        <f>+BIE_c20150910131257!BM5</f>
        <v>-3.8013642432999997E-2</v>
      </c>
      <c r="BN5" s="2">
        <f>+BIE_c20150910131257!BN5</f>
        <v>-4.1394779902000002E-2</v>
      </c>
      <c r="BO5" s="2">
        <f>+BIE_c20150910131257!BO5</f>
        <v>-3.1686837914000003E-2</v>
      </c>
      <c r="BP5" s="2">
        <f>+BIE_c20150910131257!BP5</f>
        <v>2.5528633764999999E-2</v>
      </c>
      <c r="BQ5" s="2">
        <f>+BIE_c20150910131257!BQ5</f>
        <v>9.8166240587000006E-2</v>
      </c>
      <c r="BR5" s="2">
        <f>+BIE_c20150910131257!BR5</f>
        <v>0.149553978955</v>
      </c>
      <c r="BS5" s="2">
        <f>+BIE_c20150910131257!BS5</f>
        <v>0.18900120857200001</v>
      </c>
      <c r="BT5" s="2">
        <f>+BIE_c20150910131257!BT5</f>
        <v>0.21877989125200001</v>
      </c>
      <c r="BU5" s="2">
        <f>+BIE_c20150910131257!BU5</f>
        <v>0.22917962936899999</v>
      </c>
      <c r="BV5" s="2">
        <f>+BIE_c20150910131257!BV5</f>
        <v>0.21250971327199999</v>
      </c>
      <c r="BW5" s="2">
        <f>+BIE_c20150910131257!BW5</f>
        <v>0.172776436821</v>
      </c>
      <c r="BX5" s="2">
        <f>+BIE_c20150910131257!BX5</f>
        <v>0.14534042504700001</v>
      </c>
      <c r="BY5" s="2">
        <f>+BIE_c20150910131257!BY5</f>
        <v>0.117834115936</v>
      </c>
      <c r="BZ5" s="2">
        <f>+BIE_c20150910131257!BZ5</f>
        <v>7.6637309885000005E-2</v>
      </c>
      <c r="CA5" s="2">
        <f>+BIE_c20150910131257!CA5</f>
        <v>1.8962806594000001E-2</v>
      </c>
      <c r="CB5" s="2">
        <f>+BIE_c20150910131257!CB5</f>
        <v>-1.9786691448999999E-2</v>
      </c>
      <c r="CC5" s="2">
        <f>+BIE_c20150910131257!CC5</f>
        <v>-3.6788632263999997E-2</v>
      </c>
      <c r="CD5" s="2">
        <f>+BIE_c20150910131257!CD5</f>
        <v>-4.2540115881999997E-2</v>
      </c>
      <c r="CE5" s="2">
        <f>+BIE_c20150910131257!CE5</f>
        <v>-3.3724461148999997E-2</v>
      </c>
      <c r="CF5" s="2">
        <f>+BIE_c20150910131257!CF5</f>
        <v>-1.125563515E-2</v>
      </c>
      <c r="CG5" s="2">
        <f>+BIE_c20150910131257!CG5</f>
        <v>2.3022337492999999E-2</v>
      </c>
      <c r="CH5" s="2">
        <f>+BIE_c20150910131257!CH5</f>
        <v>5.4682382043000001E-2</v>
      </c>
      <c r="CI5" s="2">
        <f>+BIE_c20150910131257!CI5</f>
        <v>8.4454358152000003E-2</v>
      </c>
      <c r="CJ5" s="2">
        <f>+BIE_c20150910131257!CJ5</f>
        <v>0.10698921441299999</v>
      </c>
      <c r="CK5" s="2">
        <f>+BIE_c20150910131257!CK5</f>
        <v>0.110608574397</v>
      </c>
      <c r="CL5" s="2">
        <f>+BIE_c20150910131257!CL5</f>
        <v>9.6205131387000001E-2</v>
      </c>
      <c r="CM5" s="2">
        <f>+BIE_c20150910131257!CM5</f>
        <v>7.4460231451999995E-2</v>
      </c>
      <c r="CN5" s="2">
        <f>+BIE_c20150910131257!CN5</f>
        <v>5.1104108852999999E-2</v>
      </c>
      <c r="CO5" s="2">
        <f>+BIE_c20150910131257!CO5</f>
        <v>3.3332421921999998E-2</v>
      </c>
      <c r="CP5" s="2">
        <f>+BIE_c20150910131257!CP5</f>
        <v>2.2765479878000001E-2</v>
      </c>
      <c r="CQ5" s="2">
        <f>+BIE_c20150910131257!CQ5</f>
        <v>1.5052336082E-2</v>
      </c>
      <c r="CR5" s="2">
        <f>+BIE_c20150910131257!CR5</f>
        <v>1.0226220074E-2</v>
      </c>
      <c r="CS5" s="2">
        <f>+BIE_c20150910131257!CS5</f>
        <v>2.0032142127E-2</v>
      </c>
      <c r="CT5" s="2">
        <f>+BIE_c20150910131257!CT5</f>
        <v>2.5838473213999999E-2</v>
      </c>
      <c r="CU5" s="2">
        <f>+BIE_c20150910131257!CU5</f>
        <v>2.2011342706000001E-2</v>
      </c>
      <c r="CV5" s="2">
        <f>+BIE_c20150910131257!CV5</f>
        <v>1.5262797804E-2</v>
      </c>
      <c r="CW5" s="2">
        <f>+BIE_c20150910131257!CW5</f>
        <v>8.9255053970000008E-3</v>
      </c>
      <c r="CX5" s="2">
        <f>+BIE_c20150910131257!CX5</f>
        <v>-3.0216263771999999E-2</v>
      </c>
      <c r="CY5" s="2">
        <f>+BIE_c20150910131257!CY5</f>
        <v>-9.9037086196000004E-2</v>
      </c>
      <c r="CZ5" s="2">
        <f>+BIE_c20150910131257!CZ5</f>
        <v>-0.20194596462299999</v>
      </c>
      <c r="DA5" s="2">
        <f>+BIE_c20150910131257!DA5</f>
        <v>-0.32086054796399999</v>
      </c>
      <c r="DB5" s="2">
        <f>+BIE_c20150910131257!DB5</f>
        <v>-0.43496880746700001</v>
      </c>
      <c r="DC5" s="2">
        <f>+BIE_c20150910131257!DC5</f>
        <v>-0.53834878850500001</v>
      </c>
      <c r="DD5" s="2">
        <f>+BIE_c20150910131257!DD5</f>
        <v>-0.62958067683300001</v>
      </c>
      <c r="DE5" s="2">
        <f>+BIE_c20150910131257!DE5</f>
        <v>-0.67336624305100001</v>
      </c>
      <c r="DF5" s="2">
        <f>+BIE_c20150910131257!DF5</f>
        <v>-0.64483637728999998</v>
      </c>
      <c r="DG5" s="2">
        <f>+BIE_c20150910131257!DG5</f>
        <v>-0.54144960513700002</v>
      </c>
      <c r="DH5" s="2">
        <f>+BIE_c20150910131257!DH5</f>
        <v>-0.41369139476200001</v>
      </c>
      <c r="DI5" s="2">
        <f>+BIE_c20150910131257!DI5</f>
        <v>-0.26140877281899999</v>
      </c>
      <c r="DJ5" s="2">
        <f>+BIE_c20150910131257!DJ5</f>
        <v>-0.102593678582</v>
      </c>
      <c r="DK5" s="2">
        <f>+BIE_c20150910131257!DK5</f>
        <v>5.2901479600000002E-2</v>
      </c>
      <c r="DL5" s="2">
        <f>+BIE_c20150910131257!DL5</f>
        <v>0.149926632241</v>
      </c>
      <c r="DM5" s="2">
        <f>+BIE_c20150910131257!DM5</f>
        <v>0.19088718171399999</v>
      </c>
      <c r="DN5" s="2">
        <f>+BIE_c20150910131257!DN5</f>
        <v>0.22170100046899999</v>
      </c>
      <c r="DO5" s="2">
        <f>+BIE_c20150910131257!DO5</f>
        <v>0.23764313324399999</v>
      </c>
      <c r="DP5" s="2">
        <f>+BIE_c20150910131257!DP5</f>
        <v>0.23493006534700001</v>
      </c>
      <c r="DQ5" s="2">
        <f>+BIE_c20150910131257!DQ5</f>
        <v>0.21429868264099999</v>
      </c>
      <c r="DR5" s="2">
        <f>+BIE_c20150910131257!DR5</f>
        <v>0.20299423596800001</v>
      </c>
      <c r="DS5" s="2">
        <f>+BIE_c20150910131257!DS5</f>
        <v>0.208915152592</v>
      </c>
      <c r="DT5" s="2">
        <f>+BIE_c20150910131257!DT5</f>
        <v>0.205739236937</v>
      </c>
      <c r="DU5" s="2">
        <f>+BIE_c20150910131257!DU5</f>
        <v>0.177413443901</v>
      </c>
      <c r="DV5" s="2">
        <f>+BIE_c20150910131257!DV5</f>
        <v>0.14259857158799999</v>
      </c>
      <c r="DW5" s="2">
        <f>+BIE_c20150910131257!DW5</f>
        <v>0.102377938581</v>
      </c>
      <c r="DX5" s="2">
        <f>+BIE_c20150910131257!DX5</f>
        <v>7.4253431884000007E-2</v>
      </c>
      <c r="DY5" s="2">
        <f>+BIE_c20150910131257!DY5</f>
        <v>5.4215422728999998E-2</v>
      </c>
      <c r="DZ5" s="2">
        <f>+BIE_c20150910131257!DZ5</f>
        <v>3.651538176E-2</v>
      </c>
      <c r="EA5" s="2">
        <f>+BIE_c20150910131257!EA5</f>
        <v>2.7631716938000001E-2</v>
      </c>
      <c r="EB5" s="2">
        <f>+BIE_c20150910131257!EB5</f>
        <v>3.2712496296000003E-2</v>
      </c>
      <c r="EC5" s="2">
        <f>+BIE_c20150910131257!EC5</f>
        <v>4.5426834151000003E-2</v>
      </c>
      <c r="ED5" s="2">
        <f>+BIE_c20150910131257!ED5</f>
        <v>5.7525265838000002E-2</v>
      </c>
      <c r="EE5" s="2">
        <f>+BIE_c20150910131257!EE5</f>
        <v>6.6714907995999995E-2</v>
      </c>
      <c r="EF5" s="2">
        <f>+BIE_c20150910131257!EF5</f>
        <v>7.9525598724999993E-2</v>
      </c>
      <c r="EG5" s="2">
        <f>+BIE_c20150910131257!EG5</f>
        <v>8.6528839784E-2</v>
      </c>
      <c r="EH5" s="2">
        <f>+BIE_c20150910131257!EH5</f>
        <v>9.6165571818999998E-2</v>
      </c>
      <c r="EI5" s="2">
        <f>+BIE_c20150910131257!EI5</f>
        <v>0.10164962358100001</v>
      </c>
      <c r="EJ5" s="2">
        <f>+BIE_c20150910131257!EJ5</f>
        <v>0.10952603538</v>
      </c>
      <c r="EK5" s="2">
        <f>+BIE_c20150910131257!EK5</f>
        <v>0.10730180248100001</v>
      </c>
      <c r="EL5" s="2">
        <f>+BIE_c20150910131257!EL5</f>
        <v>9.7745669229999999E-2</v>
      </c>
      <c r="EM5" s="2">
        <f>+BIE_c20150910131257!EM5</f>
        <v>8.0028935246999999E-2</v>
      </c>
      <c r="EN5" s="2">
        <f>+BIE_c20150910131257!EN5</f>
        <v>6.8846493504000003E-2</v>
      </c>
      <c r="EO5" s="2">
        <f>+BIE_c20150910131257!EO5</f>
        <v>7.3575067275999995E-2</v>
      </c>
      <c r="EP5" s="2">
        <f>+BIE_c20150910131257!EP5</f>
        <v>7.8623691566000006E-2</v>
      </c>
      <c r="EQ5" s="2">
        <f>+BIE_c20150910131257!EQ5</f>
        <v>7.8948753955999998E-2</v>
      </c>
      <c r="ER5" s="2">
        <f>+BIE_c20150910131257!ER5</f>
        <v>7.1255938054999995E-2</v>
      </c>
      <c r="ES5" s="2">
        <f>+BIE_c20150910131257!ES5</f>
        <v>5.8507557218000002E-2</v>
      </c>
      <c r="ET5" s="2">
        <f>+BIE_c20150910131257!ET5</f>
        <v>3.9000882947999999E-2</v>
      </c>
      <c r="EU5" s="2">
        <f>+BIE_c20150910131257!EU5</f>
        <v>2.0588257312000001E-2</v>
      </c>
      <c r="EV5" s="2">
        <f>+BIE_c20150910131257!EV5</f>
        <v>-5.7804886019999996E-3</v>
      </c>
      <c r="EW5" s="2">
        <f>+BIE_c20150910131257!EW5</f>
        <v>-2.0465060797000001E-2</v>
      </c>
      <c r="EX5" s="2">
        <f>+BIE_c20150910131257!EX5</f>
        <v>-2.4861309727999999E-2</v>
      </c>
      <c r="EY5" s="2">
        <f>+BIE_c20150910131257!EY5</f>
        <v>-3.1160724367999999E-2</v>
      </c>
      <c r="EZ5" s="2">
        <f>+BIE_c20150910131257!EZ5</f>
        <v>-4.2359256025E-2</v>
      </c>
      <c r="FA5" s="2">
        <f>+BIE_c20150910131257!FA5</f>
        <v>-8.348554037E-2</v>
      </c>
      <c r="FB5" s="2">
        <f>+BIE_c20150910131257!FB5</f>
        <v>-0.111419406379</v>
      </c>
      <c r="FC5" s="2">
        <f>+BIE_c20150910131257!FC5</f>
        <v>-0.12020273682800001</v>
      </c>
      <c r="FD5" s="2">
        <f>+BIE_c20150910131257!FD5</f>
        <v>-0.116991725262</v>
      </c>
      <c r="FE5" s="2">
        <f>+BIE_c20150910131257!FE5</f>
        <v>-0.10443241796</v>
      </c>
      <c r="FF5" s="2">
        <f>+BIE_c20150910131257!FF5</f>
        <v>-7.3081683031000003E-2</v>
      </c>
      <c r="FG5" s="2">
        <f>+BIE_c20150910131257!FG5</f>
        <v>-4.9555622107E-2</v>
      </c>
      <c r="FH5" s="2">
        <f>+BIE_c20150910131257!FH5</f>
        <v>-3.0223723716E-2</v>
      </c>
      <c r="FI5" s="2">
        <f>+BIE_c20150910131257!FI5</f>
        <v>-2.3588244304999999E-2</v>
      </c>
      <c r="FJ5" s="2">
        <f>+BIE_c20150910131257!FJ5</f>
        <v>-2.6475694936999999E-2</v>
      </c>
      <c r="FK5" s="2">
        <f>+BIE_c20150910131257!FK5</f>
        <v>-2.6055661402999999E-2</v>
      </c>
      <c r="FL5" s="2">
        <f>+BIE_c20150910131257!FL5</f>
        <v>-2.4552699736000001E-2</v>
      </c>
      <c r="FM5" s="2">
        <f>+BIE_c20150910131257!FM5</f>
        <v>-2.6732919332000001E-2</v>
      </c>
      <c r="FN5" s="2">
        <f>+BIE_c20150910131257!FN5</f>
        <v>-2.3187515108999999E-2</v>
      </c>
      <c r="FO5" s="2">
        <f>+BIE_c20150910131257!FO5</f>
        <v>-8.0679592549999998E-3</v>
      </c>
      <c r="FP5" s="2">
        <f>+BIE_c20150910131257!FP5</f>
        <v>6.423307447E-3</v>
      </c>
      <c r="FQ5" s="2">
        <f>+BIE_c20150910131257!FQ5</f>
        <v>2.235005407E-2</v>
      </c>
      <c r="FR5" s="2">
        <f>+BIE_c20150910131257!FR5</f>
        <v>2.4564990647000001E-2</v>
      </c>
      <c r="FS5" s="2">
        <f>+BIE_c20150910131257!FS5</f>
        <v>1.5774397377E-2</v>
      </c>
      <c r="FT5" s="2">
        <f>+BIE_c20150910131257!FT5</f>
        <v>2.0932512980000001E-3</v>
      </c>
      <c r="FU5" s="2">
        <f>+BIE_c20150910131257!FU5</f>
        <v>-9.7793106800000001E-3</v>
      </c>
      <c r="FV5" s="2">
        <f>+BIE_c20150910131257!FV5</f>
        <v>-1.1617688601000001E-2</v>
      </c>
      <c r="FW5" s="2">
        <f>+BIE_c20150910131257!FW5</f>
        <v>-9.2074009299999999E-3</v>
      </c>
      <c r="FX5" s="2">
        <f>+BIE_c20150910131257!FX5</f>
        <v>-1.3476405679000001E-2</v>
      </c>
      <c r="FY5" s="2">
        <f>+BIE_c20150910131257!FY5</f>
        <v>-2.2841327607E-2</v>
      </c>
      <c r="FZ5" s="2">
        <f>+BIE_c20150910131257!FZ5</f>
        <v>-2.5076496247999999E-2</v>
      </c>
      <c r="GA5" s="2">
        <f>+BIE_c20150910131257!GA5</f>
        <v>-2.0293303685E-2</v>
      </c>
      <c r="GB5" s="2">
        <f>+BIE_c20150910131257!GB5</f>
        <v>-7.6739687849999997E-3</v>
      </c>
      <c r="GC5" s="25">
        <f>+BIE_c20150910131257!GC5</f>
        <v>1.5212701009999999E-2</v>
      </c>
      <c r="GD5" s="25">
        <f>+BIE_c20150910131257!GD5</f>
        <v>2.8450524942E-2</v>
      </c>
      <c r="GE5" s="25">
        <f>+BIE_c20150910131257!GE5</f>
        <v>4.1435768694000001E-2</v>
      </c>
      <c r="GF5" s="25">
        <f>+BIE_c20150910131257!GF5</f>
        <v>5.0739821018000002E-2</v>
      </c>
      <c r="GG5" s="26">
        <f>+BIE_c20150910131257!GG5</f>
        <v>5.2681080581000003E-2</v>
      </c>
      <c r="GH5" s="26">
        <f>+BIE_c20150910131257!GH5</f>
        <v>3.6612321481E-2</v>
      </c>
      <c r="GI5" s="26">
        <f>+BIE_c20150910131257!GI5</f>
        <v>1.1446902488E-2</v>
      </c>
      <c r="GJ5" s="26">
        <f>+BIE_c20150910131257!GJ5</f>
        <v>-1.5615290481000001E-2</v>
      </c>
      <c r="GK5" s="27">
        <f>+BIE_c20150910131257!GK5</f>
        <v>-4.1830506731999999E-2</v>
      </c>
      <c r="GL5" s="27">
        <f>+BIE_c20150910131257!GL5</f>
        <v>-7.5960256682999994E-2</v>
      </c>
      <c r="GM5" s="27">
        <f>+BIE_c20150910131257!GM5</f>
        <v>-0.12883842297500001</v>
      </c>
      <c r="GN5" s="27">
        <f>+BIE_c20150910131257!GN5</f>
        <v>-0.18342761720699999</v>
      </c>
      <c r="GO5" s="27">
        <f>+BIE_c20150910131257!GO5</f>
        <v>-0.220109624611</v>
      </c>
      <c r="GP5" s="27">
        <f>+BIE_c20150910131257!GP5</f>
        <v>0</v>
      </c>
      <c r="GQ5" s="27">
        <f>+BIE_c20150910131257!GQ5</f>
        <v>0</v>
      </c>
      <c r="GR5" s="27">
        <f>+BIE_c20150910131257!GR5</f>
        <v>0</v>
      </c>
      <c r="GS5" s="27">
        <f>+BIE_c20150910131257!GS5</f>
        <v>0</v>
      </c>
      <c r="GT5" s="27">
        <f>+BIE_c20150910131257!GT5</f>
        <v>0</v>
      </c>
      <c r="GU5" s="27">
        <f>+BIE_c20150910131257!GU5</f>
        <v>0</v>
      </c>
      <c r="GV5" s="27">
        <f>+BIE_c20150910131257!GV5</f>
        <v>0</v>
      </c>
      <c r="GW5" s="27">
        <f>+BIE_c20150910131257!GW5</f>
        <v>0</v>
      </c>
      <c r="GX5" s="27">
        <f>+BIE_c20150910131257!GX5</f>
        <v>0</v>
      </c>
      <c r="GY5" s="26">
        <f>+BIE_c20150910131257!HE5</f>
        <v>0</v>
      </c>
      <c r="GZ5" s="26">
        <f>+BIE_c20150910131257!HF5</f>
        <v>0</v>
      </c>
      <c r="HA5" s="26">
        <f>+BIE_c20150910131257!HG5</f>
        <v>0</v>
      </c>
      <c r="HB5" s="26">
        <f>+BIE_c20150910131257!HH5</f>
        <v>0</v>
      </c>
      <c r="HC5" s="26">
        <f>+BIE_c20150910131257!HI5</f>
        <v>0</v>
      </c>
      <c r="HD5" s="26">
        <f>+BIE_c20150910131257!HJ5</f>
        <v>0</v>
      </c>
      <c r="HE5" s="26">
        <f>+BIE_c20150910131257!HK5</f>
        <v>0</v>
      </c>
      <c r="HF5" s="26">
        <f>+BIE_c20150910131257!HL5</f>
        <v>0</v>
      </c>
      <c r="HG5" s="26">
        <f>+BIE_c20150910131257!HM5</f>
        <v>0</v>
      </c>
      <c r="HH5" s="26">
        <f>+BIE_c20150910131257!HN5</f>
        <v>0</v>
      </c>
      <c r="HI5" s="26">
        <f>+BIE_c20150910131257!HO5</f>
        <v>0</v>
      </c>
      <c r="HJ5" s="26">
        <f>+BIE_c20150910131257!HP5</f>
        <v>0</v>
      </c>
      <c r="HK5" s="26">
        <f>+BIE_c20150910131257!HQ5</f>
        <v>0</v>
      </c>
      <c r="HL5" s="26">
        <f>+BIE_c20150910131257!HR5</f>
        <v>0</v>
      </c>
      <c r="HM5" s="26">
        <f>+BIE_c20150910131257!HS5</f>
        <v>0</v>
      </c>
      <c r="HN5" s="26">
        <f>+BIE_c20150910131257!HT5</f>
        <v>0</v>
      </c>
      <c r="HO5" s="26">
        <f>+BIE_c20150910131257!HU5</f>
        <v>0</v>
      </c>
      <c r="HP5" s="26">
        <f>+BIE_c20150910131257!HV5</f>
        <v>0</v>
      </c>
      <c r="HQ5" s="26">
        <f>+BIE_c20150910131257!HW5</f>
        <v>0</v>
      </c>
      <c r="HR5" s="26">
        <f>+BIE_c20150910131257!HX5</f>
        <v>0</v>
      </c>
      <c r="HS5" s="26">
        <f>+BIE_c20150910131257!HY5</f>
        <v>0</v>
      </c>
      <c r="HT5" s="26">
        <f>+BIE_c20150910131257!HZ5</f>
        <v>0</v>
      </c>
      <c r="HU5" s="26">
        <f>+BIE_c20150910131257!IA5</f>
        <v>0</v>
      </c>
      <c r="HV5" s="26">
        <f>+BIE_c20150910131257!IB5</f>
        <v>0</v>
      </c>
      <c r="HW5" s="26">
        <f>+BIE_c20150910131257!IC5</f>
        <v>0</v>
      </c>
      <c r="HX5" s="26">
        <f>+BIE_c20150910131257!ID5</f>
        <v>0</v>
      </c>
      <c r="HY5" s="26">
        <f>+BIE_c20150910131257!IE5</f>
        <v>0</v>
      </c>
      <c r="HZ5" s="25">
        <f>+BIE_c20150910131257!IH5</f>
        <v>0</v>
      </c>
      <c r="IA5" s="25">
        <f>+BIE_c20150910131257!II5</f>
        <v>0</v>
      </c>
      <c r="IB5" s="25">
        <f>+BIE_c20150910131257!IJ5</f>
        <v>0</v>
      </c>
      <c r="IC5" s="25">
        <f>+BIE_c20150910131257!IK5</f>
        <v>0</v>
      </c>
      <c r="ID5" s="25">
        <f>+BIE_c20150910131257!IL5</f>
        <v>0</v>
      </c>
      <c r="IE5" s="25">
        <f>+BIE_c20150910131257!IM5</f>
        <v>0</v>
      </c>
      <c r="IF5" s="25">
        <f>+BIE_c20150910131257!IN5</f>
        <v>0</v>
      </c>
      <c r="IG5" s="25">
        <f>+BIE_c20150910131257!IO5</f>
        <v>0</v>
      </c>
      <c r="IH5" s="25">
        <f>+BIE_c20150910131257!IP5</f>
        <v>0</v>
      </c>
      <c r="II5" s="25">
        <f>+BIE_c20150910131257!IQ5</f>
        <v>0</v>
      </c>
      <c r="IJ5" s="25">
        <f>+BIE_c20150910131257!IR5</f>
        <v>0</v>
      </c>
      <c r="IK5" s="25">
        <f>+BIE_c20150910131257!IS5</f>
        <v>0</v>
      </c>
      <c r="IL5" s="25">
        <f>+BIE_c20150910131257!IT5</f>
        <v>0</v>
      </c>
      <c r="IM5" s="25">
        <f>+BIE_c20150910131257!IU5</f>
        <v>0</v>
      </c>
      <c r="IN5" s="25">
        <f>+BIE_c20150910131257!IV5</f>
        <v>0</v>
      </c>
      <c r="IO5" s="25">
        <f>+BIE_c20150910131257!IW5</f>
        <v>0</v>
      </c>
      <c r="IP5" s="25">
        <f>+BIE_c20150910131257!IX5</f>
        <v>0</v>
      </c>
      <c r="IQ5" s="25">
        <f>+BIE_c20150910131257!IY5</f>
        <v>0</v>
      </c>
      <c r="IR5" s="25">
        <f>+BIE_c20150910131257!IZ5</f>
        <v>0</v>
      </c>
      <c r="IS5" s="25">
        <f>+BIE_c20150910131257!JA5</f>
        <v>0</v>
      </c>
      <c r="IT5" s="14"/>
    </row>
    <row r="6" spans="1:254" x14ac:dyDescent="0.25">
      <c r="A6" s="6" t="s">
        <v>292</v>
      </c>
      <c r="B6" s="2">
        <f>+BIE_c20150910131257!B6</f>
        <v>0.25662694116899998</v>
      </c>
      <c r="C6" s="2">
        <f>+BIE_c20150910131257!C6</f>
        <v>0.25400032201799999</v>
      </c>
      <c r="D6" s="2">
        <f>+BIE_c20150910131257!D6</f>
        <v>0.22454038168599999</v>
      </c>
      <c r="E6" s="2">
        <f>+BIE_c20150910131257!E6</f>
        <v>0.18566284548199999</v>
      </c>
      <c r="F6" s="2">
        <f>+BIE_c20150910131257!F6</f>
        <v>0.14047501880999999</v>
      </c>
      <c r="G6" s="2">
        <f>+BIE_c20150910131257!G6</f>
        <v>7.0176393550999999E-2</v>
      </c>
      <c r="H6" s="2">
        <f>+BIE_c20150910131257!H6</f>
        <v>-1.5050498596E-2</v>
      </c>
      <c r="I6" s="2">
        <f>+BIE_c20150910131257!I6</f>
        <v>-9.7168753755000004E-2</v>
      </c>
      <c r="J6" s="2">
        <f>+BIE_c20150910131257!J6</f>
        <v>-0.19014193935500001</v>
      </c>
      <c r="K6" s="2">
        <f>+BIE_c20150910131257!K6</f>
        <v>-0.27509432253900001</v>
      </c>
      <c r="L6" s="2">
        <f>+BIE_c20150910131257!L6</f>
        <v>-0.32369151028499998</v>
      </c>
      <c r="M6" s="2">
        <f>+BIE_c20150910131257!M6</f>
        <v>-0.32949186819100001</v>
      </c>
      <c r="N6" s="2">
        <f>+BIE_c20150910131257!N6</f>
        <v>-0.29774049958499998</v>
      </c>
      <c r="O6" s="2">
        <f>+BIE_c20150910131257!O6</f>
        <v>-0.259748727683</v>
      </c>
      <c r="P6" s="2">
        <f>+BIE_c20150910131257!P6</f>
        <v>-0.20615268713000001</v>
      </c>
      <c r="Q6" s="2">
        <f>+BIE_c20150910131257!Q6</f>
        <v>-0.137441157482</v>
      </c>
      <c r="R6" s="2">
        <f>+BIE_c20150910131257!R6</f>
        <v>-3.6702814645999997E-2</v>
      </c>
      <c r="S6" s="2">
        <f>+BIE_c20150910131257!S6</f>
        <v>2.3979819196E-2</v>
      </c>
      <c r="T6" s="2">
        <f>+BIE_c20150910131257!T6</f>
        <v>2.8442860768000001E-2</v>
      </c>
      <c r="U6" s="2">
        <f>+BIE_c20150910131257!U6</f>
        <v>-1.7865131664E-2</v>
      </c>
      <c r="V6" s="2">
        <f>+BIE_c20150910131257!V6</f>
        <v>-7.0012730125999997E-2</v>
      </c>
      <c r="W6" s="2">
        <f>+BIE_c20150910131257!W6</f>
        <v>-0.112922614952</v>
      </c>
      <c r="X6" s="2">
        <f>+BIE_c20150910131257!X6</f>
        <v>-0.123024976561</v>
      </c>
      <c r="Y6" s="2">
        <f>+BIE_c20150910131257!Y6</f>
        <v>-0.152015797157</v>
      </c>
      <c r="Z6" s="2">
        <f>+BIE_c20150910131257!Z6</f>
        <v>-0.16358833651099999</v>
      </c>
      <c r="AA6" s="2">
        <f>+BIE_c20150910131257!AA6</f>
        <v>-0.13185416537299999</v>
      </c>
      <c r="AB6" s="2">
        <f>+BIE_c20150910131257!AB6</f>
        <v>-6.4080132366999998E-2</v>
      </c>
      <c r="AC6" s="2">
        <f>+BIE_c20150910131257!AC6</f>
        <v>-4.783331121E-3</v>
      </c>
      <c r="AD6" s="2">
        <f>+BIE_c20150910131257!AD6</f>
        <v>2.6381590175000001E-2</v>
      </c>
      <c r="AE6" s="2">
        <f>+BIE_c20150910131257!AE6</f>
        <v>3.7510759201999998E-2</v>
      </c>
      <c r="AF6" s="2">
        <f>+BIE_c20150910131257!AF6</f>
        <v>3.9262647161000003E-2</v>
      </c>
      <c r="AG6" s="2">
        <f>+BIE_c20150910131257!AG6</f>
        <v>2.5571153714999999E-2</v>
      </c>
      <c r="AH6" s="2">
        <f>+BIE_c20150910131257!AH6</f>
        <v>3.109090147E-3</v>
      </c>
      <c r="AI6" s="2">
        <f>+BIE_c20150910131257!AI6</f>
        <v>-1.8762669350999999E-2</v>
      </c>
      <c r="AJ6" s="2">
        <f>+BIE_c20150910131257!AJ6</f>
        <v>-4.2946461480000003E-2</v>
      </c>
      <c r="AK6" s="2">
        <f>+BIE_c20150910131257!AK6</f>
        <v>-5.2376131437999997E-2</v>
      </c>
      <c r="AL6" s="2">
        <f>+BIE_c20150910131257!AL6</f>
        <v>-5.5395672841999997E-2</v>
      </c>
      <c r="AM6" s="2">
        <f>+BIE_c20150910131257!AM6</f>
        <v>-5.6681210974000001E-2</v>
      </c>
      <c r="AN6" s="2">
        <f>+BIE_c20150910131257!AN6</f>
        <v>-7.4280897991999995E-2</v>
      </c>
      <c r="AO6" s="2">
        <f>+BIE_c20150910131257!AO6</f>
        <v>-7.7341220951000003E-2</v>
      </c>
      <c r="AP6" s="2">
        <f>+BIE_c20150910131257!AP6</f>
        <v>-6.5091174862000001E-2</v>
      </c>
      <c r="AQ6" s="2">
        <f>+BIE_c20150910131257!AQ6</f>
        <v>-4.5871033106999998E-2</v>
      </c>
      <c r="AR6" s="2">
        <f>+BIE_c20150910131257!AR6</f>
        <v>-2.6491430305000001E-2</v>
      </c>
      <c r="AS6" s="2">
        <f>+BIE_c20150910131257!AS6</f>
        <v>5.1808877930000002E-3</v>
      </c>
      <c r="AT6" s="2">
        <f>+BIE_c20150910131257!AT6</f>
        <v>5.7139457736000002E-2</v>
      </c>
      <c r="AU6" s="2">
        <f>+BIE_c20150910131257!AU6</f>
        <v>0.12206304608100001</v>
      </c>
      <c r="AV6" s="2">
        <f>+BIE_c20150910131257!AV6</f>
        <v>0.182774395624</v>
      </c>
      <c r="AW6" s="2">
        <f>+BIE_c20150910131257!AW6</f>
        <v>0.22594216765399999</v>
      </c>
      <c r="AX6" s="2">
        <f>+BIE_c20150910131257!AX6</f>
        <v>0.22763823231300001</v>
      </c>
      <c r="AY6" s="2">
        <f>+BIE_c20150910131257!AY6</f>
        <v>0.19405309187200001</v>
      </c>
      <c r="AZ6" s="2">
        <f>+BIE_c20150910131257!AZ6</f>
        <v>0.133346038207</v>
      </c>
      <c r="BA6" s="2">
        <f>+BIE_c20150910131257!BA6</f>
        <v>4.7250838794000001E-2</v>
      </c>
      <c r="BB6" s="2">
        <f>+BIE_c20150910131257!BB6</f>
        <v>-1.7752249820999998E-2</v>
      </c>
      <c r="BC6" s="2">
        <f>+BIE_c20150910131257!BC6</f>
        <v>-4.9352514873999997E-2</v>
      </c>
      <c r="BD6" s="2">
        <f>+BIE_c20150910131257!BD6</f>
        <v>-5.3042542379000003E-2</v>
      </c>
      <c r="BE6" s="2">
        <f>+BIE_c20150910131257!BE6</f>
        <v>-3.1841397666999997E-2</v>
      </c>
      <c r="BF6" s="2">
        <f>+BIE_c20150910131257!BF6</f>
        <v>1.294009218E-3</v>
      </c>
      <c r="BG6" s="2">
        <f>+BIE_c20150910131257!BG6</f>
        <v>2.4214466346E-2</v>
      </c>
      <c r="BH6" s="2">
        <f>+BIE_c20150910131257!BH6</f>
        <v>3.1708837890000001E-2</v>
      </c>
      <c r="BI6" s="2">
        <f>+BIE_c20150910131257!BI6</f>
        <v>3.4610769272999997E-2</v>
      </c>
      <c r="BJ6" s="2">
        <f>+BIE_c20150910131257!BJ6</f>
        <v>3.8989513996000001E-2</v>
      </c>
      <c r="BK6" s="2">
        <f>+BIE_c20150910131257!BK6</f>
        <v>2.4569401554E-2</v>
      </c>
      <c r="BL6" s="2">
        <f>+BIE_c20150910131257!BL6</f>
        <v>7.7127005619999998E-3</v>
      </c>
      <c r="BM6" s="2">
        <f>+BIE_c20150910131257!BM6</f>
        <v>-9.5515338839999991E-3</v>
      </c>
      <c r="BN6" s="2">
        <f>+BIE_c20150910131257!BN6</f>
        <v>-2.9560441481E-2</v>
      </c>
      <c r="BO6" s="2">
        <f>+BIE_c20150910131257!BO6</f>
        <v>-5.0026833552000001E-2</v>
      </c>
      <c r="BP6" s="2">
        <f>+BIE_c20150910131257!BP6</f>
        <v>-4.9420675029999998E-3</v>
      </c>
      <c r="BQ6" s="2">
        <f>+BIE_c20150910131257!BQ6</f>
        <v>9.6039662720999994E-2</v>
      </c>
      <c r="BR6" s="2">
        <f>+BIE_c20150910131257!BR6</f>
        <v>0.170381736388</v>
      </c>
      <c r="BS6" s="2">
        <f>+BIE_c20150910131257!BS6</f>
        <v>0.233265042793</v>
      </c>
      <c r="BT6" s="2">
        <f>+BIE_c20150910131257!BT6</f>
        <v>0.28058679903</v>
      </c>
      <c r="BU6" s="2">
        <f>+BIE_c20150910131257!BU6</f>
        <v>0.278246884458</v>
      </c>
      <c r="BV6" s="2">
        <f>+BIE_c20150910131257!BV6</f>
        <v>0.24172239626799999</v>
      </c>
      <c r="BW6" s="2">
        <f>+BIE_c20150910131257!BW6</f>
        <v>0.20436331900800001</v>
      </c>
      <c r="BX6" s="2">
        <f>+BIE_c20150910131257!BX6</f>
        <v>0.18534526805099999</v>
      </c>
      <c r="BY6" s="2">
        <f>+BIE_c20150910131257!BY6</f>
        <v>0.15054796088</v>
      </c>
      <c r="BZ6" s="2">
        <f>+BIE_c20150910131257!BZ6</f>
        <v>0.10553947403900001</v>
      </c>
      <c r="CA6" s="2">
        <f>+BIE_c20150910131257!CA6</f>
        <v>4.4767748423999998E-2</v>
      </c>
      <c r="CB6" s="2">
        <f>+BIE_c20150910131257!CB6</f>
        <v>-8.7164472700000002E-3</v>
      </c>
      <c r="CC6" s="2">
        <f>+BIE_c20150910131257!CC6</f>
        <v>-4.7811896431999998E-2</v>
      </c>
      <c r="CD6" s="2">
        <f>+BIE_c20150910131257!CD6</f>
        <v>-8.5221309556999997E-2</v>
      </c>
      <c r="CE6" s="2">
        <f>+BIE_c20150910131257!CE6</f>
        <v>-9.9944386955000006E-2</v>
      </c>
      <c r="CF6" s="2">
        <f>+BIE_c20150910131257!CF6</f>
        <v>-7.7154689844999999E-2</v>
      </c>
      <c r="CG6" s="2">
        <f>+BIE_c20150910131257!CG6</f>
        <v>-2.9415694791000001E-2</v>
      </c>
      <c r="CH6" s="2">
        <f>+BIE_c20150910131257!CH6</f>
        <v>3.4681973312E-2</v>
      </c>
      <c r="CI6" s="2">
        <f>+BIE_c20150910131257!CI6</f>
        <v>8.5707555731999993E-2</v>
      </c>
      <c r="CJ6" s="2">
        <f>+BIE_c20150910131257!CJ6</f>
        <v>0.10174255143499999</v>
      </c>
      <c r="CK6" s="2">
        <f>+BIE_c20150910131257!CK6</f>
        <v>7.5596262014999999E-2</v>
      </c>
      <c r="CL6" s="2">
        <f>+BIE_c20150910131257!CL6</f>
        <v>4.5928756679000003E-2</v>
      </c>
      <c r="CM6" s="2">
        <f>+BIE_c20150910131257!CM6</f>
        <v>2.2519546647999999E-2</v>
      </c>
      <c r="CN6" s="2">
        <f>+BIE_c20150910131257!CN6</f>
        <v>2.5005256709999999E-3</v>
      </c>
      <c r="CO6" s="2">
        <f>+BIE_c20150910131257!CO6</f>
        <v>-1.4245822623000001E-2</v>
      </c>
      <c r="CP6" s="2">
        <f>+BIE_c20150910131257!CP6</f>
        <v>-7.6445402040000001E-3</v>
      </c>
      <c r="CQ6" s="2">
        <f>+BIE_c20150910131257!CQ6</f>
        <v>-3.8236350529999999E-3</v>
      </c>
      <c r="CR6" s="2">
        <f>+BIE_c20150910131257!CR6</f>
        <v>1.497569654E-2</v>
      </c>
      <c r="CS6" s="2">
        <f>+BIE_c20150910131257!CS6</f>
        <v>4.7460371675000002E-2</v>
      </c>
      <c r="CT6" s="2">
        <f>+BIE_c20150910131257!CT6</f>
        <v>4.1898598388000002E-2</v>
      </c>
      <c r="CU6" s="2">
        <f>+BIE_c20150910131257!CU6</f>
        <v>1.2456757412999999E-2</v>
      </c>
      <c r="CV6" s="2">
        <f>+BIE_c20150910131257!CV6</f>
        <v>-3.4163114475999998E-2</v>
      </c>
      <c r="CW6" s="2">
        <f>+BIE_c20150910131257!CW6</f>
        <v>-7.3792293033E-2</v>
      </c>
      <c r="CX6" s="2">
        <f>+BIE_c20150910131257!CX6</f>
        <v>-0.108538329659</v>
      </c>
      <c r="CY6" s="2">
        <f>+BIE_c20150910131257!CY6</f>
        <v>-0.16348351816100001</v>
      </c>
      <c r="CZ6" s="2">
        <f>+BIE_c20150910131257!CZ6</f>
        <v>-0.247749869506</v>
      </c>
      <c r="DA6" s="2">
        <f>+BIE_c20150910131257!DA6</f>
        <v>-0.34493744917899999</v>
      </c>
      <c r="DB6" s="2">
        <f>+BIE_c20150910131257!DB6</f>
        <v>-0.446777950383</v>
      </c>
      <c r="DC6" s="2">
        <f>+BIE_c20150910131257!DC6</f>
        <v>-0.53087704536400004</v>
      </c>
      <c r="DD6" s="2">
        <f>+BIE_c20150910131257!DD6</f>
        <v>-0.60294259558499996</v>
      </c>
      <c r="DE6" s="2">
        <f>+BIE_c20150910131257!DE6</f>
        <v>-0.63023063125900003</v>
      </c>
      <c r="DF6" s="2">
        <f>+BIE_c20150910131257!DF6</f>
        <v>-0.59820349987099997</v>
      </c>
      <c r="DG6" s="2">
        <f>+BIE_c20150910131257!DG6</f>
        <v>-0.49508861064999998</v>
      </c>
      <c r="DH6" s="2">
        <f>+BIE_c20150910131257!DH6</f>
        <v>-0.37852126183899998</v>
      </c>
      <c r="DI6" s="2">
        <f>+BIE_c20150910131257!DI6</f>
        <v>-0.25272784895400002</v>
      </c>
      <c r="DJ6" s="2">
        <f>+BIE_c20150910131257!DJ6</f>
        <v>-0.13460437193899999</v>
      </c>
      <c r="DK6" s="2">
        <f>+BIE_c20150910131257!DK6</f>
        <v>-2.2389370499E-2</v>
      </c>
      <c r="DL6" s="2">
        <f>+BIE_c20150910131257!DL6</f>
        <v>7.0343648750000001E-2</v>
      </c>
      <c r="DM6" s="2">
        <f>+BIE_c20150910131257!DM6</f>
        <v>0.133001345311</v>
      </c>
      <c r="DN6" s="2">
        <f>+BIE_c20150910131257!DN6</f>
        <v>0.200961212133</v>
      </c>
      <c r="DO6" s="2">
        <f>+BIE_c20150910131257!DO6</f>
        <v>0.25823313251399999</v>
      </c>
      <c r="DP6" s="2">
        <f>+BIE_c20150910131257!DP6</f>
        <v>0.28466595490699997</v>
      </c>
      <c r="DQ6" s="2">
        <f>+BIE_c20150910131257!DQ6</f>
        <v>0.27380589144700002</v>
      </c>
      <c r="DR6" s="2">
        <f>+BIE_c20150910131257!DR6</f>
        <v>0.26090336613499998</v>
      </c>
      <c r="DS6" s="2">
        <f>+BIE_c20150910131257!DS6</f>
        <v>0.24445569496799999</v>
      </c>
      <c r="DT6" s="2">
        <f>+BIE_c20150910131257!DT6</f>
        <v>0.22617579150600001</v>
      </c>
      <c r="DU6" s="2">
        <f>+BIE_c20150910131257!DU6</f>
        <v>0.197239262325</v>
      </c>
      <c r="DV6" s="2">
        <f>+BIE_c20150910131257!DV6</f>
        <v>0.161172569855</v>
      </c>
      <c r="DW6" s="2">
        <f>+BIE_c20150910131257!DW6</f>
        <v>0.135531993431</v>
      </c>
      <c r="DX6" s="2">
        <f>+BIE_c20150910131257!DX6</f>
        <v>0.118556783981</v>
      </c>
      <c r="DY6" s="2">
        <f>+BIE_c20150910131257!DY6</f>
        <v>9.7588309242000001E-2</v>
      </c>
      <c r="DZ6" s="2">
        <f>+BIE_c20150910131257!DZ6</f>
        <v>6.1796587193999997E-2</v>
      </c>
      <c r="EA6" s="2">
        <f>+BIE_c20150910131257!EA6</f>
        <v>4.4083795012E-2</v>
      </c>
      <c r="EB6" s="2">
        <f>+BIE_c20150910131257!EB6</f>
        <v>5.1947931362000002E-2</v>
      </c>
      <c r="EC6" s="2">
        <f>+BIE_c20150910131257!EC6</f>
        <v>7.2329541119999993E-2</v>
      </c>
      <c r="ED6" s="2">
        <f>+BIE_c20150910131257!ED6</f>
        <v>8.5779315206999995E-2</v>
      </c>
      <c r="EE6" s="2">
        <f>+BIE_c20150910131257!EE6</f>
        <v>9.4075836750000003E-2</v>
      </c>
      <c r="EF6" s="2">
        <f>+BIE_c20150910131257!EF6</f>
        <v>9.8101204809000003E-2</v>
      </c>
      <c r="EG6" s="2">
        <f>+BIE_c20150910131257!EG6</f>
        <v>9.3247499918999999E-2</v>
      </c>
      <c r="EH6" s="2">
        <f>+BIE_c20150910131257!EH6</f>
        <v>8.9918965968000003E-2</v>
      </c>
      <c r="EI6" s="2">
        <f>+BIE_c20150910131257!EI6</f>
        <v>8.3323256509999999E-2</v>
      </c>
      <c r="EJ6" s="2">
        <f>+BIE_c20150910131257!EJ6</f>
        <v>9.1092442558999995E-2</v>
      </c>
      <c r="EK6" s="2">
        <f>+BIE_c20150910131257!EK6</f>
        <v>0.106345232441</v>
      </c>
      <c r="EL6" s="2">
        <f>+BIE_c20150910131257!EL6</f>
        <v>0.123567568997</v>
      </c>
      <c r="EM6" s="2">
        <f>+BIE_c20150910131257!EM6</f>
        <v>0.130341057063</v>
      </c>
      <c r="EN6" s="2">
        <f>+BIE_c20150910131257!EN6</f>
        <v>0.124986222945</v>
      </c>
      <c r="EO6" s="2">
        <f>+BIE_c20150910131257!EO6</f>
        <v>0.114761650911</v>
      </c>
      <c r="EP6" s="2">
        <f>+BIE_c20150910131257!EP6</f>
        <v>9.9686596786000004E-2</v>
      </c>
      <c r="EQ6" s="2">
        <f>+BIE_c20150910131257!EQ6</f>
        <v>8.6036548675000005E-2</v>
      </c>
      <c r="ER6" s="2">
        <f>+BIE_c20150910131257!ER6</f>
        <v>7.2312179694000001E-2</v>
      </c>
      <c r="ES6" s="2">
        <f>+BIE_c20150910131257!ES6</f>
        <v>5.3044903886E-2</v>
      </c>
      <c r="ET6" s="2">
        <f>+BIE_c20150910131257!ET6</f>
        <v>2.0231898325999999E-2</v>
      </c>
      <c r="EU6" s="2">
        <f>+BIE_c20150910131257!EU6</f>
        <v>-2.1845108984000002E-2</v>
      </c>
      <c r="EV6" s="2">
        <f>+BIE_c20150910131257!EV6</f>
        <v>-7.1833201664999999E-2</v>
      </c>
      <c r="EW6" s="2">
        <f>+BIE_c20150910131257!EW6</f>
        <v>-0.109160974254</v>
      </c>
      <c r="EX6" s="2">
        <f>+BIE_c20150910131257!EX6</f>
        <v>-0.128022814121</v>
      </c>
      <c r="EY6" s="2">
        <f>+BIE_c20150910131257!EY6</f>
        <v>-0.154282993891</v>
      </c>
      <c r="EZ6" s="2">
        <f>+BIE_c20150910131257!EZ6</f>
        <v>-0.15779815405399999</v>
      </c>
      <c r="FA6" s="2">
        <f>+BIE_c20150910131257!FA6</f>
        <v>-0.17507414263400001</v>
      </c>
      <c r="FB6" s="2">
        <f>+BIE_c20150910131257!FB6</f>
        <v>-0.16969061890699999</v>
      </c>
      <c r="FC6" s="2">
        <f>+BIE_c20150910131257!FC6</f>
        <v>-0.15276511936000001</v>
      </c>
      <c r="FD6" s="2">
        <f>+BIE_c20150910131257!FD6</f>
        <v>-0.143213582994</v>
      </c>
      <c r="FE6" s="2">
        <f>+BIE_c20150910131257!FE6</f>
        <v>-0.13630097028999999</v>
      </c>
      <c r="FF6" s="2">
        <f>+BIE_c20150910131257!FF6</f>
        <v>-0.103763055204</v>
      </c>
      <c r="FG6" s="2">
        <f>+BIE_c20150910131257!FG6</f>
        <v>-6.4517519620000005E-2</v>
      </c>
      <c r="FH6" s="2">
        <f>+BIE_c20150910131257!FH6</f>
        <v>-3.0099784989000001E-2</v>
      </c>
      <c r="FI6" s="2">
        <f>+BIE_c20150910131257!FI6</f>
        <v>-8.3688349800000003E-4</v>
      </c>
      <c r="FJ6" s="2">
        <f>+BIE_c20150910131257!FJ6</f>
        <v>2.6924298738000001E-2</v>
      </c>
      <c r="FK6" s="2">
        <f>+BIE_c20150910131257!FK6</f>
        <v>6.2051445282000003E-2</v>
      </c>
      <c r="FL6" s="2">
        <f>+BIE_c20150910131257!FL6</f>
        <v>9.2295026316000006E-2</v>
      </c>
      <c r="FM6" s="2">
        <f>+BIE_c20150910131257!FM6</f>
        <v>0.111327499983</v>
      </c>
      <c r="FN6" s="2">
        <f>+BIE_c20150910131257!FN6</f>
        <v>0.122255400938</v>
      </c>
      <c r="FO6" s="2">
        <f>+BIE_c20150910131257!FO6</f>
        <v>0.12096553685899999</v>
      </c>
      <c r="FP6" s="2">
        <f>+BIE_c20150910131257!FP6</f>
        <v>0.116439986075</v>
      </c>
      <c r="FQ6" s="2">
        <f>+BIE_c20150910131257!FQ6</f>
        <v>0.104112974717</v>
      </c>
      <c r="FR6" s="2">
        <f>+BIE_c20150910131257!FR6</f>
        <v>8.0425327416999995E-2</v>
      </c>
      <c r="FS6" s="2">
        <f>+BIE_c20150910131257!FS6</f>
        <v>4.8320008189999999E-2</v>
      </c>
      <c r="FT6" s="2">
        <f>+BIE_c20150910131257!FT6</f>
        <v>2.2780238558000002E-2</v>
      </c>
      <c r="FU6" s="2">
        <f>+BIE_c20150910131257!FU6</f>
        <v>5.8520521789999997E-3</v>
      </c>
      <c r="FV6" s="2">
        <f>+BIE_c20150910131257!FV6</f>
        <v>-3.54983768E-3</v>
      </c>
      <c r="FW6" s="2">
        <f>+BIE_c20150910131257!FW6</f>
        <v>-9.801916196E-3</v>
      </c>
      <c r="FX6" s="2">
        <f>+BIE_c20150910131257!FX6</f>
        <v>-2.2198618162E-2</v>
      </c>
      <c r="FY6" s="2">
        <f>+BIE_c20150910131257!FY6</f>
        <v>-4.1947040504999998E-2</v>
      </c>
      <c r="FZ6" s="2">
        <f>+BIE_c20150910131257!FZ6</f>
        <v>-5.6510007730999998E-2</v>
      </c>
      <c r="GA6" s="2">
        <f>+BIE_c20150910131257!GA6</f>
        <v>-5.7245710876999999E-2</v>
      </c>
      <c r="GB6" s="2">
        <f>+BIE_c20150910131257!GB6</f>
        <v>-5.4191043293000001E-2</v>
      </c>
      <c r="GC6" s="25">
        <f>+BIE_c20150910131257!GC6</f>
        <v>-5.0416355737999997E-2</v>
      </c>
      <c r="GD6" s="25">
        <f>+BIE_c20150910131257!GD6</f>
        <v>-4.4963223821000001E-2</v>
      </c>
      <c r="GE6" s="25">
        <f>+BIE_c20150910131257!GE6</f>
        <v>-1.9222439354999999E-2</v>
      </c>
      <c r="GF6" s="25">
        <f>+BIE_c20150910131257!GF6</f>
        <v>-1.947704325E-3</v>
      </c>
      <c r="GG6" s="26">
        <f>+BIE_c20150910131257!GG6</f>
        <v>-4.3433237020000003E-3</v>
      </c>
      <c r="GH6" s="26">
        <f>+BIE_c20150910131257!GH6</f>
        <v>-2.4086423542E-2</v>
      </c>
      <c r="GI6" s="26">
        <f>+BIE_c20150910131257!GI6</f>
        <v>-5.2286953599999998E-2</v>
      </c>
      <c r="GJ6" s="26">
        <f>+BIE_c20150910131257!GJ6</f>
        <v>-7.2007887147000002E-2</v>
      </c>
      <c r="GK6" s="27">
        <f>+BIE_c20150910131257!GK6</f>
        <v>-8.1132762509000006E-2</v>
      </c>
      <c r="GL6" s="27">
        <f>+BIE_c20150910131257!GL6</f>
        <v>-9.5175446989999996E-2</v>
      </c>
      <c r="GM6" s="27">
        <f>+BIE_c20150910131257!GM6</f>
        <v>-0.133843025182</v>
      </c>
      <c r="GN6" s="27">
        <f>+BIE_c20150910131257!GN6</f>
        <v>-0.16590305105600001</v>
      </c>
      <c r="GO6" s="27">
        <f>+BIE_c20150910131257!GO6</f>
        <v>-0.18327090172400001</v>
      </c>
      <c r="GP6" s="27">
        <f>+BIE_c20150910131257!GP6</f>
        <v>0</v>
      </c>
      <c r="GQ6" s="27">
        <f>+BIE_c20150910131257!GQ6</f>
        <v>0</v>
      </c>
      <c r="GR6" s="27">
        <f>+BIE_c20150910131257!GR6</f>
        <v>0</v>
      </c>
      <c r="GS6" s="27">
        <f>+BIE_c20150910131257!GS6</f>
        <v>0</v>
      </c>
      <c r="GT6" s="27">
        <f>+BIE_c20150910131257!GT6</f>
        <v>0</v>
      </c>
      <c r="GU6" s="27">
        <f>+BIE_c20150910131257!GU6</f>
        <v>0</v>
      </c>
      <c r="GV6" s="27">
        <f>+BIE_c20150910131257!GV6</f>
        <v>0</v>
      </c>
      <c r="GW6" s="27">
        <f>+BIE_c20150910131257!GW6</f>
        <v>0</v>
      </c>
      <c r="GX6" s="27">
        <f>+BIE_c20150910131257!GX6</f>
        <v>0</v>
      </c>
      <c r="GY6" s="27">
        <f>+BIE_c20150910131257!GY6</f>
        <v>0</v>
      </c>
      <c r="GZ6" s="26">
        <f>+BIE_c20150910131257!HF6</f>
        <v>0</v>
      </c>
      <c r="HA6" s="26">
        <f>+BIE_c20150910131257!HG6</f>
        <v>0</v>
      </c>
      <c r="HB6" s="26">
        <f>+BIE_c20150910131257!HH6</f>
        <v>0</v>
      </c>
      <c r="HC6" s="26">
        <f>+BIE_c20150910131257!HI6</f>
        <v>0</v>
      </c>
      <c r="HD6" s="26">
        <f>+BIE_c20150910131257!HJ6</f>
        <v>0</v>
      </c>
      <c r="HE6" s="26">
        <f>+BIE_c20150910131257!HK6</f>
        <v>0</v>
      </c>
      <c r="HF6" s="26">
        <f>+BIE_c20150910131257!HL6</f>
        <v>0</v>
      </c>
      <c r="HG6" s="26">
        <f>+BIE_c20150910131257!HM6</f>
        <v>0</v>
      </c>
      <c r="HH6" s="26">
        <f>+BIE_c20150910131257!HN6</f>
        <v>0</v>
      </c>
      <c r="HI6" s="26">
        <f>+BIE_c20150910131257!HO6</f>
        <v>0</v>
      </c>
      <c r="HJ6" s="26">
        <f>+BIE_c20150910131257!HP6</f>
        <v>0</v>
      </c>
      <c r="HK6" s="26">
        <f>+BIE_c20150910131257!HQ6</f>
        <v>0</v>
      </c>
      <c r="HL6" s="26">
        <f>+BIE_c20150910131257!HR6</f>
        <v>0</v>
      </c>
      <c r="HM6" s="26">
        <f>+BIE_c20150910131257!HS6</f>
        <v>0</v>
      </c>
      <c r="HN6" s="26">
        <f>+BIE_c20150910131257!HT6</f>
        <v>0</v>
      </c>
      <c r="HO6" s="26">
        <f>+BIE_c20150910131257!HU6</f>
        <v>0</v>
      </c>
      <c r="HP6" s="26">
        <f>+BIE_c20150910131257!HV6</f>
        <v>0</v>
      </c>
      <c r="HQ6" s="26">
        <f>+BIE_c20150910131257!HW6</f>
        <v>0</v>
      </c>
      <c r="HR6" s="26">
        <f>+BIE_c20150910131257!HX6</f>
        <v>0</v>
      </c>
      <c r="HS6" s="26">
        <f>+BIE_c20150910131257!HY6</f>
        <v>0</v>
      </c>
      <c r="HT6" s="26">
        <f>+BIE_c20150910131257!HZ6</f>
        <v>0</v>
      </c>
      <c r="HU6" s="26">
        <f>+BIE_c20150910131257!IA6</f>
        <v>0</v>
      </c>
      <c r="HV6" s="26">
        <f>+BIE_c20150910131257!IB6</f>
        <v>0</v>
      </c>
      <c r="HW6" s="26">
        <f>+BIE_c20150910131257!IC6</f>
        <v>0</v>
      </c>
      <c r="HX6" s="26">
        <f>+BIE_c20150910131257!ID6</f>
        <v>0</v>
      </c>
      <c r="HY6" s="26">
        <f>+BIE_c20150910131257!IE6</f>
        <v>0</v>
      </c>
      <c r="HZ6" s="25">
        <f>+BIE_c20150910131257!IH6</f>
        <v>0</v>
      </c>
      <c r="IA6" s="25">
        <f>+BIE_c20150910131257!II6</f>
        <v>0</v>
      </c>
      <c r="IB6" s="25">
        <f>+BIE_c20150910131257!IJ6</f>
        <v>0</v>
      </c>
      <c r="IC6" s="25">
        <f>+BIE_c20150910131257!IK6</f>
        <v>0</v>
      </c>
      <c r="ID6" s="25">
        <f>+BIE_c20150910131257!IL6</f>
        <v>0</v>
      </c>
      <c r="IE6" s="25">
        <f>+BIE_c20150910131257!IM6</f>
        <v>0</v>
      </c>
      <c r="IF6" s="25">
        <f>+BIE_c20150910131257!IN6</f>
        <v>0</v>
      </c>
      <c r="IG6" s="25">
        <f>+BIE_c20150910131257!IO6</f>
        <v>0</v>
      </c>
      <c r="IH6" s="25">
        <f>+BIE_c20150910131257!IP6</f>
        <v>0</v>
      </c>
      <c r="II6" s="25">
        <f>+BIE_c20150910131257!IQ6</f>
        <v>0</v>
      </c>
      <c r="IJ6" s="25">
        <f>+BIE_c20150910131257!IR6</f>
        <v>0</v>
      </c>
      <c r="IK6" s="25">
        <f>+BIE_c20150910131257!IS6</f>
        <v>0</v>
      </c>
      <c r="IL6" s="25">
        <f>+BIE_c20150910131257!IT6</f>
        <v>0</v>
      </c>
      <c r="IM6" s="25">
        <f>+BIE_c20150910131257!IU6</f>
        <v>0</v>
      </c>
      <c r="IN6" s="25">
        <f>+BIE_c20150910131257!IV6</f>
        <v>0</v>
      </c>
      <c r="IO6" s="25">
        <f>+BIE_c20150910131257!IW6</f>
        <v>0</v>
      </c>
      <c r="IP6" s="25">
        <f>+BIE_c20150910131257!IX6</f>
        <v>0</v>
      </c>
      <c r="IQ6" s="25">
        <f>+BIE_c20150910131257!IY6</f>
        <v>0</v>
      </c>
      <c r="IR6" s="25">
        <f>+BIE_c20150910131257!IZ6</f>
        <v>0</v>
      </c>
      <c r="IS6" s="25">
        <f>+BIE_c20150910131257!JA6</f>
        <v>0</v>
      </c>
      <c r="IT6" s="14"/>
    </row>
    <row r="7" spans="1:254" ht="16.5" customHeight="1" x14ac:dyDescent="0.25">
      <c r="A7" s="6" t="s">
        <v>279</v>
      </c>
      <c r="B7" s="2">
        <f>+BIE_c20150910131257!B7</f>
        <v>0.113274379435</v>
      </c>
      <c r="C7" s="2">
        <f>+BIE_c20150910131257!C7</f>
        <v>0.13637940621700001</v>
      </c>
      <c r="D7" s="2">
        <f>+BIE_c20150910131257!D7</f>
        <v>0.167635321197</v>
      </c>
      <c r="E7" s="2">
        <f>+BIE_c20150910131257!E7</f>
        <v>0.203503934927</v>
      </c>
      <c r="F7" s="2">
        <f>+BIE_c20150910131257!F7</f>
        <v>0.208531416287</v>
      </c>
      <c r="G7" s="2">
        <f>+BIE_c20150910131257!G7</f>
        <v>0.18440380994300001</v>
      </c>
      <c r="H7" s="2">
        <f>+BIE_c20150910131257!H7</f>
        <v>0.134166271758</v>
      </c>
      <c r="I7" s="2">
        <f>+BIE_c20150910131257!I7</f>
        <v>7.9160872021000001E-2</v>
      </c>
      <c r="J7" s="2">
        <f>+BIE_c20150910131257!J7</f>
        <v>2.5211712540999999E-2</v>
      </c>
      <c r="K7" s="2">
        <f>+BIE_c20150910131257!K7</f>
        <v>-2.6150773674999999E-2</v>
      </c>
      <c r="L7" s="2">
        <f>+BIE_c20150910131257!L7</f>
        <v>-5.7983607824E-2</v>
      </c>
      <c r="M7" s="2">
        <f>+BIE_c20150910131257!M7</f>
        <v>-6.4262758579999996E-2</v>
      </c>
      <c r="N7" s="2">
        <f>+BIE_c20150910131257!N7</f>
        <v>-5.9197942121999997E-2</v>
      </c>
      <c r="O7" s="2">
        <f>+BIE_c20150910131257!O7</f>
        <v>-8.2299423353000001E-2</v>
      </c>
      <c r="P7" s="2">
        <f>+BIE_c20150910131257!P7</f>
        <v>-0.12161556468900001</v>
      </c>
      <c r="Q7" s="2">
        <f>+BIE_c20150910131257!Q7</f>
        <v>-0.15582963974700001</v>
      </c>
      <c r="R7" s="2">
        <f>+BIE_c20150910131257!R7</f>
        <v>-0.16782279800300001</v>
      </c>
      <c r="S7" s="2">
        <f>+BIE_c20150910131257!S7</f>
        <v>-0.15805362248499999</v>
      </c>
      <c r="T7" s="2">
        <f>+BIE_c20150910131257!T7</f>
        <v>-0.13678614193700001</v>
      </c>
      <c r="U7" s="2">
        <f>+BIE_c20150910131257!U7</f>
        <v>-0.10748271859</v>
      </c>
      <c r="V7" s="2">
        <f>+BIE_c20150910131257!V7</f>
        <v>-8.6307335757000003E-2</v>
      </c>
      <c r="W7" s="2">
        <f>+BIE_c20150910131257!W7</f>
        <v>-7.6367660589999997E-2</v>
      </c>
      <c r="X7" s="2">
        <f>+BIE_c20150910131257!X7</f>
        <v>-6.8431427599000005E-2</v>
      </c>
      <c r="Y7" s="2">
        <f>+BIE_c20150910131257!Y7</f>
        <v>-6.6157095203999997E-2</v>
      </c>
      <c r="Z7" s="2">
        <f>+BIE_c20150910131257!Z7</f>
        <v>-5.9645396247E-2</v>
      </c>
      <c r="AA7" s="2">
        <f>+BIE_c20150910131257!AA7</f>
        <v>-4.9978021416000003E-2</v>
      </c>
      <c r="AB7" s="2">
        <f>+BIE_c20150910131257!AB7</f>
        <v>-4.9038475555000002E-2</v>
      </c>
      <c r="AC7" s="2">
        <f>+BIE_c20150910131257!AC7</f>
        <v>-5.4977894968999998E-2</v>
      </c>
      <c r="AD7" s="2">
        <f>+BIE_c20150910131257!AD7</f>
        <v>-6.1098997826999998E-2</v>
      </c>
      <c r="AE7" s="2">
        <f>+BIE_c20150910131257!AE7</f>
        <v>-6.9510572418000002E-2</v>
      </c>
      <c r="AF7" s="2">
        <f>+BIE_c20150910131257!AF7</f>
        <v>-7.1683301379000003E-2</v>
      </c>
      <c r="AG7" s="2">
        <f>+BIE_c20150910131257!AG7</f>
        <v>-7.5785768752999999E-2</v>
      </c>
      <c r="AH7" s="2">
        <f>+BIE_c20150910131257!AH7</f>
        <v>-8.3388167479999997E-2</v>
      </c>
      <c r="AI7" s="2">
        <f>+BIE_c20150910131257!AI7</f>
        <v>-8.3108830502000006E-2</v>
      </c>
      <c r="AJ7" s="2">
        <f>+BIE_c20150910131257!AJ7</f>
        <v>-7.9063826328000006E-2</v>
      </c>
      <c r="AK7" s="2">
        <f>+BIE_c20150910131257!AK7</f>
        <v>-7.9141818572999997E-2</v>
      </c>
      <c r="AL7" s="2">
        <f>+BIE_c20150910131257!AL7</f>
        <v>-8.1173483988999998E-2</v>
      </c>
      <c r="AM7" s="2">
        <f>+BIE_c20150910131257!AM7</f>
        <v>-7.4951222740999995E-2</v>
      </c>
      <c r="AN7" s="2">
        <f>+BIE_c20150910131257!AN7</f>
        <v>-6.2325426721999998E-2</v>
      </c>
      <c r="AO7" s="2">
        <f>+BIE_c20150910131257!AO7</f>
        <v>-3.7655337167000001E-2</v>
      </c>
      <c r="AP7" s="2">
        <f>+BIE_c20150910131257!AP7</f>
        <v>-1.3232125821E-2</v>
      </c>
      <c r="AQ7" s="2">
        <f>+BIE_c20150910131257!AQ7</f>
        <v>7.4707835640000003E-3</v>
      </c>
      <c r="AR7" s="2">
        <f>+BIE_c20150910131257!AR7</f>
        <v>1.9319384477999999E-2</v>
      </c>
      <c r="AS7" s="2">
        <f>+BIE_c20150910131257!AS7</f>
        <v>3.2131145430999999E-2</v>
      </c>
      <c r="AT7" s="2">
        <f>+BIE_c20150910131257!AT7</f>
        <v>5.1774858079000001E-2</v>
      </c>
      <c r="AU7" s="2">
        <f>+BIE_c20150910131257!AU7</f>
        <v>7.6887819699000007E-2</v>
      </c>
      <c r="AV7" s="2">
        <f>+BIE_c20150910131257!AV7</f>
        <v>9.9710597523999994E-2</v>
      </c>
      <c r="AW7" s="2">
        <f>+BIE_c20150910131257!AW7</f>
        <v>0.11923660727300001</v>
      </c>
      <c r="AX7" s="2">
        <f>+BIE_c20150910131257!AX7</f>
        <v>0.12975252938199999</v>
      </c>
      <c r="AY7" s="2">
        <f>+BIE_c20150910131257!AY7</f>
        <v>0.134960370967</v>
      </c>
      <c r="AZ7" s="2">
        <f>+BIE_c20150910131257!AZ7</f>
        <v>0.14016115832000001</v>
      </c>
      <c r="BA7" s="2">
        <f>+BIE_c20150910131257!BA7</f>
        <v>0.12764764577000001</v>
      </c>
      <c r="BB7" s="2">
        <f>+BIE_c20150910131257!BB7</f>
        <v>0.10302762498</v>
      </c>
      <c r="BC7" s="2">
        <f>+BIE_c20150910131257!BC7</f>
        <v>8.6202350423999999E-2</v>
      </c>
      <c r="BD7" s="2">
        <f>+BIE_c20150910131257!BD7</f>
        <v>8.3315548983000004E-2</v>
      </c>
      <c r="BE7" s="2">
        <f>+BIE_c20150910131257!BE7</f>
        <v>7.7061198201999997E-2</v>
      </c>
      <c r="BF7" s="2">
        <f>+BIE_c20150910131257!BF7</f>
        <v>8.2612011392000001E-2</v>
      </c>
      <c r="BG7" s="2">
        <f>+BIE_c20150910131257!BG7</f>
        <v>7.4852921202999995E-2</v>
      </c>
      <c r="BH7" s="2">
        <f>+BIE_c20150910131257!BH7</f>
        <v>4.6941093062999997E-2</v>
      </c>
      <c r="BI7" s="2">
        <f>+BIE_c20150910131257!BI7</f>
        <v>1.6335489589999999E-3</v>
      </c>
      <c r="BJ7" s="2">
        <f>+BIE_c20150910131257!BJ7</f>
        <v>-2.8556042271999999E-2</v>
      </c>
      <c r="BK7" s="2">
        <f>+BIE_c20150910131257!BK7</f>
        <v>-4.8952579055000001E-2</v>
      </c>
      <c r="BL7" s="2">
        <f>+BIE_c20150910131257!BL7</f>
        <v>-6.5930271405999996E-2</v>
      </c>
      <c r="BM7" s="2">
        <f>+BIE_c20150910131257!BM7</f>
        <v>-8.3941780413000003E-2</v>
      </c>
      <c r="BN7" s="2">
        <f>+BIE_c20150910131257!BN7</f>
        <v>-7.2899497399999999E-2</v>
      </c>
      <c r="BO7" s="2">
        <f>+BIE_c20150910131257!BO7</f>
        <v>-4.7148670589999997E-2</v>
      </c>
      <c r="BP7" s="2">
        <f>+BIE_c20150910131257!BP7</f>
        <v>8.8729248600000004E-4</v>
      </c>
      <c r="BQ7" s="2">
        <f>+BIE_c20150910131257!BQ7</f>
        <v>3.5649403566E-2</v>
      </c>
      <c r="BR7" s="2">
        <f>+BIE_c20150910131257!BR7</f>
        <v>4.4489482109E-2</v>
      </c>
      <c r="BS7" s="2">
        <f>+BIE_c20150910131257!BS7</f>
        <v>2.0592427742999998E-2</v>
      </c>
      <c r="BT7" s="2">
        <f>+BIE_c20150910131257!BT7</f>
        <v>5.6318630919999996E-3</v>
      </c>
      <c r="BU7" s="2">
        <f>+BIE_c20150910131257!BU7</f>
        <v>1.2310687009999999E-3</v>
      </c>
      <c r="BV7" s="2">
        <f>+BIE_c20150910131257!BV7</f>
        <v>-2.5205420669999999E-3</v>
      </c>
      <c r="BW7" s="2">
        <f>+BIE_c20150910131257!BW7</f>
        <v>-1.1674532416E-2</v>
      </c>
      <c r="BX7" s="2">
        <f>+BIE_c20150910131257!BX7</f>
        <v>-2.0125584203000001E-2</v>
      </c>
      <c r="BY7" s="2">
        <f>+BIE_c20150910131257!BY7</f>
        <v>-1.8324130532999999E-2</v>
      </c>
      <c r="BZ7" s="2">
        <f>+BIE_c20150910131257!BZ7</f>
        <v>-2.1396561984000001E-2</v>
      </c>
      <c r="CA7" s="2">
        <f>+BIE_c20150910131257!CA7</f>
        <v>-2.0835176082000001E-2</v>
      </c>
      <c r="CB7" s="2">
        <f>+BIE_c20150910131257!CB7</f>
        <v>-1.3902488520999999E-2</v>
      </c>
      <c r="CC7" s="2">
        <f>+BIE_c20150910131257!CC7</f>
        <v>-6.0714511399999999E-4</v>
      </c>
      <c r="CD7" s="2">
        <f>+BIE_c20150910131257!CD7</f>
        <v>9.5009376690000005E-3</v>
      </c>
      <c r="CE7" s="2">
        <f>+BIE_c20150910131257!CE7</f>
        <v>9.4173145910000002E-3</v>
      </c>
      <c r="CF7" s="2">
        <f>+BIE_c20150910131257!CF7</f>
        <v>1.2168252999E-2</v>
      </c>
      <c r="CG7" s="2">
        <f>+BIE_c20150910131257!CG7</f>
        <v>1.6244067777E-2</v>
      </c>
      <c r="CH7" s="2">
        <f>+BIE_c20150910131257!CH7</f>
        <v>1.9725986562E-2</v>
      </c>
      <c r="CI7" s="2">
        <f>+BIE_c20150910131257!CI7</f>
        <v>2.3736133382999999E-2</v>
      </c>
      <c r="CJ7" s="2">
        <f>+BIE_c20150910131257!CJ7</f>
        <v>3.0304160744000001E-2</v>
      </c>
      <c r="CK7" s="2">
        <f>+BIE_c20150910131257!CK7</f>
        <v>4.6920358315000001E-2</v>
      </c>
      <c r="CL7" s="2">
        <f>+BIE_c20150910131257!CL7</f>
        <v>6.6284200964999998E-2</v>
      </c>
      <c r="CM7" s="2">
        <f>+BIE_c20150910131257!CM7</f>
        <v>7.8453904310999995E-2</v>
      </c>
      <c r="CN7" s="2">
        <f>+BIE_c20150910131257!CN7</f>
        <v>7.4597019240999998E-2</v>
      </c>
      <c r="CO7" s="2">
        <f>+BIE_c20150910131257!CO7</f>
        <v>5.9164841577999998E-2</v>
      </c>
      <c r="CP7" s="2">
        <f>+BIE_c20150910131257!CP7</f>
        <v>3.8530190414E-2</v>
      </c>
      <c r="CQ7" s="2">
        <f>+BIE_c20150910131257!CQ7</f>
        <v>1.8802103652E-2</v>
      </c>
      <c r="CR7" s="2">
        <f>+BIE_c20150910131257!CR7</f>
        <v>8.6247831949999992E-3</v>
      </c>
      <c r="CS7" s="2">
        <f>+BIE_c20150910131257!CS7</f>
        <v>1.0061539632E-2</v>
      </c>
      <c r="CT7" s="2">
        <f>+BIE_c20150910131257!CT7</f>
        <v>2.6433906399E-2</v>
      </c>
      <c r="CU7" s="2">
        <f>+BIE_c20150910131257!CU7</f>
        <v>2.6771053619999999E-2</v>
      </c>
      <c r="CV7" s="2">
        <f>+BIE_c20150910131257!CV7</f>
        <v>1.3051432522999999E-2</v>
      </c>
      <c r="CW7" s="2">
        <f>+BIE_c20150910131257!CW7</f>
        <v>-1.6261307698000001E-2</v>
      </c>
      <c r="CX7" s="2">
        <f>+BIE_c20150910131257!CX7</f>
        <v>-3.3554991003000002E-2</v>
      </c>
      <c r="CY7" s="2">
        <f>+BIE_c20150910131257!CY7</f>
        <v>-6.1624778823E-2</v>
      </c>
      <c r="CZ7" s="2">
        <f>+BIE_c20150910131257!CZ7</f>
        <v>-9.9231749187999999E-2</v>
      </c>
      <c r="DA7" s="2">
        <f>+BIE_c20150910131257!DA7</f>
        <v>-0.121959133082</v>
      </c>
      <c r="DB7" s="2">
        <f>+BIE_c20150910131257!DB7</f>
        <v>-0.13032823030900001</v>
      </c>
      <c r="DC7" s="2">
        <f>+BIE_c20150910131257!DC7</f>
        <v>-0.12540108189599999</v>
      </c>
      <c r="DD7" s="2">
        <f>+BIE_c20150910131257!DD7</f>
        <v>-0.114365057167</v>
      </c>
      <c r="DE7" s="2">
        <f>+BIE_c20150910131257!DE7</f>
        <v>-9.9261148681E-2</v>
      </c>
      <c r="DF7" s="2">
        <f>+BIE_c20150910131257!DF7</f>
        <v>-8.6461317386999997E-2</v>
      </c>
      <c r="DG7" s="2">
        <f>+BIE_c20150910131257!DG7</f>
        <v>-8.3629742615999994E-2</v>
      </c>
      <c r="DH7" s="2">
        <f>+BIE_c20150910131257!DH7</f>
        <v>-8.8244754706999995E-2</v>
      </c>
      <c r="DI7" s="2">
        <f>+BIE_c20150910131257!DI7</f>
        <v>-9.9280876633999995E-2</v>
      </c>
      <c r="DJ7" s="2">
        <f>+BIE_c20150910131257!DJ7</f>
        <v>-9.5253785325999998E-2</v>
      </c>
      <c r="DK7" s="2">
        <f>+BIE_c20150910131257!DK7</f>
        <v>-7.1679164855000005E-2</v>
      </c>
      <c r="DL7" s="2">
        <f>+BIE_c20150910131257!DL7</f>
        <v>-4.9773621709000002E-2</v>
      </c>
      <c r="DM7" s="2">
        <f>+BIE_c20150910131257!DM7</f>
        <v>-3.2505050418000003E-2</v>
      </c>
      <c r="DN7" s="2">
        <f>+BIE_c20150910131257!DN7</f>
        <v>-1.8980154207E-2</v>
      </c>
      <c r="DO7" s="2">
        <f>+BIE_c20150910131257!DO7</f>
        <v>-5.9900308660000004E-3</v>
      </c>
      <c r="DP7" s="2">
        <f>+BIE_c20150910131257!DP7</f>
        <v>9.3900479749999995E-3</v>
      </c>
      <c r="DQ7" s="2">
        <f>+BIE_c20150910131257!DQ7</f>
        <v>1.9608671200999999E-2</v>
      </c>
      <c r="DR7" s="2">
        <f>+BIE_c20150910131257!DR7</f>
        <v>1.515877463E-2</v>
      </c>
      <c r="DS7" s="2">
        <f>+BIE_c20150910131257!DS7</f>
        <v>1.7955005124000001E-2</v>
      </c>
      <c r="DT7" s="2">
        <f>+BIE_c20150910131257!DT7</f>
        <v>1.7284429386E-2</v>
      </c>
      <c r="DU7" s="2">
        <f>+BIE_c20150910131257!DU7</f>
        <v>1.9544824658999999E-2</v>
      </c>
      <c r="DV7" s="2">
        <f>+BIE_c20150910131257!DV7</f>
        <v>2.1783185327E-2</v>
      </c>
      <c r="DW7" s="2">
        <f>+BIE_c20150910131257!DW7</f>
        <v>1.6563133143000001E-2</v>
      </c>
      <c r="DX7" s="2">
        <f>+BIE_c20150910131257!DX7</f>
        <v>7.2512287390000003E-3</v>
      </c>
      <c r="DY7" s="2">
        <f>+BIE_c20150910131257!DY7</f>
        <v>-1.0297689181E-2</v>
      </c>
      <c r="DZ7" s="2">
        <f>+BIE_c20150910131257!DZ7</f>
        <v>-3.4207198745999999E-2</v>
      </c>
      <c r="EA7" s="2">
        <f>+BIE_c20150910131257!EA7</f>
        <v>-4.4023830808E-2</v>
      </c>
      <c r="EB7" s="2">
        <f>+BIE_c20150910131257!EB7</f>
        <v>-3.7400341360999997E-2</v>
      </c>
      <c r="EC7" s="2">
        <f>+BIE_c20150910131257!EC7</f>
        <v>-3.7306229040000001E-3</v>
      </c>
      <c r="ED7" s="2">
        <f>+BIE_c20150910131257!ED7</f>
        <v>8.2255554270000003E-3</v>
      </c>
      <c r="EE7" s="2">
        <f>+BIE_c20150910131257!EE7</f>
        <v>3.6956255560000001E-3</v>
      </c>
      <c r="EF7" s="2">
        <f>+BIE_c20150910131257!EF7</f>
        <v>1.4581670091999999E-2</v>
      </c>
      <c r="EG7" s="2">
        <f>+BIE_c20150910131257!EG7</f>
        <v>2.5787315206999999E-2</v>
      </c>
      <c r="EH7" s="2">
        <f>+BIE_c20150910131257!EH7</f>
        <v>2.5847826569999999E-2</v>
      </c>
      <c r="EI7" s="2">
        <f>+BIE_c20150910131257!EI7</f>
        <v>2.6564114058999999E-2</v>
      </c>
      <c r="EJ7" s="2">
        <f>+BIE_c20150910131257!EJ7</f>
        <v>3.5725063744000002E-2</v>
      </c>
      <c r="EK7" s="2">
        <f>+BIE_c20150910131257!EK7</f>
        <v>5.5905837043999998E-2</v>
      </c>
      <c r="EL7" s="2">
        <f>+BIE_c20150910131257!EL7</f>
        <v>7.7960327593000006E-2</v>
      </c>
      <c r="EM7" s="2">
        <f>+BIE_c20150910131257!EM7</f>
        <v>9.0011106004000002E-2</v>
      </c>
      <c r="EN7" s="2">
        <f>+BIE_c20150910131257!EN7</f>
        <v>9.5034695704E-2</v>
      </c>
      <c r="EO7" s="2">
        <f>+BIE_c20150910131257!EO7</f>
        <v>9.6194613730999995E-2</v>
      </c>
      <c r="EP7" s="2">
        <f>+BIE_c20150910131257!EP7</f>
        <v>8.6315650095999993E-2</v>
      </c>
      <c r="EQ7" s="2">
        <f>+BIE_c20150910131257!EQ7</f>
        <v>7.2198121207000004E-2</v>
      </c>
      <c r="ER7" s="2">
        <f>+BIE_c20150910131257!ER7</f>
        <v>5.5426689613999998E-2</v>
      </c>
      <c r="ES7" s="2">
        <f>+BIE_c20150910131257!ES7</f>
        <v>3.8027458443999997E-2</v>
      </c>
      <c r="ET7" s="2">
        <f>+BIE_c20150910131257!ET7</f>
        <v>2.1971381663999999E-2</v>
      </c>
      <c r="EU7" s="2">
        <f>+BIE_c20150910131257!EU7</f>
        <v>1.0713978989999999E-2</v>
      </c>
      <c r="EV7" s="2">
        <f>+BIE_c20150910131257!EV7</f>
        <v>4.5666795449999997E-3</v>
      </c>
      <c r="EW7" s="2">
        <f>+BIE_c20150910131257!EW7</f>
        <v>1.0564665360000001E-3</v>
      </c>
      <c r="EX7" s="2">
        <f>+BIE_c20150910131257!EX7</f>
        <v>-1.4907698499E-2</v>
      </c>
      <c r="EY7" s="2">
        <f>+BIE_c20150910131257!EY7</f>
        <v>-5.3569138946000003E-2</v>
      </c>
      <c r="EZ7" s="2">
        <f>+BIE_c20150910131257!EZ7</f>
        <v>-8.5326357834E-2</v>
      </c>
      <c r="FA7" s="2">
        <f>+BIE_c20150910131257!FA7</f>
        <v>-9.4129954631000004E-2</v>
      </c>
      <c r="FB7" s="2">
        <f>+BIE_c20150910131257!FB7</f>
        <v>-6.1060321315999998E-2</v>
      </c>
      <c r="FC7" s="2">
        <f>+BIE_c20150910131257!FC7</f>
        <v>-3.8139031949E-2</v>
      </c>
      <c r="FD7" s="2">
        <f>+BIE_c20150910131257!FD7</f>
        <v>-2.3917445477000001E-2</v>
      </c>
      <c r="FE7" s="2">
        <f>+BIE_c20150910131257!FE7</f>
        <v>-1.3830064140999999E-2</v>
      </c>
      <c r="FF7" s="2">
        <f>+BIE_c20150910131257!FF7</f>
        <v>-3.7849453090000001E-3</v>
      </c>
      <c r="FG7" s="2">
        <f>+BIE_c20150910131257!FG7</f>
        <v>-1.3365439456E-2</v>
      </c>
      <c r="FH7" s="2">
        <f>+BIE_c20150910131257!FH7</f>
        <v>-2.6428441733000001E-2</v>
      </c>
      <c r="FI7" s="2">
        <f>+BIE_c20150910131257!FI7</f>
        <v>-4.7419784880000003E-2</v>
      </c>
      <c r="FJ7" s="2">
        <f>+BIE_c20150910131257!FJ7</f>
        <v>-3.3013636286999999E-2</v>
      </c>
      <c r="FK7" s="2">
        <f>+BIE_c20150910131257!FK7</f>
        <v>-9.8437858239999992E-3</v>
      </c>
      <c r="FL7" s="2">
        <f>+BIE_c20150910131257!FL7</f>
        <v>1.013271869E-2</v>
      </c>
      <c r="FM7" s="2">
        <f>+BIE_c20150910131257!FM7</f>
        <v>-1.864167193E-3</v>
      </c>
      <c r="FN7" s="2">
        <f>+BIE_c20150910131257!FN7</f>
        <v>-1.8485578200000002E-2</v>
      </c>
      <c r="FO7" s="2">
        <f>+BIE_c20150910131257!FO7</f>
        <v>-1.8486735090000001E-2</v>
      </c>
      <c r="FP7" s="2">
        <f>+BIE_c20150910131257!FP7</f>
        <v>-6.5171158350000001E-3</v>
      </c>
      <c r="FQ7" s="2">
        <f>+BIE_c20150910131257!FQ7</f>
        <v>1.0559283551E-2</v>
      </c>
      <c r="FR7" s="2">
        <f>+BIE_c20150910131257!FR7</f>
        <v>2.1712948815000001E-2</v>
      </c>
      <c r="FS7" s="2">
        <f>+BIE_c20150910131257!FS7</f>
        <v>3.1537249753999998E-2</v>
      </c>
      <c r="FT7" s="2">
        <f>+BIE_c20150910131257!FT7</f>
        <v>2.7692544504000001E-2</v>
      </c>
      <c r="FU7" s="2">
        <f>+BIE_c20150910131257!FU7</f>
        <v>1.8388112751999999E-2</v>
      </c>
      <c r="FV7" s="2">
        <f>+BIE_c20150910131257!FV7</f>
        <v>1.4548466426E-2</v>
      </c>
      <c r="FW7" s="2">
        <f>+BIE_c20150910131257!FW7</f>
        <v>1.7746382137E-2</v>
      </c>
      <c r="FX7" s="2">
        <f>+BIE_c20150910131257!FX7</f>
        <v>2.6643513327999999E-2</v>
      </c>
      <c r="FY7" s="2">
        <f>+BIE_c20150910131257!FY7</f>
        <v>3.7615538116999997E-2</v>
      </c>
      <c r="FZ7" s="2">
        <f>+BIE_c20150910131257!FZ7</f>
        <v>4.9364147199000001E-2</v>
      </c>
      <c r="GA7" s="2">
        <f>+BIE_c20150910131257!GA7</f>
        <v>4.9670543884000003E-2</v>
      </c>
      <c r="GB7" s="2">
        <f>+BIE_c20150910131257!GB7</f>
        <v>4.3025894368999999E-2</v>
      </c>
      <c r="GC7" s="25">
        <f>+BIE_c20150910131257!GC7</f>
        <v>4.0137359685999997E-2</v>
      </c>
      <c r="GD7" s="25">
        <f>+BIE_c20150910131257!GD7</f>
        <v>4.1369194992000001E-2</v>
      </c>
      <c r="GE7" s="25">
        <f>+BIE_c20150910131257!GE7</f>
        <v>4.2702737799000003E-2</v>
      </c>
      <c r="GF7" s="25">
        <f>+BIE_c20150910131257!GF7</f>
        <v>3.3469651729000002E-2</v>
      </c>
      <c r="GG7" s="26">
        <f>+BIE_c20150910131257!GG7</f>
        <v>2.0282317556000001E-2</v>
      </c>
      <c r="GH7" s="26">
        <f>+BIE_c20150910131257!GH7</f>
        <v>8.1656739220000007E-3</v>
      </c>
      <c r="GI7" s="26">
        <f>+BIE_c20150910131257!GI7</f>
        <v>1.5233116418000001E-2</v>
      </c>
      <c r="GJ7" s="27">
        <f>+BIE_c20150910131257!GJ7</f>
        <v>4.0932315943000001E-2</v>
      </c>
      <c r="GK7" s="27">
        <f>+BIE_c20150910131257!GK7</f>
        <v>7.9910741088999995E-2</v>
      </c>
      <c r="GL7" s="27">
        <f>+BIE_c20150910131257!GL7</f>
        <v>0.128990359321</v>
      </c>
      <c r="GM7" s="27">
        <f>+BIE_c20150910131257!GM7</f>
        <v>0.15221794076199999</v>
      </c>
      <c r="GN7" s="27">
        <f>+BIE_c20150910131257!GN7</f>
        <v>0.15439661550200001</v>
      </c>
      <c r="GO7" s="27">
        <f>+BIE_c20150910131257!GO7</f>
        <v>0.13130735967900001</v>
      </c>
      <c r="GP7" s="27">
        <f>+BIE_c20150910131257!GP7</f>
        <v>0</v>
      </c>
      <c r="GQ7" s="27">
        <f>+BIE_c20150910131257!GQ7</f>
        <v>0</v>
      </c>
      <c r="GR7" s="27">
        <f>+BIE_c20150910131257!GR7</f>
        <v>0</v>
      </c>
      <c r="GS7" s="27">
        <f>+BIE_c20150910131257!GS7</f>
        <v>0</v>
      </c>
      <c r="GT7" s="26">
        <f>+BIE_c20150910131257!GZ7</f>
        <v>0</v>
      </c>
      <c r="GU7" s="26">
        <f>+BIE_c20150910131257!HA7</f>
        <v>0</v>
      </c>
      <c r="GV7" s="26">
        <f>+BIE_c20150910131257!HB7</f>
        <v>0</v>
      </c>
      <c r="GW7" s="26">
        <f>+BIE_c20150910131257!HC7</f>
        <v>0</v>
      </c>
      <c r="GX7" s="26">
        <f>+BIE_c20150910131257!HD7</f>
        <v>0</v>
      </c>
      <c r="GY7" s="26">
        <f>+BIE_c20150910131257!HE7</f>
        <v>0</v>
      </c>
      <c r="GZ7" s="26">
        <f>+BIE_c20150910131257!HF7</f>
        <v>0</v>
      </c>
      <c r="HA7" s="26">
        <f>+BIE_c20150910131257!HG7</f>
        <v>0</v>
      </c>
      <c r="HB7" s="26">
        <f>+BIE_c20150910131257!HH7</f>
        <v>0</v>
      </c>
      <c r="HC7" s="26">
        <f>+BIE_c20150910131257!HI7</f>
        <v>0</v>
      </c>
      <c r="HD7" s="26">
        <f>+BIE_c20150910131257!HJ7</f>
        <v>0</v>
      </c>
      <c r="HE7" s="26">
        <f>+BIE_c20150910131257!HK7</f>
        <v>0</v>
      </c>
      <c r="HF7" s="26">
        <f>+BIE_c20150910131257!HL7</f>
        <v>0</v>
      </c>
      <c r="HG7" s="26">
        <f>+BIE_c20150910131257!HM7</f>
        <v>0</v>
      </c>
      <c r="HH7" s="26">
        <f>+BIE_c20150910131257!HN7</f>
        <v>0</v>
      </c>
      <c r="HI7" s="26">
        <f>+BIE_c20150910131257!HO7</f>
        <v>0</v>
      </c>
      <c r="HJ7" s="26">
        <f>+BIE_c20150910131257!HP7</f>
        <v>0</v>
      </c>
      <c r="HK7" s="26">
        <f>+BIE_c20150910131257!HQ7</f>
        <v>0</v>
      </c>
      <c r="HL7" s="26">
        <f>+BIE_c20150910131257!HR7</f>
        <v>0</v>
      </c>
      <c r="HM7" s="26">
        <f>+BIE_c20150910131257!HS7</f>
        <v>0</v>
      </c>
      <c r="HN7" s="26">
        <f>+BIE_c20150910131257!HT7</f>
        <v>0</v>
      </c>
      <c r="HO7" s="26">
        <f>+BIE_c20150910131257!HU7</f>
        <v>0</v>
      </c>
      <c r="HP7" s="26">
        <f>+BIE_c20150910131257!HV7</f>
        <v>0</v>
      </c>
      <c r="HQ7" s="26">
        <f>+BIE_c20150910131257!HW7</f>
        <v>0</v>
      </c>
      <c r="HR7" s="26">
        <f>+BIE_c20150910131257!HX7</f>
        <v>0</v>
      </c>
      <c r="HS7" s="26">
        <f>+BIE_c20150910131257!HY7</f>
        <v>0</v>
      </c>
      <c r="HT7" s="26">
        <f>+BIE_c20150910131257!HZ7</f>
        <v>0</v>
      </c>
      <c r="HU7" s="26">
        <f>+BIE_c20150910131257!IA7</f>
        <v>0</v>
      </c>
      <c r="HV7" s="26">
        <f>+BIE_c20150910131257!IB7</f>
        <v>0</v>
      </c>
      <c r="HW7" s="26">
        <f>+BIE_c20150910131257!IC7</f>
        <v>0</v>
      </c>
      <c r="HX7" s="26">
        <f>+BIE_c20150910131257!ID7</f>
        <v>0</v>
      </c>
      <c r="HY7" s="26">
        <f>+BIE_c20150910131257!IE7</f>
        <v>0</v>
      </c>
      <c r="HZ7" s="25">
        <f>+BIE_c20150910131257!IH7</f>
        <v>0</v>
      </c>
      <c r="IA7" s="25">
        <f>+BIE_c20150910131257!II7</f>
        <v>0</v>
      </c>
      <c r="IB7" s="25">
        <f>+BIE_c20150910131257!IJ7</f>
        <v>0</v>
      </c>
      <c r="IC7" s="25">
        <f>+BIE_c20150910131257!IK7</f>
        <v>0</v>
      </c>
      <c r="ID7" s="25">
        <f>+BIE_c20150910131257!IL7</f>
        <v>0</v>
      </c>
      <c r="IE7" s="25">
        <f>+BIE_c20150910131257!IM7</f>
        <v>0</v>
      </c>
      <c r="IF7" s="25">
        <f>+BIE_c20150910131257!IN7</f>
        <v>0</v>
      </c>
      <c r="IG7" s="25">
        <f>+BIE_c20150910131257!IO7</f>
        <v>0</v>
      </c>
      <c r="IH7" s="25">
        <f>+BIE_c20150910131257!IP7</f>
        <v>0</v>
      </c>
      <c r="II7" s="25">
        <f>+BIE_c20150910131257!IQ7</f>
        <v>0</v>
      </c>
      <c r="IJ7" s="25">
        <f>+BIE_c20150910131257!IR7</f>
        <v>0</v>
      </c>
      <c r="IK7" s="25">
        <f>+BIE_c20150910131257!IS7</f>
        <v>0</v>
      </c>
      <c r="IL7" s="25">
        <f>+BIE_c20150910131257!IT7</f>
        <v>0</v>
      </c>
      <c r="IM7" s="25">
        <f>+BIE_c20150910131257!IU7</f>
        <v>0</v>
      </c>
      <c r="IN7" s="25">
        <f>+BIE_c20150910131257!IV7</f>
        <v>0</v>
      </c>
      <c r="IO7" s="25">
        <f>+BIE_c20150910131257!IW7</f>
        <v>0</v>
      </c>
      <c r="IP7" s="25">
        <f>+BIE_c20150910131257!IX7</f>
        <v>0</v>
      </c>
      <c r="IQ7" s="25">
        <f>+BIE_c20150910131257!IY7</f>
        <v>0</v>
      </c>
      <c r="IR7" s="25">
        <f>+BIE_c20150910131257!IZ7</f>
        <v>0</v>
      </c>
      <c r="IS7" s="25">
        <f>+BIE_c20150910131257!JA7</f>
        <v>0</v>
      </c>
      <c r="IT7" s="14"/>
    </row>
    <row r="8" spans="1:254" x14ac:dyDescent="0.25">
      <c r="A8" s="6" t="s">
        <v>291</v>
      </c>
      <c r="B8" s="2">
        <f>+BIE_c20150910131257!B8</f>
        <v>0.121531066932</v>
      </c>
      <c r="C8" s="2">
        <f>+BIE_c20150910131257!C8</f>
        <v>0.121287783723</v>
      </c>
      <c r="D8" s="2">
        <f>+BIE_c20150910131257!D8</f>
        <v>0.122878516645</v>
      </c>
      <c r="E8" s="2">
        <f>+BIE_c20150910131257!E8</f>
        <v>0.129521537548</v>
      </c>
      <c r="F8" s="2">
        <f>+BIE_c20150910131257!F8</f>
        <v>0.14269344959499999</v>
      </c>
      <c r="G8" s="2">
        <f>+BIE_c20150910131257!G8</f>
        <v>0.15127461800700001</v>
      </c>
      <c r="H8" s="2">
        <f>+BIE_c20150910131257!H8</f>
        <v>0.148702404038</v>
      </c>
      <c r="I8" s="2">
        <f>+BIE_c20150910131257!I8</f>
        <v>0.13270827890600001</v>
      </c>
      <c r="J8" s="2">
        <f>+BIE_c20150910131257!J8</f>
        <v>9.9444634961000006E-2</v>
      </c>
      <c r="K8" s="2">
        <f>+BIE_c20150910131257!K8</f>
        <v>5.5703906908999998E-2</v>
      </c>
      <c r="L8" s="2">
        <f>+BIE_c20150910131257!L8</f>
        <v>2.6578998280000002E-3</v>
      </c>
      <c r="M8" s="2">
        <f>+BIE_c20150910131257!M8</f>
        <v>-4.9611720339E-2</v>
      </c>
      <c r="N8" s="2">
        <f>+BIE_c20150910131257!N8</f>
        <v>-9.3866763896999994E-2</v>
      </c>
      <c r="O8" s="2">
        <f>+BIE_c20150910131257!O8</f>
        <v>-0.13528591023299999</v>
      </c>
      <c r="P8" s="2">
        <f>+BIE_c20150910131257!P8</f>
        <v>-0.172246355091</v>
      </c>
      <c r="Q8" s="2">
        <f>+BIE_c20150910131257!Q8</f>
        <v>-0.20023583819900001</v>
      </c>
      <c r="R8" s="2">
        <f>+BIE_c20150910131257!R8</f>
        <v>-0.22585877339900001</v>
      </c>
      <c r="S8" s="2">
        <f>+BIE_c20150910131257!S8</f>
        <v>-0.243414672424</v>
      </c>
      <c r="T8" s="2">
        <f>+BIE_c20150910131257!T8</f>
        <v>-0.25089280501799999</v>
      </c>
      <c r="U8" s="2">
        <f>+BIE_c20150910131257!U8</f>
        <v>-0.24845872682100001</v>
      </c>
      <c r="V8" s="2">
        <f>+BIE_c20150910131257!V8</f>
        <v>-0.233325020966</v>
      </c>
      <c r="W8" s="2">
        <f>+BIE_c20150910131257!W8</f>
        <v>-0.20281078949799999</v>
      </c>
      <c r="X8" s="2">
        <f>+BIE_c20150910131257!X8</f>
        <v>-0.168644855584</v>
      </c>
      <c r="Y8" s="2">
        <f>+BIE_c20150910131257!Y8</f>
        <v>-0.13503197328800001</v>
      </c>
      <c r="Z8" s="2">
        <f>+BIE_c20150910131257!Z8</f>
        <v>-0.10563576560600001</v>
      </c>
      <c r="AA8" s="2">
        <f>+BIE_c20150910131257!AA8</f>
        <v>-7.6192097415000007E-2</v>
      </c>
      <c r="AB8" s="2">
        <f>+BIE_c20150910131257!AB8</f>
        <v>-4.8890360523999997E-2</v>
      </c>
      <c r="AC8" s="2">
        <f>+BIE_c20150910131257!AC8</f>
        <v>-2.5618256248000001E-2</v>
      </c>
      <c r="AD8" s="2">
        <f>+BIE_c20150910131257!AD8</f>
        <v>-1.3637046702E-2</v>
      </c>
      <c r="AE8" s="2">
        <f>+BIE_c20150910131257!AE8</f>
        <v>-1.4748703051E-2</v>
      </c>
      <c r="AF8" s="2">
        <f>+BIE_c20150910131257!AF8</f>
        <v>-2.1521201093999999E-2</v>
      </c>
      <c r="AG8" s="2">
        <f>+BIE_c20150910131257!AG8</f>
        <v>-3.5840719104000003E-2</v>
      </c>
      <c r="AH8" s="2">
        <f>+BIE_c20150910131257!AH8</f>
        <v>-4.8053547693E-2</v>
      </c>
      <c r="AI8" s="2">
        <f>+BIE_c20150910131257!AI8</f>
        <v>-6.1983954957000001E-2</v>
      </c>
      <c r="AJ8" s="2">
        <f>+BIE_c20150910131257!AJ8</f>
        <v>-7.2941664766999995E-2</v>
      </c>
      <c r="AK8" s="2">
        <f>+BIE_c20150910131257!AK8</f>
        <v>-8.1914879809000002E-2</v>
      </c>
      <c r="AL8" s="2">
        <f>+BIE_c20150910131257!AL8</f>
        <v>-9.2298558170000003E-2</v>
      </c>
      <c r="AM8" s="2">
        <f>+BIE_c20150910131257!AM8</f>
        <v>-0.104982610299</v>
      </c>
      <c r="AN8" s="2">
        <f>+BIE_c20150910131257!AN8</f>
        <v>-0.11753088933899999</v>
      </c>
      <c r="AO8" s="2">
        <f>+BIE_c20150910131257!AO8</f>
        <v>-0.12821931151900001</v>
      </c>
      <c r="AP8" s="2">
        <f>+BIE_c20150910131257!AP8</f>
        <v>-0.13185277338000001</v>
      </c>
      <c r="AQ8" s="2">
        <f>+BIE_c20150910131257!AQ8</f>
        <v>-0.123570776706</v>
      </c>
      <c r="AR8" s="2">
        <f>+BIE_c20150910131257!AR8</f>
        <v>-0.105367509281</v>
      </c>
      <c r="AS8" s="2">
        <f>+BIE_c20150910131257!AS8</f>
        <v>-7.6903378549000007E-2</v>
      </c>
      <c r="AT8" s="2">
        <f>+BIE_c20150910131257!AT8</f>
        <v>-4.1277101401000001E-2</v>
      </c>
      <c r="AU8" s="2">
        <f>+BIE_c20150910131257!AU8</f>
        <v>-1.1193824352E-2</v>
      </c>
      <c r="AV8" s="2">
        <f>+BIE_c20150910131257!AV8</f>
        <v>1.1246468856000001E-2</v>
      </c>
      <c r="AW8" s="2">
        <f>+BIE_c20150910131257!AW8</f>
        <v>2.6921994461E-2</v>
      </c>
      <c r="AX8" s="2">
        <f>+BIE_c20150910131257!AX8</f>
        <v>3.689028515E-2</v>
      </c>
      <c r="AY8" s="2">
        <f>+BIE_c20150910131257!AY8</f>
        <v>4.5816604922000001E-2</v>
      </c>
      <c r="AZ8" s="2">
        <f>+BIE_c20150910131257!AZ8</f>
        <v>5.2966819308999998E-2</v>
      </c>
      <c r="BA8" s="2">
        <f>+BIE_c20150910131257!BA8</f>
        <v>5.1028035684000002E-2</v>
      </c>
      <c r="BB8" s="2">
        <f>+BIE_c20150910131257!BB8</f>
        <v>4.5670344845000002E-2</v>
      </c>
      <c r="BC8" s="2">
        <f>+BIE_c20150910131257!BC8</f>
        <v>3.9415917767E-2</v>
      </c>
      <c r="BD8" s="2">
        <f>+BIE_c20150910131257!BD8</f>
        <v>3.4709655361E-2</v>
      </c>
      <c r="BE8" s="2">
        <f>+BIE_c20150910131257!BE8</f>
        <v>3.2714010889999999E-2</v>
      </c>
      <c r="BF8" s="2">
        <f>+BIE_c20150910131257!BF8</f>
        <v>3.2607640695000002E-2</v>
      </c>
      <c r="BG8" s="2">
        <f>+BIE_c20150910131257!BG8</f>
        <v>3.5789084800000003E-2</v>
      </c>
      <c r="BH8" s="2">
        <f>+BIE_c20150910131257!BH8</f>
        <v>4.2533391605999997E-2</v>
      </c>
      <c r="BI8" s="2">
        <f>+BIE_c20150910131257!BI8</f>
        <v>4.2756092099999997E-2</v>
      </c>
      <c r="BJ8" s="2">
        <f>+BIE_c20150910131257!BJ8</f>
        <v>3.9328584522999997E-2</v>
      </c>
      <c r="BK8" s="2">
        <f>+BIE_c20150910131257!BK8</f>
        <v>3.4028882258999998E-2</v>
      </c>
      <c r="BL8" s="2">
        <f>+BIE_c20150910131257!BL8</f>
        <v>2.9843327292999999E-2</v>
      </c>
      <c r="BM8" s="2">
        <f>+BIE_c20150910131257!BM8</f>
        <v>3.0671238892000002E-2</v>
      </c>
      <c r="BN8" s="2">
        <f>+BIE_c20150910131257!BN8</f>
        <v>3.6860878616999999E-2</v>
      </c>
      <c r="BO8" s="2">
        <f>+BIE_c20150910131257!BO8</f>
        <v>4.2742693977999999E-2</v>
      </c>
      <c r="BP8" s="2">
        <f>+BIE_c20150910131257!BP8</f>
        <v>4.9928397622999998E-2</v>
      </c>
      <c r="BQ8" s="2">
        <f>+BIE_c20150910131257!BQ8</f>
        <v>6.0000222605E-2</v>
      </c>
      <c r="BR8" s="2">
        <f>+BIE_c20150910131257!BR8</f>
        <v>6.5958606390999999E-2</v>
      </c>
      <c r="BS8" s="2">
        <f>+BIE_c20150910131257!BS8</f>
        <v>6.9749481971000005E-2</v>
      </c>
      <c r="BT8" s="2">
        <f>+BIE_c20150910131257!BT8</f>
        <v>7.4326307393999994E-2</v>
      </c>
      <c r="BU8" s="2">
        <f>+BIE_c20150910131257!BU8</f>
        <v>8.1314715864000006E-2</v>
      </c>
      <c r="BV8" s="2">
        <f>+BIE_c20150910131257!BV8</f>
        <v>9.1320693048000001E-2</v>
      </c>
      <c r="BW8" s="2">
        <f>+BIE_c20150910131257!BW8</f>
        <v>0.100085898526</v>
      </c>
      <c r="BX8" s="2">
        <f>+BIE_c20150910131257!BX8</f>
        <v>0.106608905808</v>
      </c>
      <c r="BY8" s="2">
        <f>+BIE_c20150910131257!BY8</f>
        <v>0.10895027736600001</v>
      </c>
      <c r="BZ8" s="2">
        <f>+BIE_c20150910131257!BZ8</f>
        <v>0.108294989195</v>
      </c>
      <c r="CA8" s="2">
        <f>+BIE_c20150910131257!CA8</f>
        <v>0.10406787226100001</v>
      </c>
      <c r="CB8" s="2">
        <f>+BIE_c20150910131257!CB8</f>
        <v>9.7302375706000005E-2</v>
      </c>
      <c r="CC8" s="2">
        <f>+BIE_c20150910131257!CC8</f>
        <v>9.0187279780999996E-2</v>
      </c>
      <c r="CD8" s="2">
        <f>+BIE_c20150910131257!CD8</f>
        <v>8.5188800415999993E-2</v>
      </c>
      <c r="CE8" s="2">
        <f>+BIE_c20150910131257!CE8</f>
        <v>8.3644100629999996E-2</v>
      </c>
      <c r="CF8" s="2">
        <f>+BIE_c20150910131257!CF8</f>
        <v>8.5349632359999997E-2</v>
      </c>
      <c r="CG8" s="2">
        <f>+BIE_c20150910131257!CG8</f>
        <v>8.8986114310000003E-2</v>
      </c>
      <c r="CH8" s="2">
        <f>+BIE_c20150910131257!CH8</f>
        <v>9.5138892449000007E-2</v>
      </c>
      <c r="CI8" s="2">
        <f>+BIE_c20150910131257!CI8</f>
        <v>9.5722216908999999E-2</v>
      </c>
      <c r="CJ8" s="2">
        <f>+BIE_c20150910131257!CJ8</f>
        <v>9.1671956307999999E-2</v>
      </c>
      <c r="CK8" s="2">
        <f>+BIE_c20150910131257!CK8</f>
        <v>8.5390466062000001E-2</v>
      </c>
      <c r="CL8" s="2">
        <f>+BIE_c20150910131257!CL8</f>
        <v>7.8612583304000005E-2</v>
      </c>
      <c r="CM8" s="2">
        <f>+BIE_c20150910131257!CM8</f>
        <v>7.4559190489999996E-2</v>
      </c>
      <c r="CN8" s="2">
        <f>+BIE_c20150910131257!CN8</f>
        <v>7.6164455569000006E-2</v>
      </c>
      <c r="CO8" s="2">
        <f>+BIE_c20150910131257!CO8</f>
        <v>7.6775596774999996E-2</v>
      </c>
      <c r="CP8" s="2">
        <f>+BIE_c20150910131257!CP8</f>
        <v>7.6696034646E-2</v>
      </c>
      <c r="CQ8" s="2">
        <f>+BIE_c20150910131257!CQ8</f>
        <v>7.5558242568000006E-2</v>
      </c>
      <c r="CR8" s="2">
        <f>+BIE_c20150910131257!CR8</f>
        <v>6.8453425780999999E-2</v>
      </c>
      <c r="CS8" s="2">
        <f>+BIE_c20150910131257!CS8</f>
        <v>5.4762255772000001E-2</v>
      </c>
      <c r="CT8" s="2">
        <f>+BIE_c20150910131257!CT8</f>
        <v>4.2096853214000002E-2</v>
      </c>
      <c r="CU8" s="2">
        <f>+BIE_c20150910131257!CU8</f>
        <v>2.8053767821000001E-2</v>
      </c>
      <c r="CV8" s="2">
        <f>+BIE_c20150910131257!CV8</f>
        <v>1.300074266E-2</v>
      </c>
      <c r="CW8" s="2">
        <f>+BIE_c20150910131257!CW8</f>
        <v>-5.3056610769999998E-3</v>
      </c>
      <c r="CX8" s="2">
        <f>+BIE_c20150910131257!CX8</f>
        <v>-2.9391265699999999E-2</v>
      </c>
      <c r="CY8" s="2">
        <f>+BIE_c20150910131257!CY8</f>
        <v>-6.2377169338999998E-2</v>
      </c>
      <c r="CZ8" s="2">
        <f>+BIE_c20150910131257!CZ8</f>
        <v>-0.10577722376</v>
      </c>
      <c r="DA8" s="2">
        <f>+BIE_c20150910131257!DA8</f>
        <v>-0.15654251997900001</v>
      </c>
      <c r="DB8" s="2">
        <f>+BIE_c20150910131257!DB8</f>
        <v>-0.210626319398</v>
      </c>
      <c r="DC8" s="2">
        <f>+BIE_c20150910131257!DC8</f>
        <v>-0.267946300252</v>
      </c>
      <c r="DD8" s="2">
        <f>+BIE_c20150910131257!DD8</f>
        <v>-0.32241163067400003</v>
      </c>
      <c r="DE8" s="2">
        <f>+BIE_c20150910131257!DE8</f>
        <v>-0.36256031100899999</v>
      </c>
      <c r="DF8" s="2">
        <f>+BIE_c20150910131257!DF8</f>
        <v>-0.38758650778699999</v>
      </c>
      <c r="DG8" s="2">
        <f>+BIE_c20150910131257!DG8</f>
        <v>-0.385240861401</v>
      </c>
      <c r="DH8" s="2">
        <f>+BIE_c20150910131257!DH8</f>
        <v>-0.35857001447600001</v>
      </c>
      <c r="DI8" s="2">
        <f>+BIE_c20150910131257!DI8</f>
        <v>-0.31708121520999999</v>
      </c>
      <c r="DJ8" s="2">
        <f>+BIE_c20150910131257!DJ8</f>
        <v>-0.26683948482300002</v>
      </c>
      <c r="DK8" s="2">
        <f>+BIE_c20150910131257!DK8</f>
        <v>-0.20755487758899999</v>
      </c>
      <c r="DL8" s="2">
        <f>+BIE_c20150910131257!DL8</f>
        <v>-0.14688897081300001</v>
      </c>
      <c r="DM8" s="2">
        <f>+BIE_c20150910131257!DM8</f>
        <v>-8.9369146501999994E-2</v>
      </c>
      <c r="DN8" s="2">
        <f>+BIE_c20150910131257!DN8</f>
        <v>-3.6954872883999998E-2</v>
      </c>
      <c r="DO8" s="2">
        <f>+BIE_c20150910131257!DO8</f>
        <v>1.1235107138E-2</v>
      </c>
      <c r="DP8" s="2">
        <f>+BIE_c20150910131257!DP8</f>
        <v>5.5356207025999998E-2</v>
      </c>
      <c r="DQ8" s="2">
        <f>+BIE_c20150910131257!DQ8</f>
        <v>8.9709884682999994E-2</v>
      </c>
      <c r="DR8" s="2">
        <f>+BIE_c20150910131257!DR8</f>
        <v>0.111236936592</v>
      </c>
      <c r="DS8" s="2">
        <f>+BIE_c20150910131257!DS8</f>
        <v>0.122785988922</v>
      </c>
      <c r="DT8" s="2">
        <f>+BIE_c20150910131257!DT8</f>
        <v>0.123696594344</v>
      </c>
      <c r="DU8" s="2">
        <f>+BIE_c20150910131257!DU8</f>
        <v>0.115778076811</v>
      </c>
      <c r="DV8" s="2">
        <f>+BIE_c20150910131257!DV8</f>
        <v>0.103647010772</v>
      </c>
      <c r="DW8" s="2">
        <f>+BIE_c20150910131257!DW8</f>
        <v>9.0249804951000004E-2</v>
      </c>
      <c r="DX8" s="2">
        <f>+BIE_c20150910131257!DX8</f>
        <v>7.9544746173000003E-2</v>
      </c>
      <c r="DY8" s="2">
        <f>+BIE_c20150910131257!DY8</f>
        <v>7.2348237718000002E-2</v>
      </c>
      <c r="DZ8" s="2">
        <f>+BIE_c20150910131257!DZ8</f>
        <v>6.7513904759999993E-2</v>
      </c>
      <c r="EA8" s="2">
        <f>+BIE_c20150910131257!EA8</f>
        <v>6.4984890609999998E-2</v>
      </c>
      <c r="EB8" s="2">
        <f>+BIE_c20150910131257!EB8</f>
        <v>6.1267836494E-2</v>
      </c>
      <c r="EC8" s="2">
        <f>+BIE_c20150910131257!EC8</f>
        <v>5.6022025825000002E-2</v>
      </c>
      <c r="ED8" s="2">
        <f>+BIE_c20150910131257!ED8</f>
        <v>4.9776093866000001E-2</v>
      </c>
      <c r="EE8" s="2">
        <f>+BIE_c20150910131257!EE8</f>
        <v>4.3924910015999998E-2</v>
      </c>
      <c r="EF8" s="2">
        <f>+BIE_c20150910131257!EF8</f>
        <v>3.7485755032000002E-2</v>
      </c>
      <c r="EG8" s="2">
        <f>+BIE_c20150910131257!EG8</f>
        <v>2.9510058346000002E-2</v>
      </c>
      <c r="EH8" s="2">
        <f>+BIE_c20150910131257!EH8</f>
        <v>2.0580222236E-2</v>
      </c>
      <c r="EI8" s="2">
        <f>+BIE_c20150910131257!EI8</f>
        <v>1.6449650722000001E-2</v>
      </c>
      <c r="EJ8" s="2">
        <f>+BIE_c20150910131257!EJ8</f>
        <v>1.7440452049999999E-2</v>
      </c>
      <c r="EK8" s="2">
        <f>+BIE_c20150910131257!EK8</f>
        <v>2.2630947307999999E-2</v>
      </c>
      <c r="EL8" s="2">
        <f>+BIE_c20150910131257!EL8</f>
        <v>3.0088654655000002E-2</v>
      </c>
      <c r="EM8" s="2">
        <f>+BIE_c20150910131257!EM8</f>
        <v>3.8115391913999999E-2</v>
      </c>
      <c r="EN8" s="2">
        <f>+BIE_c20150910131257!EN8</f>
        <v>4.6927562737000002E-2</v>
      </c>
      <c r="EO8" s="2">
        <f>+BIE_c20150910131257!EO8</f>
        <v>5.5875646130999997E-2</v>
      </c>
      <c r="EP8" s="2">
        <f>+BIE_c20150910131257!EP8</f>
        <v>6.2429174596000003E-2</v>
      </c>
      <c r="EQ8" s="2">
        <f>+BIE_c20150910131257!EQ8</f>
        <v>6.3846544160999996E-2</v>
      </c>
      <c r="ER8" s="2">
        <f>+BIE_c20150910131257!ER8</f>
        <v>6.0478410162999999E-2</v>
      </c>
      <c r="ES8" s="2">
        <f>+BIE_c20150910131257!ES8</f>
        <v>5.5698107657E-2</v>
      </c>
      <c r="ET8" s="2">
        <f>+BIE_c20150910131257!ET8</f>
        <v>5.4662763670000003E-2</v>
      </c>
      <c r="EU8" s="2">
        <f>+BIE_c20150910131257!EU8</f>
        <v>5.4936457156999997E-2</v>
      </c>
      <c r="EV8" s="2">
        <f>+BIE_c20150910131257!EV8</f>
        <v>5.2865438661999997E-2</v>
      </c>
      <c r="EW8" s="2">
        <f>+BIE_c20150910131257!EW8</f>
        <v>4.8820575268000002E-2</v>
      </c>
      <c r="EX8" s="2">
        <f>+BIE_c20150910131257!EX8</f>
        <v>4.3277391532999997E-2</v>
      </c>
      <c r="EY8" s="2">
        <f>+BIE_c20150910131257!EY8</f>
        <v>3.6245321774E-2</v>
      </c>
      <c r="EZ8" s="2">
        <f>+BIE_c20150910131257!EZ8</f>
        <v>2.8456816834E-2</v>
      </c>
      <c r="FA8" s="2">
        <f>+BIE_c20150910131257!FA8</f>
        <v>1.9897137818E-2</v>
      </c>
      <c r="FB8" s="2">
        <f>+BIE_c20150910131257!FB8</f>
        <v>9.3922949640000003E-3</v>
      </c>
      <c r="FC8" s="2">
        <f>+BIE_c20150910131257!FC8</f>
        <v>-3.277830828E-3</v>
      </c>
      <c r="FD8" s="2">
        <f>+BIE_c20150910131257!FD8</f>
        <v>-1.5861775514999999E-2</v>
      </c>
      <c r="FE8" s="2">
        <f>+BIE_c20150910131257!FE8</f>
        <v>-2.6391227898999999E-2</v>
      </c>
      <c r="FF8" s="2">
        <f>+BIE_c20150910131257!FF8</f>
        <v>-3.4818697942000001E-2</v>
      </c>
      <c r="FG8" s="2">
        <f>+BIE_c20150910131257!FG8</f>
        <v>-4.0991138337999999E-2</v>
      </c>
      <c r="FH8" s="2">
        <f>+BIE_c20150910131257!FH8</f>
        <v>-4.3797366233999997E-2</v>
      </c>
      <c r="FI8" s="2">
        <f>+BIE_c20150910131257!FI8</f>
        <v>-4.4390188249999997E-2</v>
      </c>
      <c r="FJ8" s="2">
        <f>+BIE_c20150910131257!FJ8</f>
        <v>-4.4091966317999998E-2</v>
      </c>
      <c r="FK8" s="2">
        <f>+BIE_c20150910131257!FK8</f>
        <v>-4.2253594776999998E-2</v>
      </c>
      <c r="FL8" s="2">
        <f>+BIE_c20150910131257!FL8</f>
        <v>-3.9968944526E-2</v>
      </c>
      <c r="FM8" s="2">
        <f>+BIE_c20150910131257!FM8</f>
        <v>-3.6849266961E-2</v>
      </c>
      <c r="FN8" s="2">
        <f>+BIE_c20150910131257!FN8</f>
        <v>-3.031772869E-2</v>
      </c>
      <c r="FO8" s="2">
        <f>+BIE_c20150910131257!FO8</f>
        <v>-1.8939074007000001E-2</v>
      </c>
      <c r="FP8" s="2">
        <f>+BIE_c20150910131257!FP8</f>
        <v>-6.0103172309999998E-3</v>
      </c>
      <c r="FQ8" s="2">
        <f>+BIE_c20150910131257!FQ8</f>
        <v>4.6387230579999997E-3</v>
      </c>
      <c r="FR8" s="2">
        <f>+BIE_c20150910131257!FR8</f>
        <v>7.1831986739999999E-3</v>
      </c>
      <c r="FS8" s="2">
        <f>+BIE_c20150910131257!FS8</f>
        <v>6.5774079109999998E-3</v>
      </c>
      <c r="FT8" s="2">
        <f>+BIE_c20150910131257!FT8</f>
        <v>5.373086004E-3</v>
      </c>
      <c r="FU8" s="2">
        <f>+BIE_c20150910131257!FU8</f>
        <v>5.9593356270000002E-3</v>
      </c>
      <c r="FV8" s="2">
        <f>+BIE_c20150910131257!FV8</f>
        <v>9.9884073989999992E-3</v>
      </c>
      <c r="FW8" s="2">
        <f>+BIE_c20150910131257!FW8</f>
        <v>1.5255188761E-2</v>
      </c>
      <c r="FX8" s="2">
        <f>+BIE_c20150910131257!FX8</f>
        <v>1.9864735189000001E-2</v>
      </c>
      <c r="FY8" s="2">
        <f>+BIE_c20150910131257!FY8</f>
        <v>2.3502586519000002E-2</v>
      </c>
      <c r="FZ8" s="2">
        <f>+BIE_c20150910131257!FZ8</f>
        <v>2.4570333319E-2</v>
      </c>
      <c r="GA8" s="2">
        <f>+BIE_c20150910131257!GA8</f>
        <v>2.3589037544000001E-2</v>
      </c>
      <c r="GB8" s="2">
        <f>+BIE_c20150910131257!GB8</f>
        <v>2.1454878569E-2</v>
      </c>
      <c r="GC8" s="25">
        <f>+BIE_c20150910131257!GC8</f>
        <v>1.8157189590000001E-2</v>
      </c>
      <c r="GD8" s="25">
        <f>+BIE_c20150910131257!GD8</f>
        <v>1.8341772328000001E-2</v>
      </c>
      <c r="GE8" s="25">
        <f>+BIE_c20150910131257!GE8</f>
        <v>2.2328702260999998E-2</v>
      </c>
      <c r="GF8" s="25">
        <f>+BIE_c20150910131257!GF8</f>
        <v>2.3670409084000001E-2</v>
      </c>
      <c r="GG8" s="26">
        <f>+BIE_c20150910131257!GG8</f>
        <v>2.1714334033E-2</v>
      </c>
      <c r="GH8" s="27">
        <f>+BIE_c20150910131257!GH8</f>
        <v>1.6306014229999999E-2</v>
      </c>
      <c r="GI8" s="27">
        <f>+BIE_c20150910131257!GI8</f>
        <v>9.1360308759999998E-3</v>
      </c>
      <c r="GJ8" s="27">
        <f>+BIE_c20150910131257!GJ8</f>
        <v>2.4409958630000001E-3</v>
      </c>
      <c r="GK8" s="27">
        <f>+BIE_c20150910131257!GK8</f>
        <v>-3.1976152649999998E-3</v>
      </c>
      <c r="GL8" s="27">
        <f>+BIE_c20150910131257!GL8</f>
        <v>-6.5490201760000002E-3</v>
      </c>
      <c r="GM8" s="27">
        <f>+BIE_c20150910131257!GM8</f>
        <v>-9.5361466570000001E-3</v>
      </c>
      <c r="GN8" s="27">
        <f>+BIE_c20150910131257!GN8</f>
        <v>-1.3009686709999999E-2</v>
      </c>
      <c r="GO8" s="27">
        <f>+BIE_c20150910131257!GO8</f>
        <v>-1.5183785341000001E-2</v>
      </c>
      <c r="GP8" s="27">
        <f>+BIE_c20150910131257!GP8</f>
        <v>-1.6254833170999999E-2</v>
      </c>
      <c r="GQ8" s="27">
        <f>+BIE_c20150910131257!GQ8</f>
        <v>0</v>
      </c>
      <c r="GR8" s="27">
        <f>+BIE_c20150910131257!GR8</f>
        <v>0</v>
      </c>
      <c r="GS8" s="26">
        <f>+BIE_c20150910131257!GY8</f>
        <v>0</v>
      </c>
      <c r="GT8" s="26">
        <f>+BIE_c20150910131257!GZ8</f>
        <v>0</v>
      </c>
      <c r="GU8" s="26">
        <f>+BIE_c20150910131257!HA8</f>
        <v>0</v>
      </c>
      <c r="GV8" s="26">
        <f>+BIE_c20150910131257!HB8</f>
        <v>0</v>
      </c>
      <c r="GW8" s="26">
        <f>+BIE_c20150910131257!HC8</f>
        <v>0</v>
      </c>
      <c r="GX8" s="26">
        <f>+BIE_c20150910131257!HD8</f>
        <v>0</v>
      </c>
      <c r="GY8" s="26">
        <f>+BIE_c20150910131257!HE8</f>
        <v>0</v>
      </c>
      <c r="GZ8" s="26">
        <f>+BIE_c20150910131257!HF8</f>
        <v>0</v>
      </c>
      <c r="HA8" s="26">
        <f>+BIE_c20150910131257!HG8</f>
        <v>0</v>
      </c>
      <c r="HB8" s="26">
        <f>+BIE_c20150910131257!HH8</f>
        <v>0</v>
      </c>
      <c r="HC8" s="26">
        <f>+BIE_c20150910131257!HI8</f>
        <v>0</v>
      </c>
      <c r="HD8" s="26">
        <f>+BIE_c20150910131257!HJ8</f>
        <v>0</v>
      </c>
      <c r="HE8" s="26">
        <f>+BIE_c20150910131257!HK8</f>
        <v>0</v>
      </c>
      <c r="HF8" s="26">
        <f>+BIE_c20150910131257!HL8</f>
        <v>0</v>
      </c>
      <c r="HG8" s="26">
        <f>+BIE_c20150910131257!HM8</f>
        <v>0</v>
      </c>
      <c r="HH8" s="26">
        <f>+BIE_c20150910131257!HN8</f>
        <v>0</v>
      </c>
      <c r="HI8" s="26">
        <f>+BIE_c20150910131257!HO8</f>
        <v>0</v>
      </c>
      <c r="HJ8" s="26">
        <f>+BIE_c20150910131257!HP8</f>
        <v>0</v>
      </c>
      <c r="HK8" s="26">
        <f>+BIE_c20150910131257!HQ8</f>
        <v>0</v>
      </c>
      <c r="HL8" s="26">
        <f>+BIE_c20150910131257!HR8</f>
        <v>0</v>
      </c>
      <c r="HM8" s="26">
        <f>+BIE_c20150910131257!HS8</f>
        <v>0</v>
      </c>
      <c r="HN8" s="26">
        <f>+BIE_c20150910131257!HT8</f>
        <v>0</v>
      </c>
      <c r="HO8" s="26">
        <f>+BIE_c20150910131257!HU8</f>
        <v>0</v>
      </c>
      <c r="HP8" s="26">
        <f>+BIE_c20150910131257!HV8</f>
        <v>0</v>
      </c>
      <c r="HQ8" s="26">
        <f>+BIE_c20150910131257!HW8</f>
        <v>0</v>
      </c>
      <c r="HR8" s="26">
        <f>+BIE_c20150910131257!HX8</f>
        <v>0</v>
      </c>
      <c r="HS8" s="26">
        <f>+BIE_c20150910131257!HY8</f>
        <v>0</v>
      </c>
      <c r="HT8" s="26">
        <f>+BIE_c20150910131257!HZ8</f>
        <v>0</v>
      </c>
      <c r="HU8" s="26">
        <f>+BIE_c20150910131257!IA8</f>
        <v>0</v>
      </c>
      <c r="HV8" s="26">
        <f>+BIE_c20150910131257!IB8</f>
        <v>0</v>
      </c>
      <c r="HW8" s="26">
        <f>+BIE_c20150910131257!IC8</f>
        <v>0</v>
      </c>
      <c r="HX8" s="26">
        <f>+BIE_c20150910131257!ID8</f>
        <v>0</v>
      </c>
      <c r="HY8" s="26">
        <f>+BIE_c20150910131257!IE8</f>
        <v>0</v>
      </c>
      <c r="HZ8" s="25">
        <f>+BIE_c20150910131257!IH8</f>
        <v>0</v>
      </c>
      <c r="IA8" s="25">
        <f>+BIE_c20150910131257!II8</f>
        <v>0</v>
      </c>
      <c r="IB8" s="25">
        <f>+BIE_c20150910131257!IJ8</f>
        <v>0</v>
      </c>
      <c r="IC8" s="25">
        <f>+BIE_c20150910131257!IK8</f>
        <v>0</v>
      </c>
      <c r="ID8" s="25">
        <f>+BIE_c20150910131257!IL8</f>
        <v>0</v>
      </c>
      <c r="IE8" s="25">
        <f>+BIE_c20150910131257!IM8</f>
        <v>0</v>
      </c>
      <c r="IF8" s="25">
        <f>+BIE_c20150910131257!IN8</f>
        <v>0</v>
      </c>
      <c r="IG8" s="25">
        <f>+BIE_c20150910131257!IO8</f>
        <v>0</v>
      </c>
      <c r="IH8" s="25">
        <f>+BIE_c20150910131257!IP8</f>
        <v>0</v>
      </c>
      <c r="II8" s="25">
        <f>+BIE_c20150910131257!IQ8</f>
        <v>0</v>
      </c>
      <c r="IJ8" s="25">
        <f>+BIE_c20150910131257!IR8</f>
        <v>0</v>
      </c>
      <c r="IK8" s="25">
        <f>+BIE_c20150910131257!IS8</f>
        <v>0</v>
      </c>
      <c r="IL8" s="25">
        <f>+BIE_c20150910131257!IT8</f>
        <v>0</v>
      </c>
      <c r="IM8" s="25">
        <f>+BIE_c20150910131257!IU8</f>
        <v>0</v>
      </c>
      <c r="IN8" s="25">
        <f>+BIE_c20150910131257!IV8</f>
        <v>0</v>
      </c>
      <c r="IO8" s="25">
        <f>+BIE_c20150910131257!IW8</f>
        <v>0</v>
      </c>
      <c r="IP8" s="25">
        <f>+BIE_c20150910131257!IX8</f>
        <v>0</v>
      </c>
      <c r="IQ8" s="25">
        <f>+BIE_c20150910131257!IY8</f>
        <v>0</v>
      </c>
      <c r="IR8" s="25">
        <f>+BIE_c20150910131257!IZ8</f>
        <v>0</v>
      </c>
      <c r="IS8" s="25">
        <f>+BIE_c20150910131257!JA8</f>
        <v>0</v>
      </c>
      <c r="IT8" s="14"/>
    </row>
    <row r="9" spans="1:254" x14ac:dyDescent="0.25">
      <c r="A9" s="6" t="s">
        <v>290</v>
      </c>
      <c r="B9" s="2">
        <f>+BIE_c20150910131257!B9</f>
        <v>8.9084948846999995E-2</v>
      </c>
      <c r="C9" s="2">
        <f>+BIE_c20150910131257!C9</f>
        <v>9.5707848898999998E-2</v>
      </c>
      <c r="D9" s="2">
        <f>+BIE_c20150910131257!D9</f>
        <v>8.5716931898999996E-2</v>
      </c>
      <c r="E9" s="2">
        <f>+BIE_c20150910131257!E9</f>
        <v>6.3170040497999999E-2</v>
      </c>
      <c r="F9" s="2">
        <f>+BIE_c20150910131257!F9</f>
        <v>-2.3167257859999998E-3</v>
      </c>
      <c r="G9" s="2">
        <f>+BIE_c20150910131257!G9</f>
        <v>-6.0304762454000002E-2</v>
      </c>
      <c r="H9" s="2">
        <f>+BIE_c20150910131257!H9</f>
        <v>-6.7604879482999994E-2</v>
      </c>
      <c r="I9" s="2">
        <f>+BIE_c20150910131257!I9</f>
        <v>-6.3354719764999998E-2</v>
      </c>
      <c r="J9" s="2">
        <f>+BIE_c20150910131257!J9</f>
        <v>-0.1027065507</v>
      </c>
      <c r="K9" s="2">
        <f>+BIE_c20150910131257!K9</f>
        <v>-0.111263045245</v>
      </c>
      <c r="L9" s="2">
        <f>+BIE_c20150910131257!L9</f>
        <v>7.715842796E-3</v>
      </c>
      <c r="M9" s="2">
        <f>+BIE_c20150910131257!M9</f>
        <v>0.14596995535099999</v>
      </c>
      <c r="N9" s="2">
        <f>+BIE_c20150910131257!N9</f>
        <v>0.232054951166</v>
      </c>
      <c r="O9" s="2">
        <f>+BIE_c20150910131257!O9</f>
        <v>0.22490088931999999</v>
      </c>
      <c r="P9" s="2">
        <f>+BIE_c20150910131257!P9</f>
        <v>0.13544253143599999</v>
      </c>
      <c r="Q9" s="2">
        <f>+BIE_c20150910131257!Q9</f>
        <v>8.2045246562000004E-2</v>
      </c>
      <c r="R9" s="2">
        <f>+BIE_c20150910131257!R9</f>
        <v>5.7475941788000001E-2</v>
      </c>
      <c r="S9" s="2">
        <f>+BIE_c20150910131257!S9</f>
        <v>1.3438417483E-2</v>
      </c>
      <c r="T9" s="2">
        <f>+BIE_c20150910131257!T9</f>
        <v>1.6325402126000001E-2</v>
      </c>
      <c r="U9" s="2">
        <f>+BIE_c20150910131257!U9</f>
        <v>5.6769146019000002E-2</v>
      </c>
      <c r="V9" s="2">
        <f>+BIE_c20150910131257!V9</f>
        <v>0.14207443015400001</v>
      </c>
      <c r="W9" s="2">
        <f>+BIE_c20150910131257!W9</f>
        <v>0.20648412165499999</v>
      </c>
      <c r="X9" s="2">
        <f>+BIE_c20150910131257!X9</f>
        <v>0.20296472670999999</v>
      </c>
      <c r="Y9" s="2">
        <f>+BIE_c20150910131257!Y9</f>
        <v>0.17708416954299999</v>
      </c>
      <c r="Z9" s="2">
        <f>+BIE_c20150910131257!Z9</f>
        <v>9.8474433540999995E-2</v>
      </c>
      <c r="AA9" s="2">
        <f>+BIE_c20150910131257!AA9</f>
        <v>1.7307085855000001E-2</v>
      </c>
      <c r="AB9" s="2">
        <f>+BIE_c20150910131257!AB9</f>
        <v>-1.5861606378999998E-2</v>
      </c>
      <c r="AC9" s="2">
        <f>+BIE_c20150910131257!AC9</f>
        <v>-4.6846072410000002E-2</v>
      </c>
      <c r="AD9" s="2">
        <f>+BIE_c20150910131257!AD9</f>
        <v>-6.5074496241999999E-2</v>
      </c>
      <c r="AE9" s="2">
        <f>+BIE_c20150910131257!AE9</f>
        <v>-7.0210751931000001E-2</v>
      </c>
      <c r="AF9" s="2">
        <f>+BIE_c20150910131257!AF9</f>
        <v>-4.8126555231999997E-2</v>
      </c>
      <c r="AG9" s="2">
        <f>+BIE_c20150910131257!AG9</f>
        <v>-7.1804491848999993E-2</v>
      </c>
      <c r="AH9" s="2">
        <f>+BIE_c20150910131257!AH9</f>
        <v>-9.4126325447000003E-2</v>
      </c>
      <c r="AI9" s="2">
        <f>+BIE_c20150910131257!AI9</f>
        <v>-0.11965436850699999</v>
      </c>
      <c r="AJ9" s="2">
        <f>+BIE_c20150910131257!AJ9</f>
        <v>-9.2447304453999998E-2</v>
      </c>
      <c r="AK9" s="2">
        <f>+BIE_c20150910131257!AK9</f>
        <v>-4.0750928539000003E-2</v>
      </c>
      <c r="AL9" s="2">
        <f>+BIE_c20150910131257!AL9</f>
        <v>6.0648537624E-2</v>
      </c>
      <c r="AM9" s="2">
        <f>+BIE_c20150910131257!AM9</f>
        <v>0.16006031591700001</v>
      </c>
      <c r="AN9" s="2">
        <f>+BIE_c20150910131257!AN9</f>
        <v>0.26001418858399999</v>
      </c>
      <c r="AO9" s="2">
        <f>+BIE_c20150910131257!AO9</f>
        <v>0.33351889253400002</v>
      </c>
      <c r="AP9" s="2">
        <f>+BIE_c20150910131257!AP9</f>
        <v>0.387766897996</v>
      </c>
      <c r="AQ9" s="2">
        <f>+BIE_c20150910131257!AQ9</f>
        <v>0.43077123836499998</v>
      </c>
      <c r="AR9" s="2">
        <f>+BIE_c20150910131257!AR9</f>
        <v>0.40249793699899999</v>
      </c>
      <c r="AS9" s="2">
        <f>+BIE_c20150910131257!AS9</f>
        <v>0.337809458226</v>
      </c>
      <c r="AT9" s="2">
        <f>+BIE_c20150910131257!AT9</f>
        <v>0.237762281017</v>
      </c>
      <c r="AU9" s="2">
        <f>+BIE_c20150910131257!AU9</f>
        <v>0.14493553205599999</v>
      </c>
      <c r="AV9" s="2">
        <f>+BIE_c20150910131257!AV9</f>
        <v>7.5638715911000007E-2</v>
      </c>
      <c r="AW9" s="2">
        <f>+BIE_c20150910131257!AW9</f>
        <v>3.0113673236000001E-2</v>
      </c>
      <c r="AX9" s="2">
        <f>+BIE_c20150910131257!AX9</f>
        <v>3.4826494024000003E-2</v>
      </c>
      <c r="AY9" s="2">
        <f>+BIE_c20150910131257!AY9</f>
        <v>4.8225745331999997E-2</v>
      </c>
      <c r="AZ9" s="2">
        <f>+BIE_c20150910131257!AZ9</f>
        <v>3.4323828131000003E-2</v>
      </c>
      <c r="BA9" s="2">
        <f>+BIE_c20150910131257!BA9</f>
        <v>-3.1158992679999999E-3</v>
      </c>
      <c r="BB9" s="2">
        <f>+BIE_c20150910131257!BB9</f>
        <v>-3.0547003566999999E-2</v>
      </c>
      <c r="BC9" s="2">
        <f>+BIE_c20150910131257!BC9</f>
        <v>-4.3280826787000001E-2</v>
      </c>
      <c r="BD9" s="2">
        <f>+BIE_c20150910131257!BD9</f>
        <v>-7.7664352620000002E-2</v>
      </c>
      <c r="BE9" s="2">
        <f>+BIE_c20150910131257!BE9</f>
        <v>-0.10992584287899999</v>
      </c>
      <c r="BF9" s="2">
        <f>+BIE_c20150910131257!BF9</f>
        <v>-0.17243658180999999</v>
      </c>
      <c r="BG9" s="2">
        <f>+BIE_c20150910131257!BG9</f>
        <v>-0.185891848231</v>
      </c>
      <c r="BH9" s="2">
        <f>+BIE_c20150910131257!BH9</f>
        <v>-0.15868437020199999</v>
      </c>
      <c r="BI9" s="2">
        <f>+BIE_c20150910131257!BI9</f>
        <v>-0.157626741362</v>
      </c>
      <c r="BJ9" s="2">
        <f>+BIE_c20150910131257!BJ9</f>
        <v>-0.14667486182200001</v>
      </c>
      <c r="BK9" s="2">
        <f>+BIE_c20150910131257!BK9</f>
        <v>-0.13336177111600001</v>
      </c>
      <c r="BL9" s="2">
        <f>+BIE_c20150910131257!BL9</f>
        <v>-0.125081894813</v>
      </c>
      <c r="BM9" s="2">
        <f>+BIE_c20150910131257!BM9</f>
        <v>-0.114323556944</v>
      </c>
      <c r="BN9" s="2">
        <f>+BIE_c20150910131257!BN9</f>
        <v>-0.130273308822</v>
      </c>
      <c r="BO9" s="2">
        <f>+BIE_c20150910131257!BO9</f>
        <v>-0.16481462566999999</v>
      </c>
      <c r="BP9" s="2">
        <f>+BIE_c20150910131257!BP9</f>
        <v>-0.20590487764900001</v>
      </c>
      <c r="BQ9" s="2">
        <f>+BIE_c20150910131257!BQ9</f>
        <v>-0.27080461872</v>
      </c>
      <c r="BR9" s="2">
        <f>+BIE_c20150910131257!BR9</f>
        <v>-0.28120751363899998</v>
      </c>
      <c r="BS9" s="2">
        <f>+BIE_c20150910131257!BS9</f>
        <v>-0.236590856637</v>
      </c>
      <c r="BT9" s="2">
        <f>+BIE_c20150910131257!BT9</f>
        <v>-0.17978055900600001</v>
      </c>
      <c r="BU9" s="2">
        <f>+BIE_c20150910131257!BU9</f>
        <v>-9.3424409708999998E-2</v>
      </c>
      <c r="BV9" s="2">
        <f>+BIE_c20150910131257!BV9</f>
        <v>-2.8035540764999999E-2</v>
      </c>
      <c r="BW9" s="2">
        <f>+BIE_c20150910131257!BW9</f>
        <v>6.4369404489999999E-3</v>
      </c>
      <c r="BX9" s="2">
        <f>+BIE_c20150910131257!BX9</f>
        <v>1.5000046348E-2</v>
      </c>
      <c r="BY9" s="2">
        <f>+BIE_c20150910131257!BY9</f>
        <v>3.2453440579000001E-2</v>
      </c>
      <c r="BZ9" s="2">
        <f>+BIE_c20150910131257!BZ9</f>
        <v>6.7307620799999995E-2</v>
      </c>
      <c r="CA9" s="2">
        <f>+BIE_c20150910131257!CA9</f>
        <v>0.114995289325</v>
      </c>
      <c r="CB9" s="2">
        <f>+BIE_c20150910131257!CB9</f>
        <v>0.110608726891</v>
      </c>
      <c r="CC9" s="2">
        <f>+BIE_c20150910131257!CC9</f>
        <v>8.2058197457000007E-2</v>
      </c>
      <c r="CD9" s="2">
        <f>+BIE_c20150910131257!CD9</f>
        <v>6.9018095875000005E-2</v>
      </c>
      <c r="CE9" s="2">
        <f>+BIE_c20150910131257!CE9</f>
        <v>4.3329747544999998E-2</v>
      </c>
      <c r="CF9" s="2">
        <f>+BIE_c20150910131257!CF9</f>
        <v>2.3458988332999999E-2</v>
      </c>
      <c r="CG9" s="2">
        <f>+BIE_c20150910131257!CG9</f>
        <v>3.5452898440000002E-3</v>
      </c>
      <c r="CH9" s="2">
        <f>+BIE_c20150910131257!CH9</f>
        <v>-1.3516950763E-2</v>
      </c>
      <c r="CI9" s="2">
        <f>+BIE_c20150910131257!CI9</f>
        <v>-4.4977468356E-2</v>
      </c>
      <c r="CJ9" s="2">
        <f>+BIE_c20150910131257!CJ9</f>
        <v>-8.1910322241000005E-2</v>
      </c>
      <c r="CK9" s="2">
        <f>+BIE_c20150910131257!CK9</f>
        <v>-0.135002166743</v>
      </c>
      <c r="CL9" s="2">
        <f>+BIE_c20150910131257!CL9</f>
        <v>-0.15759809993400001</v>
      </c>
      <c r="CM9" s="2">
        <f>+BIE_c20150910131257!CM9</f>
        <v>-0.13989350682000001</v>
      </c>
      <c r="CN9" s="2">
        <f>+BIE_c20150910131257!CN9</f>
        <v>-9.7969750022999999E-2</v>
      </c>
      <c r="CO9" s="2">
        <f>+BIE_c20150910131257!CO9</f>
        <v>-4.2285363669999999E-2</v>
      </c>
      <c r="CP9" s="2">
        <f>+BIE_c20150910131257!CP9</f>
        <v>-1.0092059053999999E-2</v>
      </c>
      <c r="CQ9" s="2">
        <f>+BIE_c20150910131257!CQ9</f>
        <v>-2.4382975208999999E-2</v>
      </c>
      <c r="CR9" s="2">
        <f>+BIE_c20150910131257!CR9</f>
        <v>-5.8114222477000002E-2</v>
      </c>
      <c r="CS9" s="2">
        <f>+BIE_c20150910131257!CS9</f>
        <v>-8.1529281903000003E-2</v>
      </c>
      <c r="CT9" s="2">
        <f>+BIE_c20150910131257!CT9</f>
        <v>-0.117036852449</v>
      </c>
      <c r="CU9" s="2">
        <f>+BIE_c20150910131257!CU9</f>
        <v>-0.15174839849800001</v>
      </c>
      <c r="CV9" s="2">
        <f>+BIE_c20150910131257!CV9</f>
        <v>-0.16899805785200001</v>
      </c>
      <c r="CW9" s="2">
        <f>+BIE_c20150910131257!CW9</f>
        <v>-0.14415549046600001</v>
      </c>
      <c r="CX9" s="2">
        <f>+BIE_c20150910131257!CX9</f>
        <v>-6.3565197012999994E-2</v>
      </c>
      <c r="CY9" s="2">
        <f>+BIE_c20150910131257!CY9</f>
        <v>4.8942058246000002E-2</v>
      </c>
      <c r="CZ9" s="2">
        <f>+BIE_c20150910131257!CZ9</f>
        <v>0.15871227737400001</v>
      </c>
      <c r="DA9" s="2">
        <f>+BIE_c20150910131257!DA9</f>
        <v>0.23968792451199999</v>
      </c>
      <c r="DB9" s="2">
        <f>+BIE_c20150910131257!DB9</f>
        <v>0.31818187189000002</v>
      </c>
      <c r="DC9" s="2">
        <f>+BIE_c20150910131257!DC9</f>
        <v>0.40281815807499999</v>
      </c>
      <c r="DD9" s="2">
        <f>+BIE_c20150910131257!DD9</f>
        <v>0.45885317476800003</v>
      </c>
      <c r="DE9" s="2">
        <f>+BIE_c20150910131257!DE9</f>
        <v>0.451467718543</v>
      </c>
      <c r="DF9" s="2">
        <f>+BIE_c20150910131257!DF9</f>
        <v>0.41438748256300001</v>
      </c>
      <c r="DG9" s="2">
        <f>+BIE_c20150910131257!DG9</f>
        <v>0.38184707327700002</v>
      </c>
      <c r="DH9" s="2">
        <f>+BIE_c20150910131257!DH9</f>
        <v>0.34831505142000002</v>
      </c>
      <c r="DI9" s="2">
        <f>+BIE_c20150910131257!DI9</f>
        <v>0.30658593018399999</v>
      </c>
      <c r="DJ9" s="2">
        <f>+BIE_c20150910131257!DJ9</f>
        <v>0.22466959819599999</v>
      </c>
      <c r="DK9" s="2">
        <f>+BIE_c20150910131257!DK9</f>
        <v>0.13396263722999999</v>
      </c>
      <c r="DL9" s="2">
        <f>+BIE_c20150910131257!DL9</f>
        <v>8.1752997716000003E-2</v>
      </c>
      <c r="DM9" s="2">
        <f>+BIE_c20150910131257!DM9</f>
        <v>1.4317442046E-2</v>
      </c>
      <c r="DN9" s="2">
        <f>+BIE_c20150910131257!DN9</f>
        <v>-8.0296508018999999E-2</v>
      </c>
      <c r="DO9" s="2">
        <f>+BIE_c20150910131257!DO9</f>
        <v>-0.194214048379</v>
      </c>
      <c r="DP9" s="2">
        <f>+BIE_c20150910131257!DP9</f>
        <v>-0.249224338977</v>
      </c>
      <c r="DQ9" s="2">
        <f>+BIE_c20150910131257!DQ9</f>
        <v>-0.232394454236</v>
      </c>
      <c r="DR9" s="2">
        <f>+BIE_c20150910131257!DR9</f>
        <v>-0.18748491257899999</v>
      </c>
      <c r="DS9" s="2">
        <f>+BIE_c20150910131257!DS9</f>
        <v>-0.15992424620199999</v>
      </c>
      <c r="DT9" s="2">
        <f>+BIE_c20150910131257!DT9</f>
        <v>-0.11735869834400001</v>
      </c>
      <c r="DU9" s="2">
        <f>+BIE_c20150910131257!DU9</f>
        <v>-8.2907204186999997E-2</v>
      </c>
      <c r="DV9" s="2">
        <f>+BIE_c20150910131257!DV9</f>
        <v>-7.1982943987999995E-2</v>
      </c>
      <c r="DW9" s="2">
        <f>+BIE_c20150910131257!DW9</f>
        <v>-5.9391787355000003E-2</v>
      </c>
      <c r="DX9" s="2">
        <f>+BIE_c20150910131257!DX9</f>
        <v>-6.2480640480000002E-2</v>
      </c>
      <c r="DY9" s="2">
        <f>+BIE_c20150910131257!DY9</f>
        <v>-4.0915305175999998E-2</v>
      </c>
      <c r="DZ9" s="2">
        <f>+BIE_c20150910131257!DZ9</f>
        <v>1.0883710083000001E-2</v>
      </c>
      <c r="EA9" s="2">
        <f>+BIE_c20150910131257!EA9</f>
        <v>9.3560938929999997E-3</v>
      </c>
      <c r="EB9" s="2">
        <f>+BIE_c20150910131257!EB9</f>
        <v>-2.2430849861999998E-2</v>
      </c>
      <c r="EC9" s="2">
        <f>+BIE_c20150910131257!EC9</f>
        <v>-7.4486090362999996E-2</v>
      </c>
      <c r="ED9" s="2">
        <f>+BIE_c20150910131257!ED9</f>
        <v>-0.136518021691</v>
      </c>
      <c r="EE9" s="2">
        <f>+BIE_c20150910131257!EE9</f>
        <v>-0.14507326084899999</v>
      </c>
      <c r="EF9" s="2">
        <f>+BIE_c20150910131257!EF9</f>
        <v>-0.122932744486</v>
      </c>
      <c r="EG9" s="2">
        <f>+BIE_c20150910131257!EG9</f>
        <v>-7.2678332282999997E-2</v>
      </c>
      <c r="EH9" s="2">
        <f>+BIE_c20150910131257!EH9</f>
        <v>-3.4003857750000001E-3</v>
      </c>
      <c r="EI9" s="2">
        <f>+BIE_c20150910131257!EI9</f>
        <v>6.7561777160000001E-3</v>
      </c>
      <c r="EJ9" s="2">
        <f>+BIE_c20150910131257!EJ9</f>
        <v>-2.0378534340000001E-2</v>
      </c>
      <c r="EK9" s="2">
        <f>+BIE_c20150910131257!EK9</f>
        <v>-5.3501167821999998E-2</v>
      </c>
      <c r="EL9" s="2">
        <f>+BIE_c20150910131257!EL9</f>
        <v>-7.4894504355000002E-2</v>
      </c>
      <c r="EM9" s="2">
        <f>+BIE_c20150910131257!EM9</f>
        <v>-7.4247457628999994E-2</v>
      </c>
      <c r="EN9" s="2">
        <f>+BIE_c20150910131257!EN9</f>
        <v>-6.0605141542000002E-2</v>
      </c>
      <c r="EO9" s="2">
        <f>+BIE_c20150910131257!EO9</f>
        <v>-4.7890979746999997E-2</v>
      </c>
      <c r="EP9" s="2">
        <f>+BIE_c20150910131257!EP9</f>
        <v>-6.7131605299999998E-3</v>
      </c>
      <c r="EQ9" s="2">
        <f>+BIE_c20150910131257!EQ9</f>
        <v>3.2297413949000001E-2</v>
      </c>
      <c r="ER9" s="2">
        <f>+BIE_c20150910131257!ER9</f>
        <v>8.1151621239999999E-3</v>
      </c>
      <c r="ES9" s="2">
        <f>+BIE_c20150910131257!ES9</f>
        <v>-1.5323188267E-2</v>
      </c>
      <c r="ET9" s="2">
        <f>+BIE_c20150910131257!ET9</f>
        <v>-2.4069248785E-2</v>
      </c>
      <c r="EU9" s="2">
        <f>+BIE_c20150910131257!EU9</f>
        <v>-2.8894439465000001E-2</v>
      </c>
      <c r="EV9" s="2">
        <f>+BIE_c20150910131257!EV9</f>
        <v>-3.9840322770000004E-3</v>
      </c>
      <c r="EW9" s="2">
        <f>+BIE_c20150910131257!EW9</f>
        <v>3.6207243138E-2</v>
      </c>
      <c r="EX9" s="2">
        <f>+BIE_c20150910131257!EX9</f>
        <v>6.6224805548000004E-2</v>
      </c>
      <c r="EY9" s="2">
        <f>+BIE_c20150910131257!EY9</f>
        <v>0.103355819175</v>
      </c>
      <c r="EZ9" s="2">
        <f>+BIE_c20150910131257!EZ9</f>
        <v>0.11116559847099999</v>
      </c>
      <c r="FA9" s="2">
        <f>+BIE_c20150910131257!FA9</f>
        <v>9.1185754342000006E-2</v>
      </c>
      <c r="FB9" s="2">
        <f>+BIE_c20150910131257!FB9</f>
        <v>5.2726625765E-2</v>
      </c>
      <c r="FC9" s="2">
        <f>+BIE_c20150910131257!FC9</f>
        <v>-5.4564828E-4</v>
      </c>
      <c r="FD9" s="2">
        <f>+BIE_c20150910131257!FD9</f>
        <v>-2.7632099427000002E-2</v>
      </c>
      <c r="FE9" s="2">
        <f>+BIE_c20150910131257!FE9</f>
        <v>-5.6383791677E-2</v>
      </c>
      <c r="FF9" s="2">
        <f>+BIE_c20150910131257!FF9</f>
        <v>-0.10049326856099999</v>
      </c>
      <c r="FG9" s="2">
        <f>+BIE_c20150910131257!FG9</f>
        <v>-9.2657457888999997E-2</v>
      </c>
      <c r="FH9" s="2">
        <f>+BIE_c20150910131257!FH9</f>
        <v>-7.0725075201000007E-2</v>
      </c>
      <c r="FI9" s="2">
        <f>+BIE_c20150910131257!FI9</f>
        <v>-2.9020207223999998E-2</v>
      </c>
      <c r="FJ9" s="2">
        <f>+BIE_c20150910131257!FJ9</f>
        <v>2.5084832784000002E-2</v>
      </c>
      <c r="FK9" s="2">
        <f>+BIE_c20150910131257!FK9</f>
        <v>7.5557142445999995E-2</v>
      </c>
      <c r="FL9" s="2">
        <f>+BIE_c20150910131257!FL9</f>
        <v>0.148631825913</v>
      </c>
      <c r="FM9" s="2">
        <f>+BIE_c20150910131257!FM9</f>
        <v>0.23466076392900001</v>
      </c>
      <c r="FN9" s="2">
        <f>+BIE_c20150910131257!FN9</f>
        <v>0.25388538737600003</v>
      </c>
      <c r="FO9" s="2">
        <f>+BIE_c20150910131257!FO9</f>
        <v>0.20763334268600001</v>
      </c>
      <c r="FP9" s="2">
        <f>+BIE_c20150910131257!FP9</f>
        <v>0.16337266605699999</v>
      </c>
      <c r="FQ9" s="2">
        <f>+BIE_c20150910131257!FQ9</f>
        <v>9.5985981319000005E-2</v>
      </c>
      <c r="FR9" s="2">
        <f>+BIE_c20150910131257!FR9</f>
        <v>1.8251140159999998E-2</v>
      </c>
      <c r="FS9" s="2">
        <f>+BIE_c20150910131257!FS9</f>
        <v>-2.9950257931E-2</v>
      </c>
      <c r="FT9" s="2">
        <f>+BIE_c20150910131257!FT9</f>
        <v>-8.6261788815000004E-2</v>
      </c>
      <c r="FU9" s="2">
        <f>+BIE_c20150910131257!FU9</f>
        <v>-0.173903012991</v>
      </c>
      <c r="FV9" s="2">
        <f>+BIE_c20150910131257!FV9</f>
        <v>-0.23378641241600001</v>
      </c>
      <c r="FW9" s="2">
        <f>+BIE_c20150910131257!FW9</f>
        <v>-0.26021400408200002</v>
      </c>
      <c r="FX9" s="2">
        <f>+BIE_c20150910131257!FX9</f>
        <v>-0.25903323025500002</v>
      </c>
      <c r="FY9" s="2">
        <f>+BIE_c20150910131257!FY9</f>
        <v>-0.20607605579400001</v>
      </c>
      <c r="FZ9" s="2">
        <f>+BIE_c20150910131257!FZ9</f>
        <v>-0.101366464307</v>
      </c>
      <c r="GA9" s="2">
        <f>+BIE_c20150910131257!GA9</f>
        <v>-2.8033056037000001E-2</v>
      </c>
      <c r="GB9" s="2">
        <f>+BIE_c20150910131257!GB9</f>
        <v>9.9107970379999997E-3</v>
      </c>
      <c r="GC9" s="25">
        <f>+BIE_c20150910131257!GC9</f>
        <v>4.1271654146000002E-2</v>
      </c>
      <c r="GD9" s="25">
        <f>+BIE_c20150910131257!GD9</f>
        <v>5.0851028604000002E-2</v>
      </c>
      <c r="GE9" s="25">
        <f>+BIE_c20150910131257!GE9</f>
        <v>3.6165499997E-2</v>
      </c>
      <c r="GF9" s="25">
        <f>+BIE_c20150910131257!GF9</f>
        <v>3.0779804455E-2</v>
      </c>
      <c r="GG9" s="26">
        <f>+BIE_c20150910131257!GG9</f>
        <v>1.5958486904999999E-2</v>
      </c>
      <c r="GH9" s="27">
        <f>+BIE_c20150910131257!GH9</f>
        <v>-1.4001896609E-2</v>
      </c>
      <c r="GI9" s="27">
        <f>+BIE_c20150910131257!GI9</f>
        <v>-5.2820101261999999E-2</v>
      </c>
      <c r="GJ9" s="27">
        <f>+BIE_c20150910131257!GJ9</f>
        <v>-7.6213696950000007E-2</v>
      </c>
      <c r="GK9" s="27">
        <f>+BIE_c20150910131257!GK9</f>
        <v>-5.6159377587999999E-2</v>
      </c>
      <c r="GL9" s="27">
        <f>+BIE_c20150910131257!GL9</f>
        <v>-6.3828931244999998E-2</v>
      </c>
      <c r="GM9" s="27">
        <f>+BIE_c20150910131257!GM9</f>
        <v>-4.7465105817000003E-2</v>
      </c>
      <c r="GN9" s="27">
        <f>+BIE_c20150910131257!GN9</f>
        <v>-2.2959514103000001E-2</v>
      </c>
      <c r="GO9" s="27">
        <f>+BIE_c20150910131257!GO9</f>
        <v>1.7606278611E-2</v>
      </c>
      <c r="GP9" s="27">
        <f>+BIE_c20150910131257!GP9</f>
        <v>6.3527012386000004E-2</v>
      </c>
      <c r="GQ9" s="27">
        <f>+BIE_c20150910131257!GQ9</f>
        <v>0</v>
      </c>
      <c r="GR9" s="27">
        <f>+BIE_c20150910131257!GR9</f>
        <v>0</v>
      </c>
      <c r="GS9" s="26">
        <f>+BIE_c20150910131257!GY9</f>
        <v>0</v>
      </c>
      <c r="GT9" s="26">
        <f>+BIE_c20150910131257!GZ9</f>
        <v>0</v>
      </c>
      <c r="GU9" s="26">
        <f>+BIE_c20150910131257!HA9</f>
        <v>0</v>
      </c>
      <c r="GV9" s="26">
        <f>+BIE_c20150910131257!HB9</f>
        <v>0</v>
      </c>
      <c r="GW9" s="26">
        <f>+BIE_c20150910131257!HC9</f>
        <v>0</v>
      </c>
      <c r="GX9" s="26">
        <f>+BIE_c20150910131257!HD9</f>
        <v>0</v>
      </c>
      <c r="GY9" s="26">
        <f>+BIE_c20150910131257!HE9</f>
        <v>0</v>
      </c>
      <c r="GZ9" s="26">
        <f>+BIE_c20150910131257!HF9</f>
        <v>0</v>
      </c>
      <c r="HA9" s="26">
        <f>+BIE_c20150910131257!HG9</f>
        <v>0</v>
      </c>
      <c r="HB9" s="26">
        <f>+BIE_c20150910131257!HH9</f>
        <v>0</v>
      </c>
      <c r="HC9" s="26">
        <f>+BIE_c20150910131257!HI9</f>
        <v>0</v>
      </c>
      <c r="HD9" s="26">
        <f>+BIE_c20150910131257!HJ9</f>
        <v>0</v>
      </c>
      <c r="HE9" s="26">
        <f>+BIE_c20150910131257!HK9</f>
        <v>0</v>
      </c>
      <c r="HF9" s="26">
        <f>+BIE_c20150910131257!HL9</f>
        <v>0</v>
      </c>
      <c r="HG9" s="26">
        <f>+BIE_c20150910131257!HM9</f>
        <v>0</v>
      </c>
      <c r="HH9" s="26">
        <f>+BIE_c20150910131257!HN9</f>
        <v>0</v>
      </c>
      <c r="HI9" s="26">
        <f>+BIE_c20150910131257!HO9</f>
        <v>0</v>
      </c>
      <c r="HJ9" s="26">
        <f>+BIE_c20150910131257!HP9</f>
        <v>0</v>
      </c>
      <c r="HK9" s="26">
        <f>+BIE_c20150910131257!HQ9</f>
        <v>0</v>
      </c>
      <c r="HL9" s="26">
        <f>+BIE_c20150910131257!HR9</f>
        <v>0</v>
      </c>
      <c r="HM9" s="26">
        <f>+BIE_c20150910131257!HS9</f>
        <v>0</v>
      </c>
      <c r="HN9" s="26">
        <f>+BIE_c20150910131257!HT9</f>
        <v>0</v>
      </c>
      <c r="HO9" s="26">
        <f>+BIE_c20150910131257!HU9</f>
        <v>0</v>
      </c>
      <c r="HP9" s="26">
        <f>+BIE_c20150910131257!HV9</f>
        <v>0</v>
      </c>
      <c r="HQ9" s="26">
        <f>+BIE_c20150910131257!HW9</f>
        <v>0</v>
      </c>
      <c r="HR9" s="26">
        <f>+BIE_c20150910131257!HX9</f>
        <v>0</v>
      </c>
      <c r="HS9" s="26">
        <f>+BIE_c20150910131257!HY9</f>
        <v>0</v>
      </c>
      <c r="HT9" s="26">
        <f>+BIE_c20150910131257!HZ9</f>
        <v>0</v>
      </c>
      <c r="HU9" s="26">
        <f>+BIE_c20150910131257!IA9</f>
        <v>0</v>
      </c>
      <c r="HV9" s="26">
        <f>+BIE_c20150910131257!IB9</f>
        <v>0</v>
      </c>
      <c r="HW9" s="26">
        <f>+BIE_c20150910131257!IC9</f>
        <v>0</v>
      </c>
      <c r="HX9" s="26">
        <f>+BIE_c20150910131257!ID9</f>
        <v>0</v>
      </c>
      <c r="HY9" s="26">
        <f>+BIE_c20150910131257!IE9</f>
        <v>0</v>
      </c>
      <c r="HZ9" s="25">
        <f>+BIE_c20150910131257!IH9</f>
        <v>0</v>
      </c>
      <c r="IA9" s="25">
        <f>+BIE_c20150910131257!II9</f>
        <v>0</v>
      </c>
      <c r="IB9" s="25">
        <f>+BIE_c20150910131257!IJ9</f>
        <v>0</v>
      </c>
      <c r="IC9" s="25">
        <f>+BIE_c20150910131257!IK9</f>
        <v>0</v>
      </c>
      <c r="ID9" s="25">
        <f>+BIE_c20150910131257!IL9</f>
        <v>0</v>
      </c>
      <c r="IE9" s="25">
        <f>+BIE_c20150910131257!IM9</f>
        <v>0</v>
      </c>
      <c r="IF9" s="25">
        <f>+BIE_c20150910131257!IN9</f>
        <v>0</v>
      </c>
      <c r="IG9" s="25">
        <f>+BIE_c20150910131257!IO9</f>
        <v>0</v>
      </c>
      <c r="IH9" s="25">
        <f>+BIE_c20150910131257!IP9</f>
        <v>0</v>
      </c>
      <c r="II9" s="25">
        <f>+BIE_c20150910131257!IQ9</f>
        <v>0</v>
      </c>
      <c r="IJ9" s="25">
        <f>+BIE_c20150910131257!IR9</f>
        <v>0</v>
      </c>
      <c r="IK9" s="25">
        <f>+BIE_c20150910131257!IS9</f>
        <v>0</v>
      </c>
      <c r="IL9" s="25">
        <f>+BIE_c20150910131257!IT9</f>
        <v>0</v>
      </c>
      <c r="IM9" s="25">
        <f>+BIE_c20150910131257!IU9</f>
        <v>0</v>
      </c>
      <c r="IN9" s="25">
        <f>+BIE_c20150910131257!IV9</f>
        <v>0</v>
      </c>
      <c r="IO9" s="25">
        <f>+BIE_c20150910131257!IW9</f>
        <v>0</v>
      </c>
      <c r="IP9" s="25">
        <f>+BIE_c20150910131257!IX9</f>
        <v>0</v>
      </c>
      <c r="IQ9" s="25">
        <f>+BIE_c20150910131257!IY9</f>
        <v>0</v>
      </c>
      <c r="IR9" s="25">
        <f>+BIE_c20150910131257!IZ9</f>
        <v>0</v>
      </c>
      <c r="IS9" s="25">
        <f>+BIE_c20150910131257!JA9</f>
        <v>0</v>
      </c>
      <c r="IT9" s="14"/>
    </row>
    <row r="10" spans="1:254" x14ac:dyDescent="0.25">
      <c r="A10" s="6" t="s">
        <v>280</v>
      </c>
      <c r="B10" s="2">
        <f>+BIE_c20150910131257!B10</f>
        <v>0.13389603027800001</v>
      </c>
      <c r="C10" s="2">
        <f>+BIE_c20150910131257!C10</f>
        <v>0.120900047493</v>
      </c>
      <c r="D10" s="2">
        <f>+BIE_c20150910131257!D10</f>
        <v>0.11118695543400001</v>
      </c>
      <c r="E10" s="2">
        <f>+BIE_c20150910131257!E10</f>
        <v>0.12482636638400001</v>
      </c>
      <c r="F10" s="2">
        <f>+BIE_c20150910131257!F10</f>
        <v>0.13288185343</v>
      </c>
      <c r="G10" s="2">
        <f>+BIE_c20150910131257!G10</f>
        <v>0.122984997439</v>
      </c>
      <c r="H10" s="2">
        <f>+BIE_c20150910131257!H10</f>
        <v>0.10206291652299999</v>
      </c>
      <c r="I10" s="2">
        <f>+BIE_c20150910131257!I10</f>
        <v>6.5812148976000004E-2</v>
      </c>
      <c r="J10" s="2">
        <f>+BIE_c20150910131257!J10</f>
        <v>1.7801340645999999E-2</v>
      </c>
      <c r="K10" s="2">
        <f>+BIE_c20150910131257!K10</f>
        <v>-3.2204117253999999E-2</v>
      </c>
      <c r="L10" s="2">
        <f>+BIE_c20150910131257!L10</f>
        <v>-8.7254771644000001E-2</v>
      </c>
      <c r="M10" s="2">
        <f>+BIE_c20150910131257!M10</f>
        <v>-0.13595265308500001</v>
      </c>
      <c r="N10" s="2">
        <f>+BIE_c20150910131257!N10</f>
        <v>-0.17552721362599999</v>
      </c>
      <c r="O10" s="2">
        <f>+BIE_c20150910131257!O10</f>
        <v>-0.19427317315199999</v>
      </c>
      <c r="P10" s="2">
        <f>+BIE_c20150910131257!P10</f>
        <v>-0.20279588621700001</v>
      </c>
      <c r="Q10" s="2">
        <f>+BIE_c20150910131257!Q10</f>
        <v>-0.218459303996</v>
      </c>
      <c r="R10" s="2">
        <f>+BIE_c20150910131257!R10</f>
        <v>-0.234021844806</v>
      </c>
      <c r="S10" s="2">
        <f>+BIE_c20150910131257!S10</f>
        <v>-0.225842226098</v>
      </c>
      <c r="T10" s="2">
        <f>+BIE_c20150910131257!T10</f>
        <v>-0.20057349515299999</v>
      </c>
      <c r="U10" s="2">
        <f>+BIE_c20150910131257!U10</f>
        <v>-0.162076327834</v>
      </c>
      <c r="V10" s="2">
        <f>+BIE_c20150910131257!V10</f>
        <v>-0.126541264086</v>
      </c>
      <c r="W10" s="2">
        <f>+BIE_c20150910131257!W10</f>
        <v>-9.8054411704999997E-2</v>
      </c>
      <c r="X10" s="2">
        <f>+BIE_c20150910131257!X10</f>
        <v>-7.1236176578999999E-2</v>
      </c>
      <c r="Y10" s="2">
        <f>+BIE_c20150910131257!Y10</f>
        <v>-3.6502546903999997E-2</v>
      </c>
      <c r="Z10" s="2">
        <f>+BIE_c20150910131257!Z10</f>
        <v>1.852016527E-3</v>
      </c>
      <c r="AA10" s="2">
        <f>+BIE_c20150910131257!AA10</f>
        <v>3.9781722763000002E-2</v>
      </c>
      <c r="AB10" s="2">
        <f>+BIE_c20150910131257!AB10</f>
        <v>4.7373732230999999E-2</v>
      </c>
      <c r="AC10" s="2">
        <f>+BIE_c20150910131257!AC10</f>
        <v>2.8955288690000001E-2</v>
      </c>
      <c r="AD10" s="2">
        <f>+BIE_c20150910131257!AD10</f>
        <v>1.171347676E-3</v>
      </c>
      <c r="AE10" s="2">
        <f>+BIE_c20150910131257!AE10</f>
        <v>-2.7706948923000001E-2</v>
      </c>
      <c r="AF10" s="2">
        <f>+BIE_c20150910131257!AF10</f>
        <v>-4.917185005E-2</v>
      </c>
      <c r="AG10" s="2">
        <f>+BIE_c20150910131257!AG10</f>
        <v>-6.7764167739E-2</v>
      </c>
      <c r="AH10" s="2">
        <f>+BIE_c20150910131257!AH10</f>
        <v>-8.1651679145999995E-2</v>
      </c>
      <c r="AI10" s="2">
        <f>+BIE_c20150910131257!AI10</f>
        <v>-9.1121133973999999E-2</v>
      </c>
      <c r="AJ10" s="2">
        <f>+BIE_c20150910131257!AJ10</f>
        <v>-8.9384265785E-2</v>
      </c>
      <c r="AK10" s="2">
        <f>+BIE_c20150910131257!AK10</f>
        <v>-8.2436542092999998E-2</v>
      </c>
      <c r="AL10" s="2">
        <f>+BIE_c20150910131257!AL10</f>
        <v>-7.4523378626999995E-2</v>
      </c>
      <c r="AM10" s="2">
        <f>+BIE_c20150910131257!AM10</f>
        <v>-6.9511276939E-2</v>
      </c>
      <c r="AN10" s="2">
        <f>+BIE_c20150910131257!AN10</f>
        <v>-6.5796871137999993E-2</v>
      </c>
      <c r="AO10" s="2">
        <f>+BIE_c20150910131257!AO10</f>
        <v>-6.7989510687000002E-2</v>
      </c>
      <c r="AP10" s="2">
        <f>+BIE_c20150910131257!AP10</f>
        <v>-7.0057047353000002E-2</v>
      </c>
      <c r="AQ10" s="2">
        <f>+BIE_c20150910131257!AQ10</f>
        <v>-5.6616991891000001E-2</v>
      </c>
      <c r="AR10" s="2">
        <f>+BIE_c20150910131257!AR10</f>
        <v>-3.5846897590000003E-2</v>
      </c>
      <c r="AS10" s="2">
        <f>+BIE_c20150910131257!AS10</f>
        <v>-1.1365212144000001E-2</v>
      </c>
      <c r="AT10" s="2">
        <f>+BIE_c20150910131257!AT10</f>
        <v>2.5263141542999999E-2</v>
      </c>
      <c r="AU10" s="2">
        <f>+BIE_c20150910131257!AU10</f>
        <v>6.0095226464999998E-2</v>
      </c>
      <c r="AV10" s="2">
        <f>+BIE_c20150910131257!AV10</f>
        <v>8.6000364937000001E-2</v>
      </c>
      <c r="AW10" s="2">
        <f>+BIE_c20150910131257!AW10</f>
        <v>0.101175385455</v>
      </c>
      <c r="AX10" s="2">
        <f>+BIE_c20150910131257!AX10</f>
        <v>0.11174840380499999</v>
      </c>
      <c r="AY10" s="2">
        <f>+BIE_c20150910131257!AY10</f>
        <v>0.126172108665</v>
      </c>
      <c r="AZ10" s="2">
        <f>+BIE_c20150910131257!AZ10</f>
        <v>0.122375103517</v>
      </c>
      <c r="BA10" s="2">
        <f>+BIE_c20150910131257!BA10</f>
        <v>0.107949400276</v>
      </c>
      <c r="BB10" s="2">
        <f>+BIE_c20150910131257!BB10</f>
        <v>8.7525441455000005E-2</v>
      </c>
      <c r="BC10" s="2">
        <f>+BIE_c20150910131257!BC10</f>
        <v>5.8193426367999998E-2</v>
      </c>
      <c r="BD10" s="2">
        <f>+BIE_c20150910131257!BD10</f>
        <v>4.0674364004999998E-2</v>
      </c>
      <c r="BE10" s="2">
        <f>+BIE_c20150910131257!BE10</f>
        <v>3.2980034174999999E-2</v>
      </c>
      <c r="BF10" s="2">
        <f>+BIE_c20150910131257!BF10</f>
        <v>3.5967992986000001E-2</v>
      </c>
      <c r="BG10" s="2">
        <f>+BIE_c20150910131257!BG10</f>
        <v>5.1937438118000001E-2</v>
      </c>
      <c r="BH10" s="2">
        <f>+BIE_c20150910131257!BH10</f>
        <v>5.1426793225000003E-2</v>
      </c>
      <c r="BI10" s="2">
        <f>+BIE_c20150910131257!BI10</f>
        <v>2.315885719E-2</v>
      </c>
      <c r="BJ10" s="2">
        <f>+BIE_c20150910131257!BJ10</f>
        <v>3.4738738530000002E-3</v>
      </c>
      <c r="BK10" s="2">
        <f>+BIE_c20150910131257!BK10</f>
        <v>-1.3075917372E-2</v>
      </c>
      <c r="BL10" s="2">
        <f>+BIE_c20150910131257!BL10</f>
        <v>-2.0828153352000001E-2</v>
      </c>
      <c r="BM10" s="2">
        <f>+BIE_c20150910131257!BM10</f>
        <v>-1.5269773561E-2</v>
      </c>
      <c r="BN10" s="2">
        <f>+BIE_c20150910131257!BN10</f>
        <v>-3.570673959E-3</v>
      </c>
      <c r="BO10" s="2">
        <f>+BIE_c20150910131257!BO10</f>
        <v>1.9881878370000002E-2</v>
      </c>
      <c r="BP10" s="2">
        <f>+BIE_c20150910131257!BP10</f>
        <v>4.8629090520000001E-2</v>
      </c>
      <c r="BQ10" s="2">
        <f>+BIE_c20150910131257!BQ10</f>
        <v>8.4925427225999994E-2</v>
      </c>
      <c r="BR10" s="2">
        <f>+BIE_c20150910131257!BR10</f>
        <v>0.12107599375600001</v>
      </c>
      <c r="BS10" s="2">
        <f>+BIE_c20150910131257!BS10</f>
        <v>0.15044282314400001</v>
      </c>
      <c r="BT10" s="2">
        <f>+BIE_c20150910131257!BT10</f>
        <v>0.15067611537</v>
      </c>
      <c r="BU10" s="2">
        <f>+BIE_c20150910131257!BU10</f>
        <v>0.12256442949</v>
      </c>
      <c r="BV10" s="2">
        <f>+BIE_c20150910131257!BV10</f>
        <v>8.5891517469000006E-2</v>
      </c>
      <c r="BW10" s="2">
        <f>+BIE_c20150910131257!BW10</f>
        <v>6.4965368829999995E-2</v>
      </c>
      <c r="BX10" s="2">
        <f>+BIE_c20150910131257!BX10</f>
        <v>5.2275914925E-2</v>
      </c>
      <c r="BY10" s="2">
        <f>+BIE_c20150910131257!BY10</f>
        <v>4.2056359718000001E-2</v>
      </c>
      <c r="BZ10" s="2">
        <f>+BIE_c20150910131257!BZ10</f>
        <v>2.6986572806999998E-2</v>
      </c>
      <c r="CA10" s="2">
        <f>+BIE_c20150910131257!CA10</f>
        <v>6.751006516E-3</v>
      </c>
      <c r="CB10" s="2">
        <f>+BIE_c20150910131257!CB10</f>
        <v>-7.3792288990000001E-3</v>
      </c>
      <c r="CC10" s="2">
        <f>+BIE_c20150910131257!CC10</f>
        <v>-1.6715766045999999E-2</v>
      </c>
      <c r="CD10" s="2">
        <f>+BIE_c20150910131257!CD10</f>
        <v>-2.9092871762999999E-2</v>
      </c>
      <c r="CE10" s="2">
        <f>+BIE_c20150910131257!CE10</f>
        <v>-4.2049639893999999E-2</v>
      </c>
      <c r="CF10" s="2">
        <f>+BIE_c20150910131257!CF10</f>
        <v>-4.6606901120000002E-2</v>
      </c>
      <c r="CG10" s="2">
        <f>+BIE_c20150910131257!CG10</f>
        <v>-3.0056241516999999E-2</v>
      </c>
      <c r="CH10" s="2">
        <f>+BIE_c20150910131257!CH10</f>
        <v>-2.6564291469999999E-3</v>
      </c>
      <c r="CI10" s="2">
        <f>+BIE_c20150910131257!CI10</f>
        <v>3.2883347988000002E-2</v>
      </c>
      <c r="CJ10" s="2">
        <f>+BIE_c20150910131257!CJ10</f>
        <v>6.3395468033000002E-2</v>
      </c>
      <c r="CK10" s="2">
        <f>+BIE_c20150910131257!CK10</f>
        <v>8.5051824550999994E-2</v>
      </c>
      <c r="CL10" s="2">
        <f>+BIE_c20150910131257!CL10</f>
        <v>8.7848894982999998E-2</v>
      </c>
      <c r="CM10" s="2">
        <f>+BIE_c20150910131257!CM10</f>
        <v>7.5674732041999995E-2</v>
      </c>
      <c r="CN10" s="2">
        <f>+BIE_c20150910131257!CN10</f>
        <v>6.0690950559E-2</v>
      </c>
      <c r="CO10" s="2">
        <f>+BIE_c20150910131257!CO10</f>
        <v>5.5973601253000001E-2</v>
      </c>
      <c r="CP10" s="2">
        <f>+BIE_c20150910131257!CP10</f>
        <v>5.2629876521999998E-2</v>
      </c>
      <c r="CQ10" s="2">
        <f>+BIE_c20150910131257!CQ10</f>
        <v>5.2787976638999999E-2</v>
      </c>
      <c r="CR10" s="2">
        <f>+BIE_c20150910131257!CR10</f>
        <v>6.6130811651999993E-2</v>
      </c>
      <c r="CS10" s="2">
        <f>+BIE_c20150910131257!CS10</f>
        <v>9.0778207207E-2</v>
      </c>
      <c r="CT10" s="2">
        <f>+BIE_c20150910131257!CT10</f>
        <v>0.116311398808</v>
      </c>
      <c r="CU10" s="2">
        <f>+BIE_c20150910131257!CU10</f>
        <v>0.12916352753900001</v>
      </c>
      <c r="CV10" s="2">
        <f>+BIE_c20150910131257!CV10</f>
        <v>0.13216866387199999</v>
      </c>
      <c r="CW10" s="2">
        <f>+BIE_c20150910131257!CW10</f>
        <v>0.121907742996</v>
      </c>
      <c r="CX10" s="2">
        <f>+BIE_c20150910131257!CX10</f>
        <v>7.9084853982999997E-2</v>
      </c>
      <c r="CY10" s="2">
        <f>+BIE_c20150910131257!CY10</f>
        <v>1.0872197853000001E-2</v>
      </c>
      <c r="CZ10" s="2">
        <f>+BIE_c20150910131257!CZ10</f>
        <v>-0.10243361466299999</v>
      </c>
      <c r="DA10" s="2">
        <f>+BIE_c20150910131257!DA10</f>
        <v>-0.27780232246300002</v>
      </c>
      <c r="DB10" s="2">
        <f>+BIE_c20150910131257!DB10</f>
        <v>-0.47774052223500002</v>
      </c>
      <c r="DC10" s="2">
        <f>+BIE_c20150910131257!DC10</f>
        <v>-0.66361558477799998</v>
      </c>
      <c r="DD10" s="2">
        <f>+BIE_c20150910131257!DD10</f>
        <v>-0.80070836869700002</v>
      </c>
      <c r="DE10" s="2">
        <f>+BIE_c20150910131257!DE10</f>
        <v>-0.845695487109</v>
      </c>
      <c r="DF10" s="2">
        <f>+BIE_c20150910131257!DF10</f>
        <v>-0.760717390976</v>
      </c>
      <c r="DG10" s="2">
        <f>+BIE_c20150910131257!DG10</f>
        <v>-0.60083432258199998</v>
      </c>
      <c r="DH10" s="2">
        <f>+BIE_c20150910131257!DH10</f>
        <v>-0.41139254176200002</v>
      </c>
      <c r="DI10" s="2">
        <f>+BIE_c20150910131257!DI10</f>
        <v>-0.213614896134</v>
      </c>
      <c r="DJ10" s="2">
        <f>+BIE_c20150910131257!DJ10</f>
        <v>-2.2874626410000001E-2</v>
      </c>
      <c r="DK10" s="2">
        <f>+BIE_c20150910131257!DK10</f>
        <v>0.14647795712600001</v>
      </c>
      <c r="DL10" s="2">
        <f>+BIE_c20150910131257!DL10</f>
        <v>0.25269700321100003</v>
      </c>
      <c r="DM10" s="2">
        <f>+BIE_c20150910131257!DM10</f>
        <v>0.31115593069000003</v>
      </c>
      <c r="DN10" s="2">
        <f>+BIE_c20150910131257!DN10</f>
        <v>0.33315727865200001</v>
      </c>
      <c r="DO10" s="2">
        <f>+BIE_c20150910131257!DO10</f>
        <v>0.32813833718099999</v>
      </c>
      <c r="DP10" s="2">
        <f>+BIE_c20150910131257!DP10</f>
        <v>0.313627022724</v>
      </c>
      <c r="DQ10" s="2">
        <f>+BIE_c20150910131257!DQ10</f>
        <v>0.27829003775900002</v>
      </c>
      <c r="DR10" s="2">
        <f>+BIE_c20150910131257!DR10</f>
        <v>0.24440439409</v>
      </c>
      <c r="DS10" s="2">
        <f>+BIE_c20150910131257!DS10</f>
        <v>0.22229051418099999</v>
      </c>
      <c r="DT10" s="2">
        <f>+BIE_c20150910131257!DT10</f>
        <v>0.194592878094</v>
      </c>
      <c r="DU10" s="2">
        <f>+BIE_c20150910131257!DU10</f>
        <v>0.145882366702</v>
      </c>
      <c r="DV10" s="2">
        <f>+BIE_c20150910131257!DV10</f>
        <v>8.8401947167000006E-2</v>
      </c>
      <c r="DW10" s="2">
        <f>+BIE_c20150910131257!DW10</f>
        <v>5.2815180369999999E-2</v>
      </c>
      <c r="DX10" s="2">
        <f>+BIE_c20150910131257!DX10</f>
        <v>5.2608276111000003E-2</v>
      </c>
      <c r="DY10" s="2">
        <f>+BIE_c20150910131257!DY10</f>
        <v>6.6443495702000005E-2</v>
      </c>
      <c r="DZ10" s="2">
        <f>+BIE_c20150910131257!DZ10</f>
        <v>8.1544109236000001E-2</v>
      </c>
      <c r="EA10" s="2">
        <f>+BIE_c20150910131257!EA10</f>
        <v>0.101981810041</v>
      </c>
      <c r="EB10" s="2">
        <f>+BIE_c20150910131257!EB10</f>
        <v>0.11426106640100001</v>
      </c>
      <c r="EC10" s="2">
        <f>+BIE_c20150910131257!EC10</f>
        <v>0.123707747462</v>
      </c>
      <c r="ED10" s="2">
        <f>+BIE_c20150910131257!ED10</f>
        <v>0.123360481619</v>
      </c>
      <c r="EE10" s="2">
        <f>+BIE_c20150910131257!EE10</f>
        <v>0.114182756213</v>
      </c>
      <c r="EF10" s="2">
        <f>+BIE_c20150910131257!EF10</f>
        <v>0.10664444364099999</v>
      </c>
      <c r="EG10" s="2">
        <f>+BIE_c20150910131257!EG10</f>
        <v>9.7151727155999998E-2</v>
      </c>
      <c r="EH10" s="2">
        <f>+BIE_c20150910131257!EH10</f>
        <v>7.9125172341E-2</v>
      </c>
      <c r="EI10" s="2">
        <f>+BIE_c20150910131257!EI10</f>
        <v>4.4030588427999999E-2</v>
      </c>
      <c r="EJ10" s="2">
        <f>+BIE_c20150910131257!EJ10</f>
        <v>2.0512600459999999E-3</v>
      </c>
      <c r="EK10" s="2">
        <f>+BIE_c20150910131257!EK10</f>
        <v>-2.8930414748999999E-2</v>
      </c>
      <c r="EL10" s="2">
        <f>+BIE_c20150910131257!EL10</f>
        <v>-3.7752983343999999E-2</v>
      </c>
      <c r="EM10" s="2">
        <f>+BIE_c20150910131257!EM10</f>
        <v>-4.2345520211E-2</v>
      </c>
      <c r="EN10" s="2">
        <f>+BIE_c20150910131257!EN10</f>
        <v>-2.7576830728000001E-2</v>
      </c>
      <c r="EO10" s="2">
        <f>+BIE_c20150910131257!EO10</f>
        <v>-3.2458529620000001E-3</v>
      </c>
      <c r="EP10" s="2">
        <f>+BIE_c20150910131257!EP10</f>
        <v>1.2006516807E-2</v>
      </c>
      <c r="EQ10" s="2">
        <f>+BIE_c20150910131257!EQ10</f>
        <v>1.5566497332999999E-2</v>
      </c>
      <c r="ER10" s="2">
        <f>+BIE_c20150910131257!ER10</f>
        <v>-4.2150880900000002E-3</v>
      </c>
      <c r="ES10" s="2">
        <f>+BIE_c20150910131257!ES10</f>
        <v>-3.2285032387E-2</v>
      </c>
      <c r="ET10" s="2">
        <f>+BIE_c20150910131257!ET10</f>
        <v>-6.7451167293999997E-2</v>
      </c>
      <c r="EU10" s="2">
        <f>+BIE_c20150910131257!EU10</f>
        <v>-7.8095637302999996E-2</v>
      </c>
      <c r="EV10" s="2">
        <f>+BIE_c20150910131257!EV10</f>
        <v>-5.8455468672999999E-2</v>
      </c>
      <c r="EW10" s="2">
        <f>+BIE_c20150910131257!EW10</f>
        <v>-2.5968247282999998E-2</v>
      </c>
      <c r="EX10" s="2">
        <f>+BIE_c20150910131257!EX10</f>
        <v>4.0184110269999998E-3</v>
      </c>
      <c r="EY10" s="2">
        <f>+BIE_c20150910131257!EY10</f>
        <v>2.6710705004E-2</v>
      </c>
      <c r="EZ10" s="2">
        <f>+BIE_c20150910131257!EZ10</f>
        <v>2.8339499014999998E-2</v>
      </c>
      <c r="FA10" s="2">
        <f>+BIE_c20150910131257!FA10</f>
        <v>2.1721555829000001E-2</v>
      </c>
      <c r="FB10" s="2">
        <f>+BIE_c20150910131257!FB10</f>
        <v>1.9722144465000001E-2</v>
      </c>
      <c r="FC10" s="2">
        <f>+BIE_c20150910131257!FC10</f>
        <v>4.3406138229999999E-3</v>
      </c>
      <c r="FD10" s="2">
        <f>+BIE_c20150910131257!FD10</f>
        <v>-1.5273366388E-2</v>
      </c>
      <c r="FE10" s="2">
        <f>+BIE_c20150910131257!FE10</f>
        <v>-3.9603997273E-2</v>
      </c>
      <c r="FF10" s="2">
        <f>+BIE_c20150910131257!FF10</f>
        <v>-6.4228408505000001E-2</v>
      </c>
      <c r="FG10" s="2">
        <f>+BIE_c20150910131257!FG10</f>
        <v>-8.0771444262000003E-2</v>
      </c>
      <c r="FH10" s="2">
        <f>+BIE_c20150910131257!FH10</f>
        <v>-8.4723174898999998E-2</v>
      </c>
      <c r="FI10" s="2">
        <f>+BIE_c20150910131257!FI10</f>
        <v>-8.3126225602000003E-2</v>
      </c>
      <c r="FJ10" s="2">
        <f>+BIE_c20150910131257!FJ10</f>
        <v>-7.0276939662999999E-2</v>
      </c>
      <c r="FK10" s="2">
        <f>+BIE_c20150910131257!FK10</f>
        <v>-4.3016225764999999E-2</v>
      </c>
      <c r="FL10" s="2">
        <f>+BIE_c20150910131257!FL10</f>
        <v>-6.184920543E-3</v>
      </c>
      <c r="FM10" s="2">
        <f>+BIE_c20150910131257!FM10</f>
        <v>3.9300428984999997E-2</v>
      </c>
      <c r="FN10" s="2">
        <f>+BIE_c20150910131257!FN10</f>
        <v>8.0607906450000003E-2</v>
      </c>
      <c r="FO10" s="2">
        <f>+BIE_c20150910131257!FO10</f>
        <v>8.9706357035000003E-2</v>
      </c>
      <c r="FP10" s="2">
        <f>+BIE_c20150910131257!FP10</f>
        <v>8.8098862080000007E-2</v>
      </c>
      <c r="FQ10" s="2">
        <f>+BIE_c20150910131257!FQ10</f>
        <v>7.5173640622999999E-2</v>
      </c>
      <c r="FR10" s="2">
        <f>+BIE_c20150910131257!FR10</f>
        <v>4.9024206463999999E-2</v>
      </c>
      <c r="FS10" s="2">
        <f>+BIE_c20150910131257!FS10</f>
        <v>1.6872558901999998E-2</v>
      </c>
      <c r="FT10" s="2">
        <f>+BIE_c20150910131257!FT10</f>
        <v>-8.3107628729999997E-3</v>
      </c>
      <c r="FU10" s="2">
        <f>+BIE_c20150910131257!FU10</f>
        <v>-2.3586431618E-2</v>
      </c>
      <c r="FV10" s="2">
        <f>+BIE_c20150910131257!FV10</f>
        <v>-3.6373885740999999E-2</v>
      </c>
      <c r="FW10" s="2">
        <f>+BIE_c20150910131257!FW10</f>
        <v>-3.6899077194999998E-2</v>
      </c>
      <c r="FX10" s="2">
        <f>+BIE_c20150910131257!FX10</f>
        <v>-4.7962815218999998E-2</v>
      </c>
      <c r="FY10" s="2">
        <f>+BIE_c20150910131257!FY10</f>
        <v>-6.4635321430000003E-2</v>
      </c>
      <c r="FZ10" s="2">
        <f>+BIE_c20150910131257!FZ10</f>
        <v>-6.7871252628999998E-2</v>
      </c>
      <c r="GA10" s="2">
        <f>+BIE_c20150910131257!GA10</f>
        <v>-5.7038590647000002E-2</v>
      </c>
      <c r="GB10" s="2">
        <f>+BIE_c20150910131257!GB10</f>
        <v>-2.6595987259999999E-2</v>
      </c>
      <c r="GC10" s="25">
        <f>+BIE_c20150910131257!GC10</f>
        <v>-3.0565873449999999E-3</v>
      </c>
      <c r="GD10" s="25">
        <f>+BIE_c20150910131257!GD10</f>
        <v>1.2101952479999999E-3</v>
      </c>
      <c r="GE10" s="25">
        <f>+BIE_c20150910131257!GE10</f>
        <v>1.3549513699999999E-3</v>
      </c>
      <c r="GF10" s="25">
        <f>+BIE_c20150910131257!GF10</f>
        <v>-1.7416779709000001E-2</v>
      </c>
      <c r="GG10" s="26">
        <f>+BIE_c20150910131257!GG10</f>
        <v>-5.3845782671999999E-2</v>
      </c>
      <c r="GH10" s="27">
        <f>+BIE_c20150910131257!GH10</f>
        <v>-8.1245962291000007E-2</v>
      </c>
      <c r="GI10" s="27">
        <f>+BIE_c20150910131257!GI10</f>
        <v>-9.8410387321000006E-2</v>
      </c>
      <c r="GJ10" s="27">
        <f>+BIE_c20150910131257!GJ10</f>
        <v>-0.114026901842</v>
      </c>
      <c r="GK10" s="27">
        <f>+BIE_c20150910131257!GK10</f>
        <v>-0.11731978198199999</v>
      </c>
      <c r="GL10" s="27">
        <f>+BIE_c20150910131257!GL10</f>
        <v>-0.112982297557</v>
      </c>
      <c r="GM10" s="27">
        <f>+BIE_c20150910131257!GM10</f>
        <v>-0.11106455243299999</v>
      </c>
      <c r="GN10" s="27">
        <f>+BIE_c20150910131257!GN10</f>
        <v>-0.110112619073</v>
      </c>
      <c r="GO10" s="27">
        <f>+BIE_c20150910131257!GO10</f>
        <v>-0.11425655917200001</v>
      </c>
      <c r="GP10" s="27">
        <f>+BIE_c20150910131257!GP10</f>
        <v>-0.13055499254799999</v>
      </c>
      <c r="GQ10" s="27">
        <f>+BIE_c20150910131257!GQ10</f>
        <v>0</v>
      </c>
      <c r="GR10" s="27">
        <f>+BIE_c20150910131257!GR10</f>
        <v>0</v>
      </c>
      <c r="GS10" s="26">
        <f>+BIE_c20150910131257!GY10</f>
        <v>0</v>
      </c>
      <c r="GT10" s="26">
        <f>+BIE_c20150910131257!GZ10</f>
        <v>0</v>
      </c>
      <c r="GU10" s="26">
        <f>+BIE_c20150910131257!HA10</f>
        <v>0</v>
      </c>
      <c r="GV10" s="26">
        <f>+BIE_c20150910131257!HB10</f>
        <v>0</v>
      </c>
      <c r="GW10" s="26">
        <f>+BIE_c20150910131257!HC10</f>
        <v>0</v>
      </c>
      <c r="GX10" s="26">
        <f>+BIE_c20150910131257!HD10</f>
        <v>0</v>
      </c>
      <c r="GY10" s="26">
        <f>+BIE_c20150910131257!HE10</f>
        <v>0</v>
      </c>
      <c r="GZ10" s="26">
        <f>+BIE_c20150910131257!HF10</f>
        <v>0</v>
      </c>
      <c r="HA10" s="26">
        <f>+BIE_c20150910131257!HG10</f>
        <v>0</v>
      </c>
      <c r="HB10" s="26">
        <f>+BIE_c20150910131257!HH10</f>
        <v>0</v>
      </c>
      <c r="HC10" s="26">
        <f>+BIE_c20150910131257!HI10</f>
        <v>0</v>
      </c>
      <c r="HD10" s="26">
        <f>+BIE_c20150910131257!HJ10</f>
        <v>0</v>
      </c>
      <c r="HE10" s="26">
        <f>+BIE_c20150910131257!HK10</f>
        <v>0</v>
      </c>
      <c r="HF10" s="26">
        <f>+BIE_c20150910131257!HL10</f>
        <v>0</v>
      </c>
      <c r="HG10" s="26">
        <f>+BIE_c20150910131257!HM10</f>
        <v>0</v>
      </c>
      <c r="HH10" s="26">
        <f>+BIE_c20150910131257!HN10</f>
        <v>0</v>
      </c>
      <c r="HI10" s="26">
        <f>+BIE_c20150910131257!HO10</f>
        <v>0</v>
      </c>
      <c r="HJ10" s="26">
        <f>+BIE_c20150910131257!HP10</f>
        <v>0</v>
      </c>
      <c r="HK10" s="26">
        <f>+BIE_c20150910131257!HQ10</f>
        <v>0</v>
      </c>
      <c r="HL10" s="26">
        <f>+BIE_c20150910131257!HR10</f>
        <v>0</v>
      </c>
      <c r="HM10" s="26">
        <f>+BIE_c20150910131257!HS10</f>
        <v>0</v>
      </c>
      <c r="HN10" s="26">
        <f>+BIE_c20150910131257!HT10</f>
        <v>0</v>
      </c>
      <c r="HO10" s="26">
        <f>+BIE_c20150910131257!HU10</f>
        <v>0</v>
      </c>
      <c r="HP10" s="26">
        <f>+BIE_c20150910131257!HV10</f>
        <v>0</v>
      </c>
      <c r="HQ10" s="26">
        <f>+BIE_c20150910131257!HW10</f>
        <v>0</v>
      </c>
      <c r="HR10" s="26">
        <f>+BIE_c20150910131257!HX10</f>
        <v>0</v>
      </c>
      <c r="HS10" s="26">
        <f>+BIE_c20150910131257!HY10</f>
        <v>0</v>
      </c>
      <c r="HT10" s="26">
        <f>+BIE_c20150910131257!HZ10</f>
        <v>0</v>
      </c>
      <c r="HU10" s="26">
        <f>+BIE_c20150910131257!IA10</f>
        <v>0</v>
      </c>
      <c r="HV10" s="26">
        <f>+BIE_c20150910131257!IB10</f>
        <v>0</v>
      </c>
      <c r="HW10" s="26">
        <f>+BIE_c20150910131257!IC10</f>
        <v>0</v>
      </c>
      <c r="HX10" s="26">
        <f>+BIE_c20150910131257!ID10</f>
        <v>0</v>
      </c>
      <c r="HY10" s="26">
        <f>+BIE_c20150910131257!IE10</f>
        <v>0</v>
      </c>
      <c r="HZ10" s="25">
        <f>+BIE_c20150910131257!IH10</f>
        <v>0</v>
      </c>
      <c r="IA10" s="25">
        <f>+BIE_c20150910131257!II10</f>
        <v>0</v>
      </c>
      <c r="IB10" s="25">
        <f>+BIE_c20150910131257!IJ10</f>
        <v>0</v>
      </c>
      <c r="IC10" s="25">
        <f>+BIE_c20150910131257!IK10</f>
        <v>0</v>
      </c>
      <c r="ID10" s="25">
        <f>+BIE_c20150910131257!IL10</f>
        <v>0</v>
      </c>
      <c r="IE10" s="25">
        <f>+BIE_c20150910131257!IM10</f>
        <v>0</v>
      </c>
      <c r="IF10" s="25">
        <f>+BIE_c20150910131257!IN10</f>
        <v>0</v>
      </c>
      <c r="IG10" s="25">
        <f>+BIE_c20150910131257!IO10</f>
        <v>0</v>
      </c>
      <c r="IH10" s="25">
        <f>+BIE_c20150910131257!IP10</f>
        <v>0</v>
      </c>
      <c r="II10" s="25">
        <f>+BIE_c20150910131257!IQ10</f>
        <v>0</v>
      </c>
      <c r="IJ10" s="25">
        <f>+BIE_c20150910131257!IR10</f>
        <v>0</v>
      </c>
      <c r="IK10" s="25">
        <f>+BIE_c20150910131257!IS10</f>
        <v>0</v>
      </c>
      <c r="IL10" s="25">
        <f>+BIE_c20150910131257!IT10</f>
        <v>0</v>
      </c>
      <c r="IM10" s="25">
        <f>+BIE_c20150910131257!IU10</f>
        <v>0</v>
      </c>
      <c r="IN10" s="25">
        <f>+BIE_c20150910131257!IV10</f>
        <v>0</v>
      </c>
      <c r="IO10" s="25">
        <f>+BIE_c20150910131257!IW10</f>
        <v>0</v>
      </c>
      <c r="IP10" s="25">
        <f>+BIE_c20150910131257!IX10</f>
        <v>0</v>
      </c>
      <c r="IQ10" s="25">
        <f>+BIE_c20150910131257!IY10</f>
        <v>0</v>
      </c>
      <c r="IR10" s="25">
        <f>+BIE_c20150910131257!IZ10</f>
        <v>0</v>
      </c>
      <c r="IS10" s="25">
        <f>+BIE_c20150910131257!JA10</f>
        <v>0</v>
      </c>
      <c r="IT10" s="14"/>
    </row>
    <row r="11" spans="1:254" x14ac:dyDescent="0.25">
      <c r="A11" s="11" t="s">
        <v>289</v>
      </c>
      <c r="B11" s="2">
        <f>+BIE_c20150910131257!B11</f>
        <v>0.142165147455</v>
      </c>
      <c r="C11" s="2">
        <f>+BIE_c20150910131257!C11</f>
        <v>9.5674140074999997E-2</v>
      </c>
      <c r="D11" s="2">
        <f>+BIE_c20150910131257!D11</f>
        <v>4.9792258093000002E-2</v>
      </c>
      <c r="E11" s="2">
        <f>+BIE_c20150910131257!E11</f>
        <v>-1.1989656825E-2</v>
      </c>
      <c r="F11" s="2">
        <f>+BIE_c20150910131257!F11</f>
        <v>-6.5830499365000003E-2</v>
      </c>
      <c r="G11" s="2">
        <f>+BIE_c20150910131257!G11</f>
        <v>-8.6043091160999993E-2</v>
      </c>
      <c r="H11" s="2">
        <f>+BIE_c20150910131257!H11</f>
        <v>-0.124864917804</v>
      </c>
      <c r="I11" s="2">
        <f>+BIE_c20150910131257!I11</f>
        <v>-0.167318135891</v>
      </c>
      <c r="J11" s="2">
        <f>+BIE_c20150910131257!J11</f>
        <v>-0.22539035068900001</v>
      </c>
      <c r="K11" s="2">
        <f>+BIE_c20150910131257!K11</f>
        <v>-0.27822618034300001</v>
      </c>
      <c r="L11" s="2">
        <f>+BIE_c20150910131257!L11</f>
        <v>-0.29252873158600001</v>
      </c>
      <c r="M11" s="2">
        <f>+BIE_c20150910131257!M11</f>
        <v>-0.27598805647199998</v>
      </c>
      <c r="N11" s="2">
        <f>+BIE_c20150910131257!N11</f>
        <v>-0.224371127905</v>
      </c>
      <c r="O11" s="2">
        <f>+BIE_c20150910131257!O11</f>
        <v>-0.147919440584</v>
      </c>
      <c r="P11" s="2">
        <f>+BIE_c20150910131257!P11</f>
        <v>-5.7660875054999998E-2</v>
      </c>
      <c r="Q11" s="2">
        <f>+BIE_c20150910131257!Q11</f>
        <v>3.2467567110999997E-2</v>
      </c>
      <c r="R11" s="2">
        <f>+BIE_c20150910131257!R11</f>
        <v>9.2758442578999997E-2</v>
      </c>
      <c r="S11" s="2">
        <f>+BIE_c20150910131257!S11</f>
        <v>9.1494488914E-2</v>
      </c>
      <c r="T11" s="2">
        <f>+BIE_c20150910131257!T11</f>
        <v>5.7825887231000003E-2</v>
      </c>
      <c r="U11" s="2">
        <f>+BIE_c20150910131257!U11</f>
        <v>2.3377218317000001E-2</v>
      </c>
      <c r="V11" s="2">
        <f>+BIE_c20150910131257!V11</f>
        <v>1.8468047506999999E-2</v>
      </c>
      <c r="W11" s="2">
        <f>+BIE_c20150910131257!W11</f>
        <v>8.2378992440999999E-2</v>
      </c>
      <c r="X11" s="2">
        <f>+BIE_c20150910131257!X11</f>
        <v>0.15186864288400001</v>
      </c>
      <c r="Y11" s="2">
        <f>+BIE_c20150910131257!Y11</f>
        <v>0.18326359721800001</v>
      </c>
      <c r="Z11" s="2">
        <f>+BIE_c20150910131257!Z11</f>
        <v>0.16272148643199999</v>
      </c>
      <c r="AA11" s="2">
        <f>+BIE_c20150910131257!AA11</f>
        <v>0.101172247117</v>
      </c>
      <c r="AB11" s="2">
        <f>+BIE_c20150910131257!AB11</f>
        <v>1.0367577398E-2</v>
      </c>
      <c r="AC11" s="2">
        <f>+BIE_c20150910131257!AC11</f>
        <v>-0.124775379603</v>
      </c>
      <c r="AD11" s="2">
        <f>+BIE_c20150910131257!AD11</f>
        <v>-0.26768738564599998</v>
      </c>
      <c r="AE11" s="2">
        <f>+BIE_c20150910131257!AE11</f>
        <v>-0.36710985299400001</v>
      </c>
      <c r="AF11" s="2">
        <f>+BIE_c20150910131257!AF11</f>
        <v>-0.39575676855199998</v>
      </c>
      <c r="AG11" s="2">
        <f>+BIE_c20150910131257!AG11</f>
        <v>-0.36369574602900001</v>
      </c>
      <c r="AH11" s="2">
        <f>+BIE_c20150910131257!AH11</f>
        <v>-0.31372711332600001</v>
      </c>
      <c r="AI11" s="2">
        <f>+BIE_c20150910131257!AI11</f>
        <v>-0.246397585079</v>
      </c>
      <c r="AJ11" s="2">
        <f>+BIE_c20150910131257!AJ11</f>
        <v>-0.18160374408300001</v>
      </c>
      <c r="AK11" s="2">
        <f>+BIE_c20150910131257!AK11</f>
        <v>-0.14061732699900001</v>
      </c>
      <c r="AL11" s="2">
        <f>+BIE_c20150910131257!AL11</f>
        <v>-9.8799802711000001E-2</v>
      </c>
      <c r="AM11" s="2">
        <f>+BIE_c20150910131257!AM11</f>
        <v>-1.5641654378999999E-2</v>
      </c>
      <c r="AN11" s="2">
        <f>+BIE_c20150910131257!AN11</f>
        <v>0.111330849042</v>
      </c>
      <c r="AO11" s="2">
        <f>+BIE_c20150910131257!AO11</f>
        <v>0.25309192056000002</v>
      </c>
      <c r="AP11" s="2">
        <f>+BIE_c20150910131257!AP11</f>
        <v>0.32706246195700001</v>
      </c>
      <c r="AQ11" s="2">
        <f>+BIE_c20150910131257!AQ11</f>
        <v>0.353219805311</v>
      </c>
      <c r="AR11" s="2">
        <f>+BIE_c20150910131257!AR11</f>
        <v>0.31785639396900001</v>
      </c>
      <c r="AS11" s="2">
        <f>+BIE_c20150910131257!AS11</f>
        <v>0.25727743435900002</v>
      </c>
      <c r="AT11" s="2">
        <f>+BIE_c20150910131257!AT11</f>
        <v>0.20875398798399999</v>
      </c>
      <c r="AU11" s="2">
        <f>+BIE_c20150910131257!AU11</f>
        <v>0.17685187398900001</v>
      </c>
      <c r="AV11" s="2">
        <f>+BIE_c20150910131257!AV11</f>
        <v>0.15029188309800001</v>
      </c>
      <c r="AW11" s="2">
        <f>+BIE_c20150910131257!AW11</f>
        <v>0.121372676813</v>
      </c>
      <c r="AX11" s="2">
        <f>+BIE_c20150910131257!AX11</f>
        <v>7.6672327708000004E-2</v>
      </c>
      <c r="AY11" s="2">
        <f>+BIE_c20150910131257!AY11</f>
        <v>4.6470271788999998E-2</v>
      </c>
      <c r="AZ11" s="2">
        <f>+BIE_c20150910131257!AZ11</f>
        <v>-3.0084796510000001E-3</v>
      </c>
      <c r="BA11" s="2">
        <f>+BIE_c20150910131257!BA11</f>
        <v>-4.0115644397000001E-2</v>
      </c>
      <c r="BB11" s="2">
        <f>+BIE_c20150910131257!BB11</f>
        <v>-8.1533076905999993E-2</v>
      </c>
      <c r="BC11" s="2">
        <f>+BIE_c20150910131257!BC11</f>
        <v>-9.6760932209000006E-2</v>
      </c>
      <c r="BD11" s="2">
        <f>+BIE_c20150910131257!BD11</f>
        <v>-9.0803897120000004E-2</v>
      </c>
      <c r="BE11" s="2">
        <f>+BIE_c20150910131257!BE11</f>
        <v>-6.6109252728000001E-2</v>
      </c>
      <c r="BF11" s="2">
        <f>+BIE_c20150910131257!BF11</f>
        <v>-3.2142519825999999E-2</v>
      </c>
      <c r="BG11" s="2">
        <f>+BIE_c20150910131257!BG11</f>
        <v>-4.286094836E-3</v>
      </c>
      <c r="BH11" s="2">
        <f>+BIE_c20150910131257!BH11</f>
        <v>1.9941151067999999E-2</v>
      </c>
      <c r="BI11" s="2">
        <f>+BIE_c20150910131257!BI11</f>
        <v>2.0471121148E-2</v>
      </c>
      <c r="BJ11" s="2">
        <f>+BIE_c20150910131257!BJ11</f>
        <v>-1.8986139299999999E-3</v>
      </c>
      <c r="BK11" s="2">
        <f>+BIE_c20150910131257!BK11</f>
        <v>-4.3410783887000003E-2</v>
      </c>
      <c r="BL11" s="2">
        <f>+BIE_c20150910131257!BL11</f>
        <v>-6.5408752439000004E-2</v>
      </c>
      <c r="BM11" s="2">
        <f>+BIE_c20150910131257!BM11</f>
        <v>-6.011921009E-2</v>
      </c>
      <c r="BN11" s="2">
        <f>+BIE_c20150910131257!BN11</f>
        <v>-2.5836832858000001E-2</v>
      </c>
      <c r="BO11" s="2">
        <f>+BIE_c20150910131257!BO11</f>
        <v>2.3460319463999998E-2</v>
      </c>
      <c r="BP11" s="2">
        <f>+BIE_c20150910131257!BP11</f>
        <v>7.1534012406999997E-2</v>
      </c>
      <c r="BQ11" s="2">
        <f>+BIE_c20150910131257!BQ11</f>
        <v>0.114364827296</v>
      </c>
      <c r="BR11" s="2">
        <f>+BIE_c20150910131257!BR11</f>
        <v>0.14227736613</v>
      </c>
      <c r="BS11" s="2">
        <f>+BIE_c20150910131257!BS11</f>
        <v>0.16224528823600001</v>
      </c>
      <c r="BT11" s="2">
        <f>+BIE_c20150910131257!BT11</f>
        <v>0.170936047472</v>
      </c>
      <c r="BU11" s="2">
        <f>+BIE_c20150910131257!BU11</f>
        <v>0.15984050551699999</v>
      </c>
      <c r="BV11" s="2">
        <f>+BIE_c20150910131257!BV11</f>
        <v>0.135452899012</v>
      </c>
      <c r="BW11" s="2">
        <f>+BIE_c20150910131257!BW11</f>
        <v>0.11060444121599999</v>
      </c>
      <c r="BX11" s="2">
        <f>+BIE_c20150910131257!BX11</f>
        <v>8.0648648497E-2</v>
      </c>
      <c r="BY11" s="2">
        <f>+BIE_c20150910131257!BY11</f>
        <v>5.3811638527000001E-2</v>
      </c>
      <c r="BZ11" s="2">
        <f>+BIE_c20150910131257!BZ11</f>
        <v>4.0371917232000003E-2</v>
      </c>
      <c r="CA11" s="2">
        <f>+BIE_c20150910131257!CA11</f>
        <v>4.1458184444999997E-2</v>
      </c>
      <c r="CB11" s="2">
        <f>+BIE_c20150910131257!CB11</f>
        <v>5.9660300728E-2</v>
      </c>
      <c r="CC11" s="2">
        <f>+BIE_c20150910131257!CC11</f>
        <v>8.7751438013000005E-2</v>
      </c>
      <c r="CD11" s="2">
        <f>+BIE_c20150910131257!CD11</f>
        <v>0.105026216684</v>
      </c>
      <c r="CE11" s="2">
        <f>+BIE_c20150910131257!CE11</f>
        <v>0.110994182439</v>
      </c>
      <c r="CF11" s="2">
        <f>+BIE_c20150910131257!CF11</f>
        <v>0.108260545677</v>
      </c>
      <c r="CG11" s="2">
        <f>+BIE_c20150910131257!CG11</f>
        <v>9.8405767983000006E-2</v>
      </c>
      <c r="CH11" s="2">
        <f>+BIE_c20150910131257!CH11</f>
        <v>8.5961193473999997E-2</v>
      </c>
      <c r="CI11" s="2">
        <f>+BIE_c20150910131257!CI11</f>
        <v>7.9478805636000002E-2</v>
      </c>
      <c r="CJ11" s="2">
        <f>+BIE_c20150910131257!CJ11</f>
        <v>6.8388407228000006E-2</v>
      </c>
      <c r="CK11" s="2">
        <f>+BIE_c20150910131257!CK11</f>
        <v>5.8159194494999997E-2</v>
      </c>
      <c r="CL11" s="2">
        <f>+BIE_c20150910131257!CL11</f>
        <v>3.9747760570999997E-2</v>
      </c>
      <c r="CM11" s="2">
        <f>+BIE_c20150910131257!CM11</f>
        <v>3.2173324418999998E-2</v>
      </c>
      <c r="CN11" s="2">
        <f>+BIE_c20150910131257!CN11</f>
        <v>3.2237386313999999E-2</v>
      </c>
      <c r="CO11" s="2">
        <f>+BIE_c20150910131257!CO11</f>
        <v>2.0619866167000001E-2</v>
      </c>
      <c r="CP11" s="2">
        <f>+BIE_c20150910131257!CP11</f>
        <v>5.9746508779999997E-3</v>
      </c>
      <c r="CQ11" s="2">
        <f>+BIE_c20150910131257!CQ11</f>
        <v>-3.5536673826000002E-2</v>
      </c>
      <c r="CR11" s="2">
        <f>+BIE_c20150910131257!CR11</f>
        <v>-8.0722118482000005E-2</v>
      </c>
      <c r="CS11" s="2">
        <f>+BIE_c20150910131257!CS11</f>
        <v>-0.118981193335</v>
      </c>
      <c r="CT11" s="2">
        <f>+BIE_c20150910131257!CT11</f>
        <v>-0.15209129971499999</v>
      </c>
      <c r="CU11" s="2">
        <f>+BIE_c20150910131257!CU11</f>
        <v>-0.171063815126</v>
      </c>
      <c r="CV11" s="2">
        <f>+BIE_c20150910131257!CV11</f>
        <v>-0.17982509023500001</v>
      </c>
      <c r="CW11" s="2">
        <f>+BIE_c20150910131257!CW11</f>
        <v>-0.20406625376099999</v>
      </c>
      <c r="CX11" s="2">
        <f>+BIE_c20150910131257!CX11</f>
        <v>-0.25793832278399997</v>
      </c>
      <c r="CY11" s="2">
        <f>+BIE_c20150910131257!CY11</f>
        <v>-0.36188846421400001</v>
      </c>
      <c r="CZ11" s="2">
        <f>+BIE_c20150910131257!CZ11</f>
        <v>-0.49349600730499998</v>
      </c>
      <c r="DA11" s="2">
        <f>+BIE_c20150910131257!DA11</f>
        <v>-0.64188381083299995</v>
      </c>
      <c r="DB11" s="2">
        <f>+BIE_c20150910131257!DB11</f>
        <v>-0.77451428964500002</v>
      </c>
      <c r="DC11" s="2">
        <f>+BIE_c20150910131257!DC11</f>
        <v>-0.82989710428499996</v>
      </c>
      <c r="DD11" s="2">
        <f>+BIE_c20150910131257!DD11</f>
        <v>-0.75029288456300003</v>
      </c>
      <c r="DE11" s="2">
        <f>+BIE_c20150910131257!DE11</f>
        <v>-0.58502525815700002</v>
      </c>
      <c r="DF11" s="2">
        <f>+BIE_c20150910131257!DF11</f>
        <v>-0.38453751625999999</v>
      </c>
      <c r="DG11" s="2">
        <f>+BIE_c20150910131257!DG11</f>
        <v>-0.14437180808399999</v>
      </c>
      <c r="DH11" s="2">
        <f>+BIE_c20150910131257!DH11</f>
        <v>0.119500597554</v>
      </c>
      <c r="DI11" s="2">
        <f>+BIE_c20150910131257!DI11</f>
        <v>0.35267479428600002</v>
      </c>
      <c r="DJ11" s="2">
        <f>+BIE_c20150910131257!DJ11</f>
        <v>0.49214139293300002</v>
      </c>
      <c r="DK11" s="2">
        <f>+BIE_c20150910131257!DK11</f>
        <v>0.550676837212</v>
      </c>
      <c r="DL11" s="2">
        <f>+BIE_c20150910131257!DL11</f>
        <v>0.55154586270999995</v>
      </c>
      <c r="DM11" s="2">
        <f>+BIE_c20150910131257!DM11</f>
        <v>0.514031753644</v>
      </c>
      <c r="DN11" s="2">
        <f>+BIE_c20150910131257!DN11</f>
        <v>0.45242189119100001</v>
      </c>
      <c r="DO11" s="2">
        <f>+BIE_c20150910131257!DO11</f>
        <v>0.38476570349599998</v>
      </c>
      <c r="DP11" s="2">
        <f>+BIE_c20150910131257!DP11</f>
        <v>0.30555358756200002</v>
      </c>
      <c r="DQ11" s="2">
        <f>+BIE_c20150910131257!DQ11</f>
        <v>0.239491984721</v>
      </c>
      <c r="DR11" s="2">
        <f>+BIE_c20150910131257!DR11</f>
        <v>0.19273445332200001</v>
      </c>
      <c r="DS11" s="2">
        <f>+BIE_c20150910131257!DS11</f>
        <v>0.167220250307</v>
      </c>
      <c r="DT11" s="2">
        <f>+BIE_c20150910131257!DT11</f>
        <v>0.14837223287599999</v>
      </c>
      <c r="DU11" s="2">
        <f>+BIE_c20150910131257!DU11</f>
        <v>0.10719554029800001</v>
      </c>
      <c r="DV11" s="2">
        <f>+BIE_c20150910131257!DV11</f>
        <v>5.7633219280000002E-2</v>
      </c>
      <c r="DW11" s="2">
        <f>+BIE_c20150910131257!DW11</f>
        <v>3.0911354257999998E-2</v>
      </c>
      <c r="DX11" s="2">
        <f>+BIE_c20150910131257!DX11</f>
        <v>3.431319218E-2</v>
      </c>
      <c r="DY11" s="2">
        <f>+BIE_c20150910131257!DY11</f>
        <v>6.1689581979999998E-2</v>
      </c>
      <c r="DZ11" s="2">
        <f>+BIE_c20150910131257!DZ11</f>
        <v>9.7160152378999998E-2</v>
      </c>
      <c r="EA11" s="2">
        <f>+BIE_c20150910131257!EA11</f>
        <v>0.115560549277</v>
      </c>
      <c r="EB11" s="2">
        <f>+BIE_c20150910131257!EB11</f>
        <v>0.119452500861</v>
      </c>
      <c r="EC11" s="2">
        <f>+BIE_c20150910131257!EC11</f>
        <v>0.112169028042</v>
      </c>
      <c r="ED11" s="2">
        <f>+BIE_c20150910131257!ED11</f>
        <v>8.6604175392999999E-2</v>
      </c>
      <c r="EE11" s="2">
        <f>+BIE_c20150910131257!EE11</f>
        <v>5.4216336035999999E-2</v>
      </c>
      <c r="EF11" s="2">
        <f>+BIE_c20150910131257!EF11</f>
        <v>1.1140792357999999E-2</v>
      </c>
      <c r="EG11" s="2">
        <f>+BIE_c20150910131257!EG11</f>
        <v>-3.8106763687999999E-2</v>
      </c>
      <c r="EH11" s="2">
        <f>+BIE_c20150910131257!EH11</f>
        <v>-9.1992842009E-2</v>
      </c>
      <c r="EI11" s="2">
        <f>+BIE_c20150910131257!EI11</f>
        <v>-0.14802527887799999</v>
      </c>
      <c r="EJ11" s="2">
        <f>+BIE_c20150910131257!EJ11</f>
        <v>-0.19360878062100001</v>
      </c>
      <c r="EK11" s="2">
        <f>+BIE_c20150910131257!EK11</f>
        <v>-0.20959255574899999</v>
      </c>
      <c r="EL11" s="2">
        <f>+BIE_c20150910131257!EL11</f>
        <v>-0.171933147338</v>
      </c>
      <c r="EM11" s="2">
        <f>+BIE_c20150910131257!EM11</f>
        <v>-9.8419096265999997E-2</v>
      </c>
      <c r="EN11" s="2">
        <f>+BIE_c20150910131257!EN11</f>
        <v>-1.9455909726999999E-2</v>
      </c>
      <c r="EO11" s="2">
        <f>+BIE_c20150910131257!EO11</f>
        <v>3.4675101339000002E-2</v>
      </c>
      <c r="EP11" s="2">
        <f>+BIE_c20150910131257!EP11</f>
        <v>6.2900238573000006E-2</v>
      </c>
      <c r="EQ11" s="2">
        <f>+BIE_c20150910131257!EQ11</f>
        <v>4.8055960036000003E-2</v>
      </c>
      <c r="ER11" s="2">
        <f>+BIE_c20150910131257!ER11</f>
        <v>-2.6090010549999999E-3</v>
      </c>
      <c r="ES11" s="2">
        <f>+BIE_c20150910131257!ES11</f>
        <v>-5.9564398666000003E-2</v>
      </c>
      <c r="ET11" s="2">
        <f>+BIE_c20150910131257!ET11</f>
        <v>-7.8247014407999999E-2</v>
      </c>
      <c r="EU11" s="2">
        <f>+BIE_c20150910131257!EU11</f>
        <v>-6.1346760905999997E-2</v>
      </c>
      <c r="EV11" s="2">
        <f>+BIE_c20150910131257!EV11</f>
        <v>-2.7534197113000002E-2</v>
      </c>
      <c r="EW11" s="2">
        <f>+BIE_c20150910131257!EW11</f>
        <v>7.7656769050000003E-3</v>
      </c>
      <c r="EX11" s="2">
        <f>+BIE_c20150910131257!EX11</f>
        <v>4.537543032E-2</v>
      </c>
      <c r="EY11" s="2">
        <f>+BIE_c20150910131257!EY11</f>
        <v>8.0240948512999996E-2</v>
      </c>
      <c r="EZ11" s="2">
        <f>+BIE_c20150910131257!EZ11</f>
        <v>0.101404093009</v>
      </c>
      <c r="FA11" s="2">
        <f>+BIE_c20150910131257!FA11</f>
        <v>0.10942029693999999</v>
      </c>
      <c r="FB11" s="2">
        <f>+BIE_c20150910131257!FB11</f>
        <v>7.8747771068000003E-2</v>
      </c>
      <c r="FC11" s="2">
        <f>+BIE_c20150910131257!FC11</f>
        <v>3.5575605252999999E-2</v>
      </c>
      <c r="FD11" s="2">
        <f>+BIE_c20150910131257!FD11</f>
        <v>5.6541188310000002E-3</v>
      </c>
      <c r="FE11" s="2">
        <f>+BIE_c20150910131257!FE11</f>
        <v>-2.2527994703000001E-2</v>
      </c>
      <c r="FF11" s="2">
        <f>+BIE_c20150910131257!FF11</f>
        <v>-5.0952811402000003E-2</v>
      </c>
      <c r="FG11" s="2">
        <f>+BIE_c20150910131257!FG11</f>
        <v>-7.7029820067000002E-2</v>
      </c>
      <c r="FH11" s="2">
        <f>+BIE_c20150910131257!FH11</f>
        <v>-7.0090745910000002E-2</v>
      </c>
      <c r="FI11" s="2">
        <f>+BIE_c20150910131257!FI11</f>
        <v>-4.7772108368999998E-2</v>
      </c>
      <c r="FJ11" s="2">
        <f>+BIE_c20150910131257!FJ11</f>
        <v>-1.3740939598000001E-2</v>
      </c>
      <c r="FK11" s="2">
        <f>+BIE_c20150910131257!FK11</f>
        <v>1.8680455161999999E-2</v>
      </c>
      <c r="FL11" s="2">
        <f>+BIE_c20150910131257!FL11</f>
        <v>3.6717007465999998E-2</v>
      </c>
      <c r="FM11" s="2">
        <f>+BIE_c20150910131257!FM11</f>
        <v>2.3559295704000002E-2</v>
      </c>
      <c r="FN11" s="2">
        <f>+BIE_c20150910131257!FN11</f>
        <v>-3.951579819E-3</v>
      </c>
      <c r="FO11" s="2">
        <f>+BIE_c20150910131257!FO11</f>
        <v>3.2109457730000002E-3</v>
      </c>
      <c r="FP11" s="2">
        <f>+BIE_c20150910131257!FP11</f>
        <v>4.3024366244000002E-2</v>
      </c>
      <c r="FQ11" s="2">
        <f>+BIE_c20150910131257!FQ11</f>
        <v>7.6633382523999996E-2</v>
      </c>
      <c r="FR11" s="2">
        <f>+BIE_c20150910131257!FR11</f>
        <v>9.8202112159000002E-2</v>
      </c>
      <c r="FS11" s="2">
        <f>+BIE_c20150910131257!FS11</f>
        <v>0.10539506499</v>
      </c>
      <c r="FT11" s="2">
        <f>+BIE_c20150910131257!FT11</f>
        <v>9.2728878050999997E-2</v>
      </c>
      <c r="FU11" s="2">
        <f>+BIE_c20150910131257!FU11</f>
        <v>6.1374414464999999E-2</v>
      </c>
      <c r="FV11" s="2">
        <f>+BIE_c20150910131257!FV11</f>
        <v>1.4759747012E-2</v>
      </c>
      <c r="FW11" s="2">
        <f>+BIE_c20150910131257!FW11</f>
        <v>-3.7779332254E-2</v>
      </c>
      <c r="FX11" s="2">
        <f>+BIE_c20150910131257!FX11</f>
        <v>-7.8560057949999998E-2</v>
      </c>
      <c r="FY11" s="2">
        <f>+BIE_c20150910131257!FY11</f>
        <v>-9.7467934137000001E-2</v>
      </c>
      <c r="FZ11" s="2">
        <f>+BIE_c20150910131257!FZ11</f>
        <v>-9.1641835519000001E-2</v>
      </c>
      <c r="GA11" s="2">
        <f>+BIE_c20150910131257!GA11</f>
        <v>-7.8260700323000004E-2</v>
      </c>
      <c r="GB11" s="2">
        <f>+BIE_c20150910131257!GB11</f>
        <v>-7.9147630132999996E-2</v>
      </c>
      <c r="GC11" s="25">
        <f>+BIE_c20150910131257!GC11</f>
        <v>-7.2771471759000006E-2</v>
      </c>
      <c r="GD11" s="25">
        <f>+BIE_c20150910131257!GD11</f>
        <v>-7.0632490307000001E-2</v>
      </c>
      <c r="GE11" s="25">
        <f>+BIE_c20150910131257!GE11</f>
        <v>-7.2934450930999997E-2</v>
      </c>
      <c r="GF11" s="25">
        <f>+BIE_c20150910131257!GF11</f>
        <v>-7.6002404674000004E-2</v>
      </c>
      <c r="GG11" s="26">
        <f>+BIE_c20150910131257!GG11</f>
        <v>-7.8373405081000005E-2</v>
      </c>
      <c r="GH11" s="27">
        <f>+BIE_c20150910131257!GH11</f>
        <v>-7.3558417192E-2</v>
      </c>
      <c r="GI11" s="27">
        <f>+BIE_c20150910131257!GI11</f>
        <v>-7.0106212197000001E-2</v>
      </c>
      <c r="GJ11" s="27">
        <f>+BIE_c20150910131257!GJ11</f>
        <v>-8.7930368938000006E-2</v>
      </c>
      <c r="GK11" s="27">
        <f>+BIE_c20150910131257!GK11</f>
        <v>-0.112759637875</v>
      </c>
      <c r="GL11" s="27">
        <f>+BIE_c20150910131257!GL11</f>
        <v>-0.124066537738</v>
      </c>
      <c r="GM11" s="27">
        <f>+BIE_c20150910131257!GM11</f>
        <v>-0.109535920664</v>
      </c>
      <c r="GN11" s="27">
        <f>+BIE_c20150910131257!GN11</f>
        <v>-8.1902994310000005E-2</v>
      </c>
      <c r="GO11" s="27">
        <f>+BIE_c20150910131257!GO11</f>
        <v>-6.1915599872000002E-2</v>
      </c>
      <c r="GP11" s="27">
        <f>+BIE_c20150910131257!GP11</f>
        <v>-5.4181305346999997E-2</v>
      </c>
      <c r="GQ11" s="27">
        <f>+BIE_c20150910131257!GQ11</f>
        <v>0</v>
      </c>
      <c r="GR11" s="27">
        <f>+BIE_c20150910131257!GR11</f>
        <v>0</v>
      </c>
      <c r="GS11" s="26">
        <f>+BIE_c20150910131257!GY11</f>
        <v>0</v>
      </c>
      <c r="GT11" s="26">
        <f>+BIE_c20150910131257!GZ11</f>
        <v>0</v>
      </c>
      <c r="GU11" s="26">
        <f>+BIE_c20150910131257!HA11</f>
        <v>0</v>
      </c>
      <c r="GV11" s="26">
        <f>+BIE_c20150910131257!HB11</f>
        <v>0</v>
      </c>
      <c r="GW11" s="26">
        <f>+BIE_c20150910131257!HC11</f>
        <v>0</v>
      </c>
      <c r="GX11" s="26">
        <f>+BIE_c20150910131257!HD11</f>
        <v>0</v>
      </c>
      <c r="GY11" s="26">
        <f>+BIE_c20150910131257!HE11</f>
        <v>0</v>
      </c>
      <c r="GZ11" s="26">
        <f>+BIE_c20150910131257!HF11</f>
        <v>0</v>
      </c>
      <c r="HA11" s="26">
        <f>+BIE_c20150910131257!HG11</f>
        <v>0</v>
      </c>
      <c r="HB11" s="26">
        <f>+BIE_c20150910131257!HH11</f>
        <v>0</v>
      </c>
      <c r="HC11" s="26">
        <f>+BIE_c20150910131257!HI11</f>
        <v>0</v>
      </c>
      <c r="HD11" s="26">
        <f>+BIE_c20150910131257!HJ11</f>
        <v>0</v>
      </c>
      <c r="HE11" s="26">
        <f>+BIE_c20150910131257!HK11</f>
        <v>0</v>
      </c>
      <c r="HF11" s="26">
        <f>+BIE_c20150910131257!HL11</f>
        <v>0</v>
      </c>
      <c r="HG11" s="26">
        <f>+BIE_c20150910131257!HM11</f>
        <v>0</v>
      </c>
      <c r="HH11" s="26">
        <f>+BIE_c20150910131257!HN11</f>
        <v>0</v>
      </c>
      <c r="HI11" s="26">
        <f>+BIE_c20150910131257!HO11</f>
        <v>0</v>
      </c>
      <c r="HJ11" s="26">
        <f>+BIE_c20150910131257!HP11</f>
        <v>0</v>
      </c>
      <c r="HK11" s="26">
        <f>+BIE_c20150910131257!HQ11</f>
        <v>0</v>
      </c>
      <c r="HL11" s="26">
        <f>+BIE_c20150910131257!HR11</f>
        <v>0</v>
      </c>
      <c r="HM11" s="26">
        <f>+BIE_c20150910131257!HS11</f>
        <v>0</v>
      </c>
      <c r="HN11" s="26">
        <f>+BIE_c20150910131257!HT11</f>
        <v>0</v>
      </c>
      <c r="HO11" s="26">
        <f>+BIE_c20150910131257!HU11</f>
        <v>0</v>
      </c>
      <c r="HP11" s="26">
        <f>+BIE_c20150910131257!HV11</f>
        <v>0</v>
      </c>
      <c r="HQ11" s="26">
        <f>+BIE_c20150910131257!HW11</f>
        <v>0</v>
      </c>
      <c r="HR11" s="26">
        <f>+BIE_c20150910131257!HX11</f>
        <v>0</v>
      </c>
      <c r="HS11" s="26">
        <f>+BIE_c20150910131257!HY11</f>
        <v>0</v>
      </c>
      <c r="HT11" s="26">
        <f>+BIE_c20150910131257!HZ11</f>
        <v>0</v>
      </c>
      <c r="HU11" s="26">
        <f>+BIE_c20150910131257!IA11</f>
        <v>0</v>
      </c>
      <c r="HV11" s="26">
        <f>+BIE_c20150910131257!IB11</f>
        <v>0</v>
      </c>
      <c r="HW11" s="26">
        <f>+BIE_c20150910131257!IC11</f>
        <v>0</v>
      </c>
      <c r="HX11" s="26">
        <f>+BIE_c20150910131257!ID11</f>
        <v>0</v>
      </c>
      <c r="HY11" s="26">
        <f>+BIE_c20150910131257!IE11</f>
        <v>0</v>
      </c>
      <c r="HZ11" s="25">
        <f>+BIE_c20150910131257!IH11</f>
        <v>0</v>
      </c>
      <c r="IA11" s="25">
        <f>+BIE_c20150910131257!II11</f>
        <v>0</v>
      </c>
      <c r="IB11" s="25">
        <f>+BIE_c20150910131257!IJ11</f>
        <v>0</v>
      </c>
      <c r="IC11" s="25">
        <f>+BIE_c20150910131257!IK11</f>
        <v>0</v>
      </c>
      <c r="ID11" s="25">
        <f>+BIE_c20150910131257!IL11</f>
        <v>0</v>
      </c>
      <c r="IE11" s="25">
        <f>+BIE_c20150910131257!IM11</f>
        <v>0</v>
      </c>
      <c r="IF11" s="25">
        <f>+BIE_c20150910131257!IN11</f>
        <v>0</v>
      </c>
      <c r="IG11" s="25">
        <f>+BIE_c20150910131257!IO11</f>
        <v>0</v>
      </c>
      <c r="IH11" s="25">
        <f>+BIE_c20150910131257!IP11</f>
        <v>0</v>
      </c>
      <c r="II11" s="25">
        <f>+BIE_c20150910131257!IQ11</f>
        <v>0</v>
      </c>
      <c r="IJ11" s="25">
        <f>+BIE_c20150910131257!IR11</f>
        <v>0</v>
      </c>
      <c r="IK11" s="25">
        <f>+BIE_c20150910131257!IS11</f>
        <v>0</v>
      </c>
      <c r="IL11" s="25">
        <f>+BIE_c20150910131257!IT11</f>
        <v>0</v>
      </c>
      <c r="IM11" s="25">
        <f>+BIE_c20150910131257!IU11</f>
        <v>0</v>
      </c>
      <c r="IN11" s="25">
        <f>+BIE_c20150910131257!IV11</f>
        <v>0</v>
      </c>
      <c r="IO11" s="25">
        <f>+BIE_c20150910131257!IW11</f>
        <v>0</v>
      </c>
      <c r="IP11" s="25">
        <f>+BIE_c20150910131257!IX11</f>
        <v>0</v>
      </c>
      <c r="IQ11" s="25">
        <f>+BIE_c20150910131257!IY11</f>
        <v>0</v>
      </c>
      <c r="IR11" s="25">
        <f>+BIE_c20150910131257!IZ11</f>
        <v>0</v>
      </c>
      <c r="IS11" s="25">
        <f>+BIE_c20150910131257!JA11</f>
        <v>0</v>
      </c>
      <c r="IT11" s="14"/>
    </row>
    <row r="12" spans="1:254" x14ac:dyDescent="0.25">
      <c r="A12" s="6" t="s">
        <v>287</v>
      </c>
      <c r="B12" s="2">
        <f>+BIE_c20150910131257!B12</f>
        <v>6.1602724970000002E-2</v>
      </c>
      <c r="C12" s="2">
        <f>+BIE_c20150910131257!C12</f>
        <v>2.2277232497000001E-2</v>
      </c>
      <c r="D12" s="2">
        <f>+BIE_c20150910131257!D12</f>
        <v>2.3709008420999999E-2</v>
      </c>
      <c r="E12" s="2">
        <f>+BIE_c20150910131257!E12</f>
        <v>1.8644368750000001E-2</v>
      </c>
      <c r="F12" s="2">
        <f>+BIE_c20150910131257!F12</f>
        <v>6.1291375209999999E-3</v>
      </c>
      <c r="G12" s="2">
        <f>+BIE_c20150910131257!G12</f>
        <v>2.0389792037000001E-2</v>
      </c>
      <c r="H12" s="2">
        <f>+BIE_c20150910131257!H12</f>
        <v>-4.4796932869000002E-2</v>
      </c>
      <c r="I12" s="2">
        <f>+BIE_c20150910131257!I12</f>
        <v>-9.8205616275000004E-2</v>
      </c>
      <c r="J12" s="2">
        <f>+BIE_c20150910131257!J12</f>
        <v>-0.17113496294899999</v>
      </c>
      <c r="K12" s="2">
        <f>+BIE_c20150910131257!K12</f>
        <v>-0.26340180613000003</v>
      </c>
      <c r="L12" s="2">
        <f>+BIE_c20150910131257!L12</f>
        <v>-0.31698222595600001</v>
      </c>
      <c r="M12" s="2">
        <f>+BIE_c20150910131257!M12</f>
        <v>-0.36773021277399998</v>
      </c>
      <c r="N12" s="2">
        <f>+BIE_c20150910131257!N12</f>
        <v>-0.353082632698</v>
      </c>
      <c r="O12" s="2">
        <f>+BIE_c20150910131257!O12</f>
        <v>-0.27954211217500002</v>
      </c>
      <c r="P12" s="2">
        <f>+BIE_c20150910131257!P12</f>
        <v>-0.19464228550099999</v>
      </c>
      <c r="Q12" s="2">
        <f>+BIE_c20150910131257!Q12</f>
        <v>-0.119594459133</v>
      </c>
      <c r="R12" s="2">
        <f>+BIE_c20150910131257!R12</f>
        <v>-3.7478880397000001E-2</v>
      </c>
      <c r="S12" s="2">
        <f>+BIE_c20150910131257!S12</f>
        <v>1.2519796390999999E-2</v>
      </c>
      <c r="T12" s="2">
        <f>+BIE_c20150910131257!T12</f>
        <v>4.2128935577000003E-2</v>
      </c>
      <c r="U12" s="2">
        <f>+BIE_c20150910131257!U12</f>
        <v>3.0832537122999999E-2</v>
      </c>
      <c r="V12" s="2">
        <f>+BIE_c20150910131257!V12</f>
        <v>-1.447713098E-3</v>
      </c>
      <c r="W12" s="2">
        <f>+BIE_c20150910131257!W12</f>
        <v>3.4521672896E-2</v>
      </c>
      <c r="X12" s="2">
        <f>+BIE_c20150910131257!X12</f>
        <v>9.9945827006999999E-2</v>
      </c>
      <c r="Y12" s="2">
        <f>+BIE_c20150910131257!Y12</f>
        <v>0.17758710574</v>
      </c>
      <c r="Z12" s="2">
        <f>+BIE_c20150910131257!Z12</f>
        <v>0.23488123005600001</v>
      </c>
      <c r="AA12" s="2">
        <f>+BIE_c20150910131257!AA12</f>
        <v>0.24929803845199999</v>
      </c>
      <c r="AB12" s="2">
        <f>+BIE_c20150910131257!AB12</f>
        <v>0.19740879813100001</v>
      </c>
      <c r="AC12" s="2">
        <f>+BIE_c20150910131257!AC12</f>
        <v>7.9097030848999994E-2</v>
      </c>
      <c r="AD12" s="2">
        <f>+BIE_c20150910131257!AD12</f>
        <v>-4.4003558732999999E-2</v>
      </c>
      <c r="AE12" s="2">
        <f>+BIE_c20150910131257!AE12</f>
        <v>-0.14746028209600001</v>
      </c>
      <c r="AF12" s="2">
        <f>+BIE_c20150910131257!AF12</f>
        <v>-0.19045958678200001</v>
      </c>
      <c r="AG12" s="2">
        <f>+BIE_c20150910131257!AG12</f>
        <v>-0.16814067860599999</v>
      </c>
      <c r="AH12" s="2">
        <f>+BIE_c20150910131257!AH12</f>
        <v>-0.12027599322</v>
      </c>
      <c r="AI12" s="2">
        <f>+BIE_c20150910131257!AI12</f>
        <v>-7.1231622049000007E-2</v>
      </c>
      <c r="AJ12" s="2">
        <f>+BIE_c20150910131257!AJ12</f>
        <v>-2.1317816831000001E-2</v>
      </c>
      <c r="AK12" s="2">
        <f>+BIE_c20150910131257!AK12</f>
        <v>-4.5521742499999998E-3</v>
      </c>
      <c r="AL12" s="2">
        <f>+BIE_c20150910131257!AL12</f>
        <v>-1.5989231379000001E-2</v>
      </c>
      <c r="AM12" s="2">
        <f>+BIE_c20150910131257!AM12</f>
        <v>-1.7506212988000001E-2</v>
      </c>
      <c r="AN12" s="2">
        <f>+BIE_c20150910131257!AN12</f>
        <v>-9.8377336979999994E-3</v>
      </c>
      <c r="AO12" s="2">
        <f>+BIE_c20150910131257!AO12</f>
        <v>4.7805683208999999E-2</v>
      </c>
      <c r="AP12" s="2">
        <f>+BIE_c20150910131257!AP12</f>
        <v>5.0614477965000002E-2</v>
      </c>
      <c r="AQ12" s="2">
        <f>+BIE_c20150910131257!AQ12</f>
        <v>0.117759961279</v>
      </c>
      <c r="AR12" s="2">
        <f>+BIE_c20150910131257!AR12</f>
        <v>0.14398567071900001</v>
      </c>
      <c r="AS12" s="2">
        <f>+BIE_c20150910131257!AS12</f>
        <v>0.15496804983699999</v>
      </c>
      <c r="AT12" s="2">
        <f>+BIE_c20150910131257!AT12</f>
        <v>0.188345524604</v>
      </c>
      <c r="AU12" s="2">
        <f>+BIE_c20150910131257!AU12</f>
        <v>0.22340480837000001</v>
      </c>
      <c r="AV12" s="2">
        <f>+BIE_c20150910131257!AV12</f>
        <v>0.218249500401</v>
      </c>
      <c r="AW12" s="2">
        <f>+BIE_c20150910131257!AW12</f>
        <v>0.21658659366999999</v>
      </c>
      <c r="AX12" s="2">
        <f>+BIE_c20150910131257!AX12</f>
        <v>0.20311331747899999</v>
      </c>
      <c r="AY12" s="2">
        <f>+BIE_c20150910131257!AY12</f>
        <v>0.17706946313899999</v>
      </c>
      <c r="AZ12" s="2">
        <f>+BIE_c20150910131257!AZ12</f>
        <v>0.15281098185</v>
      </c>
      <c r="BA12" s="2">
        <f>+BIE_c20150910131257!BA12</f>
        <v>0.106917570704</v>
      </c>
      <c r="BB12" s="2">
        <f>+BIE_c20150910131257!BB12</f>
        <v>-5.1801843920000002E-3</v>
      </c>
      <c r="BC12" s="2">
        <f>+BIE_c20150910131257!BC12</f>
        <v>-7.8477874503000006E-2</v>
      </c>
      <c r="BD12" s="2">
        <f>+BIE_c20150910131257!BD12</f>
        <v>-0.11054803646</v>
      </c>
      <c r="BE12" s="2">
        <f>+BIE_c20150910131257!BE12</f>
        <v>-0.112009618449</v>
      </c>
      <c r="BF12" s="2">
        <f>+BIE_c20150910131257!BF12</f>
        <v>-0.104497312992</v>
      </c>
      <c r="BG12" s="2">
        <f>+BIE_c20150910131257!BG12</f>
        <v>-0.104293031161</v>
      </c>
      <c r="BH12" s="2">
        <f>+BIE_c20150910131257!BH12</f>
        <v>-5.3545787560000002E-2</v>
      </c>
      <c r="BI12" s="2">
        <f>+BIE_c20150910131257!BI12</f>
        <v>-1.7282965963E-2</v>
      </c>
      <c r="BJ12" s="2">
        <f>+BIE_c20150910131257!BJ12</f>
        <v>-1.9627551571999999E-2</v>
      </c>
      <c r="BK12" s="2">
        <f>+BIE_c20150910131257!BK12</f>
        <v>-0.115268546486</v>
      </c>
      <c r="BL12" s="2">
        <f>+BIE_c20150910131257!BL12</f>
        <v>-0.16773937945699999</v>
      </c>
      <c r="BM12" s="2">
        <f>+BIE_c20150910131257!BM12</f>
        <v>-0.18852722245100001</v>
      </c>
      <c r="BN12" s="2">
        <f>+BIE_c20150910131257!BN12</f>
        <v>-0.15453321679000001</v>
      </c>
      <c r="BO12" s="2">
        <f>+BIE_c20150910131257!BO12</f>
        <v>-6.7213986195999997E-2</v>
      </c>
      <c r="BP12" s="2">
        <f>+BIE_c20150910131257!BP12</f>
        <v>4.2217067966999998E-2</v>
      </c>
      <c r="BQ12" s="2">
        <f>+BIE_c20150910131257!BQ12</f>
        <v>0.143325991953</v>
      </c>
      <c r="BR12" s="2">
        <f>+BIE_c20150910131257!BR12</f>
        <v>0.16383114593100001</v>
      </c>
      <c r="BS12" s="2">
        <f>+BIE_c20150910131257!BS12</f>
        <v>0.159700486881</v>
      </c>
      <c r="BT12" s="2">
        <f>+BIE_c20150910131257!BT12</f>
        <v>0.12666126659499999</v>
      </c>
      <c r="BU12" s="2">
        <f>+BIE_c20150910131257!BU12</f>
        <v>8.6005896361000006E-2</v>
      </c>
      <c r="BV12" s="2">
        <f>+BIE_c20150910131257!BV12</f>
        <v>7.0243865978000003E-2</v>
      </c>
      <c r="BW12" s="2">
        <f>+BIE_c20150910131257!BW12</f>
        <v>8.8877736479000005E-2</v>
      </c>
      <c r="BX12" s="2">
        <f>+BIE_c20150910131257!BX12</f>
        <v>0.12489621454499999</v>
      </c>
      <c r="BY12" s="2">
        <f>+BIE_c20150910131257!BY12</f>
        <v>0.14520408331099999</v>
      </c>
      <c r="BZ12" s="2">
        <f>+BIE_c20150910131257!BZ12</f>
        <v>0.141806779173</v>
      </c>
      <c r="CA12" s="2">
        <f>+BIE_c20150910131257!CA12</f>
        <v>8.2173433135000001E-2</v>
      </c>
      <c r="CB12" s="2">
        <f>+BIE_c20150910131257!CB12</f>
        <v>-1.5774532195E-2</v>
      </c>
      <c r="CC12" s="2">
        <f>+BIE_c20150910131257!CC12</f>
        <v>-8.2153882676000003E-2</v>
      </c>
      <c r="CD12" s="2">
        <f>+BIE_c20150910131257!CD12</f>
        <v>-0.12908868556399999</v>
      </c>
      <c r="CE12" s="2">
        <f>+BIE_c20150910131257!CE12</f>
        <v>-0.15844065458199999</v>
      </c>
      <c r="CF12" s="2">
        <f>+BIE_c20150910131257!CF12</f>
        <v>-0.16279281590200001</v>
      </c>
      <c r="CG12" s="2">
        <f>+BIE_c20150910131257!CG12</f>
        <v>-0.12826000933699999</v>
      </c>
      <c r="CH12" s="2">
        <f>+BIE_c20150910131257!CH12</f>
        <v>-6.5277663565999997E-2</v>
      </c>
      <c r="CI12" s="2">
        <f>+BIE_c20150910131257!CI12</f>
        <v>1.8804646750000001E-2</v>
      </c>
      <c r="CJ12" s="2">
        <f>+BIE_c20150910131257!CJ12</f>
        <v>5.2829058376E-2</v>
      </c>
      <c r="CK12" s="2">
        <f>+BIE_c20150910131257!CK12</f>
        <v>6.7502262261999998E-2</v>
      </c>
      <c r="CL12" s="2">
        <f>+BIE_c20150910131257!CL12</f>
        <v>5.9101395782999999E-2</v>
      </c>
      <c r="CM12" s="2">
        <f>+BIE_c20150910131257!CM12</f>
        <v>9.5993771019000002E-2</v>
      </c>
      <c r="CN12" s="2">
        <f>+BIE_c20150910131257!CN12</f>
        <v>0.15288405544600001</v>
      </c>
      <c r="CO12" s="2">
        <f>+BIE_c20150910131257!CO12</f>
        <v>0.145335000169</v>
      </c>
      <c r="CP12" s="2">
        <f>+BIE_c20150910131257!CP12</f>
        <v>9.8410400445999996E-2</v>
      </c>
      <c r="CQ12" s="2">
        <f>+BIE_c20150910131257!CQ12</f>
        <v>-2.7438805638E-2</v>
      </c>
      <c r="CR12" s="2">
        <f>+BIE_c20150910131257!CR12</f>
        <v>-0.10437340333300001</v>
      </c>
      <c r="CS12" s="2">
        <f>+BIE_c20150910131257!CS12</f>
        <v>-0.144859117801</v>
      </c>
      <c r="CT12" s="2">
        <f>+BIE_c20150910131257!CT12</f>
        <v>-0.19621420730399999</v>
      </c>
      <c r="CU12" s="2">
        <f>+BIE_c20150910131257!CU12</f>
        <v>-0.247685361795</v>
      </c>
      <c r="CV12" s="2">
        <f>+BIE_c20150910131257!CV12</f>
        <v>-0.260543844591</v>
      </c>
      <c r="CW12" s="2">
        <f>+BIE_c20150910131257!CW12</f>
        <v>-0.25946752286000002</v>
      </c>
      <c r="CX12" s="2">
        <f>+BIE_c20150910131257!CX12</f>
        <v>-0.24245633638899999</v>
      </c>
      <c r="CY12" s="2">
        <f>+BIE_c20150910131257!CY12</f>
        <v>-0.25399792136299998</v>
      </c>
      <c r="CZ12" s="2">
        <f>+BIE_c20150910131257!CZ12</f>
        <v>-0.27844124433799999</v>
      </c>
      <c r="DA12" s="2">
        <f>+BIE_c20150910131257!DA12</f>
        <v>-0.35735282092100001</v>
      </c>
      <c r="DB12" s="2">
        <f>+BIE_c20150910131257!DB12</f>
        <v>-0.423755258646</v>
      </c>
      <c r="DC12" s="2">
        <f>+BIE_c20150910131257!DC12</f>
        <v>-0.45154605202199999</v>
      </c>
      <c r="DD12" s="2">
        <f>+BIE_c20150910131257!DD12</f>
        <v>-0.40731710758900003</v>
      </c>
      <c r="DE12" s="2">
        <f>+BIE_c20150910131257!DE12</f>
        <v>-0.31958066735000001</v>
      </c>
      <c r="DF12" s="2">
        <f>+BIE_c20150910131257!DF12</f>
        <v>-0.25746624822899999</v>
      </c>
      <c r="DG12" s="2">
        <f>+BIE_c20150910131257!DG12</f>
        <v>-0.15305891388199999</v>
      </c>
      <c r="DH12" s="2">
        <f>+BIE_c20150910131257!DH12</f>
        <v>-1.7334652137999999E-2</v>
      </c>
      <c r="DI12" s="2">
        <f>+BIE_c20150910131257!DI12</f>
        <v>0.17409704546599999</v>
      </c>
      <c r="DJ12" s="2">
        <f>+BIE_c20150910131257!DJ12</f>
        <v>0.35702684538500001</v>
      </c>
      <c r="DK12" s="2">
        <f>+BIE_c20150910131257!DK12</f>
        <v>0.51612106202300001</v>
      </c>
      <c r="DL12" s="2">
        <f>+BIE_c20150910131257!DL12</f>
        <v>0.61843341463599999</v>
      </c>
      <c r="DM12" s="2">
        <f>+BIE_c20150910131257!DM12</f>
        <v>0.65227059098999995</v>
      </c>
      <c r="DN12" s="2">
        <f>+BIE_c20150910131257!DN12</f>
        <v>0.61823700364099998</v>
      </c>
      <c r="DO12" s="2">
        <f>+BIE_c20150910131257!DO12</f>
        <v>0.54757485181700005</v>
      </c>
      <c r="DP12" s="2">
        <f>+BIE_c20150910131257!DP12</f>
        <v>0.39131725851400001</v>
      </c>
      <c r="DQ12" s="2">
        <f>+BIE_c20150910131257!DQ12</f>
        <v>0.25559460879599999</v>
      </c>
      <c r="DR12" s="2">
        <f>+BIE_c20150910131257!DR12</f>
        <v>0.179461658498</v>
      </c>
      <c r="DS12" s="2">
        <f>+BIE_c20150910131257!DS12</f>
        <v>0.123599281288</v>
      </c>
      <c r="DT12" s="2">
        <f>+BIE_c20150910131257!DT12</f>
        <v>0.101379354992</v>
      </c>
      <c r="DU12" s="2">
        <f>+BIE_c20150910131257!DU12</f>
        <v>7.1080346884000001E-2</v>
      </c>
      <c r="DV12" s="2">
        <f>+BIE_c20150910131257!DV12</f>
        <v>3.0058854558999999E-2</v>
      </c>
      <c r="DW12" s="2">
        <f>+BIE_c20150910131257!DW12</f>
        <v>-9.5836105849999992E-3</v>
      </c>
      <c r="DX12" s="2">
        <f>+BIE_c20150910131257!DX12</f>
        <v>-4.1814621556999998E-2</v>
      </c>
      <c r="DY12" s="2">
        <f>+BIE_c20150910131257!DY12</f>
        <v>-6.0601261236000001E-2</v>
      </c>
      <c r="DZ12" s="2">
        <f>+BIE_c20150910131257!DZ12</f>
        <v>-7.4917283784999997E-2</v>
      </c>
      <c r="EA12" s="2">
        <f>+BIE_c20150910131257!EA12</f>
        <v>-0.121825471623</v>
      </c>
      <c r="EB12" s="2">
        <f>+BIE_c20150910131257!EB12</f>
        <v>-0.131178987149</v>
      </c>
      <c r="EC12" s="2">
        <f>+BIE_c20150910131257!EC12</f>
        <v>-9.3677992597000007E-2</v>
      </c>
      <c r="ED12" s="2">
        <f>+BIE_c20150910131257!ED12</f>
        <v>-5.4846787631000003E-2</v>
      </c>
      <c r="EE12" s="2">
        <f>+BIE_c20150910131257!EE12</f>
        <v>-6.737133587E-3</v>
      </c>
      <c r="EF12" s="2">
        <f>+BIE_c20150910131257!EF12</f>
        <v>2.0016324746E-2</v>
      </c>
      <c r="EG12" s="2">
        <f>+BIE_c20150910131257!EG12</f>
        <v>2.6135031725999999E-2</v>
      </c>
      <c r="EH12" s="2">
        <f>+BIE_c20150910131257!EH12</f>
        <v>2.3616968756000001E-2</v>
      </c>
      <c r="EI12" s="2">
        <f>+BIE_c20150910131257!EI12</f>
        <v>1.2752160811E-2</v>
      </c>
      <c r="EJ12" s="2">
        <f>+BIE_c20150910131257!EJ12</f>
        <v>-1.2231234640000001E-3</v>
      </c>
      <c r="EK12" s="2">
        <f>+BIE_c20150910131257!EK12</f>
        <v>2.4536617771E-2</v>
      </c>
      <c r="EL12" s="2">
        <f>+BIE_c20150910131257!EL12</f>
        <v>7.2807112701000001E-2</v>
      </c>
      <c r="EM12" s="2">
        <f>+BIE_c20150910131257!EM12</f>
        <v>0.13012100593299999</v>
      </c>
      <c r="EN12" s="2">
        <f>+BIE_c20150910131257!EN12</f>
        <v>0.17396969596299999</v>
      </c>
      <c r="EO12" s="2">
        <f>+BIE_c20150910131257!EO12</f>
        <v>0.15710491486299999</v>
      </c>
      <c r="EP12" s="2">
        <f>+BIE_c20150910131257!EP12</f>
        <v>0.11840205142</v>
      </c>
      <c r="EQ12" s="2">
        <f>+BIE_c20150910131257!EQ12</f>
        <v>3.675516283E-2</v>
      </c>
      <c r="ER12" s="2">
        <f>+BIE_c20150910131257!ER12</f>
        <v>-6.8902089651999995E-2</v>
      </c>
      <c r="ES12" s="2">
        <f>+BIE_c20150910131257!ES12</f>
        <v>-0.16489008210299999</v>
      </c>
      <c r="ET12" s="2">
        <f>+BIE_c20150910131257!ET12</f>
        <v>-0.176102104944</v>
      </c>
      <c r="EU12" s="2">
        <f>+BIE_c20150910131257!EU12</f>
        <v>-0.16924359449900001</v>
      </c>
      <c r="EV12" s="2">
        <f>+BIE_c20150910131257!EV12</f>
        <v>-0.165884841846</v>
      </c>
      <c r="EW12" s="2">
        <f>+BIE_c20150910131257!EW12</f>
        <v>-0.14213327835600001</v>
      </c>
      <c r="EX12" s="2">
        <f>+BIE_c20150910131257!EX12</f>
        <v>-7.7495183913000004E-2</v>
      </c>
      <c r="EY12" s="2">
        <f>+BIE_c20150910131257!EY12</f>
        <v>9.1145894710000005E-3</v>
      </c>
      <c r="EZ12" s="2">
        <f>+BIE_c20150910131257!EZ12</f>
        <v>4.9640929542000001E-2</v>
      </c>
      <c r="FA12" s="2">
        <f>+BIE_c20150910131257!FA12</f>
        <v>2.5782373401000001E-2</v>
      </c>
      <c r="FB12" s="2">
        <f>+BIE_c20150910131257!FB12</f>
        <v>-0.119715649937</v>
      </c>
      <c r="FC12" s="2">
        <f>+BIE_c20150910131257!FC12</f>
        <v>-0.25605193198699999</v>
      </c>
      <c r="FD12" s="2">
        <f>+BIE_c20150910131257!FD12</f>
        <v>-0.29650210974899999</v>
      </c>
      <c r="FE12" s="2">
        <f>+BIE_c20150910131257!FE12</f>
        <v>-0.28523449202899998</v>
      </c>
      <c r="FF12" s="2">
        <f>+BIE_c20150910131257!FF12</f>
        <v>-0.25007043918600003</v>
      </c>
      <c r="FG12" s="2">
        <f>+BIE_c20150910131257!FG12</f>
        <v>-0.220769443762</v>
      </c>
      <c r="FH12" s="2">
        <f>+BIE_c20150910131257!FH12</f>
        <v>-0.14278969125300001</v>
      </c>
      <c r="FI12" s="2">
        <f>+BIE_c20150910131257!FI12</f>
        <v>-5.2297546507999997E-2</v>
      </c>
      <c r="FJ12" s="2">
        <f>+BIE_c20150910131257!FJ12</f>
        <v>3.1642484702999997E-2</v>
      </c>
      <c r="FK12" s="2">
        <f>+BIE_c20150910131257!FK12</f>
        <v>8.6020896279999995E-2</v>
      </c>
      <c r="FL12" s="2">
        <f>+BIE_c20150910131257!FL12</f>
        <v>9.3989087011999997E-2</v>
      </c>
      <c r="FM12" s="2">
        <f>+BIE_c20150910131257!FM12</f>
        <v>2.2597832493E-2</v>
      </c>
      <c r="FN12" s="2">
        <f>+BIE_c20150910131257!FN12</f>
        <v>-7.5526444654999997E-2</v>
      </c>
      <c r="FO12" s="2">
        <f>+BIE_c20150910131257!FO12</f>
        <v>-8.1477027324000001E-2</v>
      </c>
      <c r="FP12" s="2">
        <f>+BIE_c20150910131257!FP12</f>
        <v>-1.6349240540000001E-3</v>
      </c>
      <c r="FQ12" s="2">
        <f>+BIE_c20150910131257!FQ12</f>
        <v>4.3543529297999997E-2</v>
      </c>
      <c r="FR12" s="2">
        <f>+BIE_c20150910131257!FR12</f>
        <v>4.9109101324000003E-2</v>
      </c>
      <c r="FS12" s="2">
        <f>+BIE_c20150910131257!FS12</f>
        <v>3.7868066704000003E-2</v>
      </c>
      <c r="FT12" s="2">
        <f>+BIE_c20150910131257!FT12</f>
        <v>3.6986360473000003E-2</v>
      </c>
      <c r="FU12" s="2">
        <f>+BIE_c20150910131257!FU12</f>
        <v>4.6070681662999997E-2</v>
      </c>
      <c r="FV12" s="2">
        <f>+BIE_c20150910131257!FV12</f>
        <v>3.4584970739999998E-2</v>
      </c>
      <c r="FW12" s="2">
        <f>+BIE_c20150910131257!FW12</f>
        <v>7.2765555189999997E-3</v>
      </c>
      <c r="FX12" s="2">
        <f>+BIE_c20150910131257!FX12</f>
        <v>-3.0036915249999998E-3</v>
      </c>
      <c r="FY12" s="2">
        <f>+BIE_c20150910131257!FY12</f>
        <v>4.2333756695000002E-2</v>
      </c>
      <c r="FZ12" s="2">
        <f>+BIE_c20150910131257!FZ12</f>
        <v>0.112901851124</v>
      </c>
      <c r="GA12" s="2">
        <f>+BIE_c20150910131257!GA12</f>
        <v>0.15200225923800001</v>
      </c>
      <c r="GB12" s="2">
        <f>+BIE_c20150910131257!GB12</f>
        <v>0.124346206923</v>
      </c>
      <c r="GC12" s="25">
        <f>+BIE_c20150910131257!GC12</f>
        <v>0.12743717899500001</v>
      </c>
      <c r="GD12" s="25">
        <f>+BIE_c20150910131257!GD12</f>
        <v>0.13736918656800001</v>
      </c>
      <c r="GE12" s="25">
        <f>+BIE_c20150910131257!GE12</f>
        <v>0.15251855372600001</v>
      </c>
      <c r="GF12" s="25">
        <f>+BIE_c20150910131257!GF12</f>
        <v>0.165747972509</v>
      </c>
      <c r="GG12" s="26">
        <f>+BIE_c20150910131257!GG12</f>
        <v>0.150369397046</v>
      </c>
      <c r="GH12" s="27">
        <f>+BIE_c20150910131257!GH12</f>
        <v>0.118668304365</v>
      </c>
      <c r="GI12" s="27">
        <f>+BIE_c20150910131257!GI12</f>
        <v>7.6728697607999996E-2</v>
      </c>
      <c r="GJ12" s="27">
        <f>+BIE_c20150910131257!GJ12</f>
        <v>2.7753006861000001E-2</v>
      </c>
      <c r="GK12" s="27">
        <f>+BIE_c20150910131257!GK12</f>
        <v>-9.2356369860000006E-3</v>
      </c>
      <c r="GL12" s="27">
        <f>+BIE_c20150910131257!GL12</f>
        <v>-2.9694963681999999E-2</v>
      </c>
      <c r="GM12" s="27">
        <f>+BIE_c20150910131257!GM12</f>
        <v>-4.9571921339E-2</v>
      </c>
      <c r="GN12" s="27">
        <f>+BIE_c20150910131257!GN12</f>
        <v>-7.4603872180999994E-2</v>
      </c>
      <c r="GO12" s="27">
        <f>+BIE_c20150910131257!GO12</f>
        <v>-9.2918422501000006E-2</v>
      </c>
      <c r="GP12" s="27">
        <f>+BIE_c20150910131257!GP12</f>
        <v>-0.104213688135</v>
      </c>
      <c r="GQ12" s="27">
        <f>+BIE_c20150910131257!GQ12</f>
        <v>0</v>
      </c>
      <c r="GR12" s="27">
        <f>+BIE_c20150910131257!GR12</f>
        <v>0</v>
      </c>
      <c r="GS12" s="26">
        <f>+BIE_c20150910131257!GY12</f>
        <v>0</v>
      </c>
      <c r="GT12" s="26">
        <f>+BIE_c20150910131257!GZ12</f>
        <v>0</v>
      </c>
      <c r="GU12" s="26">
        <f>+BIE_c20150910131257!HA12</f>
        <v>0</v>
      </c>
      <c r="GV12" s="26">
        <f>+BIE_c20150910131257!HB12</f>
        <v>0</v>
      </c>
      <c r="GW12" s="26">
        <f>+BIE_c20150910131257!HC12</f>
        <v>0</v>
      </c>
      <c r="GX12" s="26">
        <f>+BIE_c20150910131257!HD12</f>
        <v>0</v>
      </c>
      <c r="GY12" s="26">
        <f>+BIE_c20150910131257!HE12</f>
        <v>0</v>
      </c>
      <c r="GZ12" s="26">
        <f>+BIE_c20150910131257!HF12</f>
        <v>0</v>
      </c>
      <c r="HA12" s="26">
        <f>+BIE_c20150910131257!HG12</f>
        <v>0</v>
      </c>
      <c r="HB12" s="26">
        <f>+BIE_c20150910131257!HH12</f>
        <v>0</v>
      </c>
      <c r="HC12" s="26">
        <f>+BIE_c20150910131257!HI12</f>
        <v>0</v>
      </c>
      <c r="HD12" s="26">
        <f>+BIE_c20150910131257!HJ12</f>
        <v>0</v>
      </c>
      <c r="HE12" s="26">
        <f>+BIE_c20150910131257!HK12</f>
        <v>0</v>
      </c>
      <c r="HF12" s="26">
        <f>+BIE_c20150910131257!HL12</f>
        <v>0</v>
      </c>
      <c r="HG12" s="26">
        <f>+BIE_c20150910131257!HM12</f>
        <v>0</v>
      </c>
      <c r="HH12" s="26">
        <f>+BIE_c20150910131257!HN12</f>
        <v>0</v>
      </c>
      <c r="HI12" s="26">
        <f>+BIE_c20150910131257!HO12</f>
        <v>0</v>
      </c>
      <c r="HJ12" s="26">
        <f>+BIE_c20150910131257!HP12</f>
        <v>0</v>
      </c>
      <c r="HK12" s="26">
        <f>+BIE_c20150910131257!HQ12</f>
        <v>0</v>
      </c>
      <c r="HL12" s="26">
        <f>+BIE_c20150910131257!HR12</f>
        <v>0</v>
      </c>
      <c r="HM12" s="26">
        <f>+BIE_c20150910131257!HS12</f>
        <v>0</v>
      </c>
      <c r="HN12" s="26">
        <f>+BIE_c20150910131257!HT12</f>
        <v>0</v>
      </c>
      <c r="HO12" s="26">
        <f>+BIE_c20150910131257!HU12</f>
        <v>0</v>
      </c>
      <c r="HP12" s="26">
        <f>+BIE_c20150910131257!HV12</f>
        <v>0</v>
      </c>
      <c r="HQ12" s="26">
        <f>+BIE_c20150910131257!HW12</f>
        <v>0</v>
      </c>
      <c r="HR12" s="26">
        <f>+BIE_c20150910131257!HX12</f>
        <v>0</v>
      </c>
      <c r="HS12" s="26">
        <f>+BIE_c20150910131257!HY12</f>
        <v>0</v>
      </c>
      <c r="HT12" s="26">
        <f>+BIE_c20150910131257!HZ12</f>
        <v>0</v>
      </c>
      <c r="HU12" s="26">
        <f>+BIE_c20150910131257!IA12</f>
        <v>0</v>
      </c>
      <c r="HV12" s="26">
        <f>+BIE_c20150910131257!IB12</f>
        <v>0</v>
      </c>
      <c r="HW12" s="26">
        <f>+BIE_c20150910131257!IC12</f>
        <v>0</v>
      </c>
      <c r="HX12" s="26">
        <f>+BIE_c20150910131257!ID12</f>
        <v>0</v>
      </c>
      <c r="HY12" s="26">
        <f>+BIE_c20150910131257!IE12</f>
        <v>0</v>
      </c>
      <c r="HZ12" s="25">
        <f>+BIE_c20150910131257!IH12</f>
        <v>0</v>
      </c>
      <c r="IA12" s="25">
        <f>+BIE_c20150910131257!II12</f>
        <v>0</v>
      </c>
      <c r="IB12" s="25">
        <f>+BIE_c20150910131257!IJ12</f>
        <v>0</v>
      </c>
      <c r="IC12" s="25">
        <f>+BIE_c20150910131257!IK12</f>
        <v>0</v>
      </c>
      <c r="ID12" s="25">
        <f>+BIE_c20150910131257!IL12</f>
        <v>0</v>
      </c>
      <c r="IE12" s="25">
        <f>+BIE_c20150910131257!IM12</f>
        <v>0</v>
      </c>
      <c r="IF12" s="25">
        <f>+BIE_c20150910131257!IN12</f>
        <v>0</v>
      </c>
      <c r="IG12" s="25">
        <f>+BIE_c20150910131257!IO12</f>
        <v>0</v>
      </c>
      <c r="IH12" s="25">
        <f>+BIE_c20150910131257!IP12</f>
        <v>0</v>
      </c>
      <c r="II12" s="25">
        <f>+BIE_c20150910131257!IQ12</f>
        <v>0</v>
      </c>
      <c r="IJ12" s="25">
        <f>+BIE_c20150910131257!IR12</f>
        <v>0</v>
      </c>
      <c r="IK12" s="25">
        <f>+BIE_c20150910131257!IS12</f>
        <v>0</v>
      </c>
      <c r="IL12" s="25">
        <f>+BIE_c20150910131257!IT12</f>
        <v>0</v>
      </c>
      <c r="IM12" s="25">
        <f>+BIE_c20150910131257!IU12</f>
        <v>0</v>
      </c>
      <c r="IN12" s="25">
        <f>+BIE_c20150910131257!IV12</f>
        <v>0</v>
      </c>
      <c r="IO12" s="25">
        <f>+BIE_c20150910131257!IW12</f>
        <v>0</v>
      </c>
      <c r="IP12" s="25">
        <f>+BIE_c20150910131257!IX12</f>
        <v>0</v>
      </c>
      <c r="IQ12" s="25">
        <f>+BIE_c20150910131257!IY12</f>
        <v>0</v>
      </c>
      <c r="IR12" s="25">
        <f>+BIE_c20150910131257!IZ12</f>
        <v>0</v>
      </c>
      <c r="IS12" s="25">
        <f>+BIE_c20150910131257!JA12</f>
        <v>0</v>
      </c>
      <c r="IT12" s="14"/>
    </row>
    <row r="13" spans="1:254" ht="15.75" customHeight="1" x14ac:dyDescent="0.25">
      <c r="A13" s="6" t="s">
        <v>288</v>
      </c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>
        <f>+BIE_c20150910131257!AY13</f>
        <v>0.14862049546600001</v>
      </c>
      <c r="AZ13" s="2">
        <f>+BIE_c20150910131257!AZ13</f>
        <v>0.15849906168399999</v>
      </c>
      <c r="BA13" s="2">
        <f>+BIE_c20150910131257!BA13</f>
        <v>0.17877418838100001</v>
      </c>
      <c r="BB13" s="2">
        <f>+BIE_c20150910131257!BB13</f>
        <v>0.16716151880899999</v>
      </c>
      <c r="BC13" s="2">
        <f>+BIE_c20150910131257!BC13</f>
        <v>0.123630957863</v>
      </c>
      <c r="BD13" s="2">
        <f>+BIE_c20150910131257!BD13</f>
        <v>8.8542425322999996E-2</v>
      </c>
      <c r="BE13" s="2">
        <f>+BIE_c20150910131257!BE13</f>
        <v>6.3772859331999998E-2</v>
      </c>
      <c r="BF13" s="2">
        <f>+BIE_c20150910131257!BF13</f>
        <v>6.0710450966000001E-2</v>
      </c>
      <c r="BG13" s="2">
        <f>+BIE_c20150910131257!BG13</f>
        <v>7.7004806028E-2</v>
      </c>
      <c r="BH13" s="2">
        <f>+BIE_c20150910131257!BH13</f>
        <v>8.1353037160000002E-2</v>
      </c>
      <c r="BI13" s="2">
        <f>+BIE_c20150910131257!BI13</f>
        <v>6.8245785249999996E-2</v>
      </c>
      <c r="BJ13" s="2">
        <f>+BIE_c20150910131257!BJ13</f>
        <v>5.4771780217E-2</v>
      </c>
      <c r="BK13" s="2">
        <f>+BIE_c20150910131257!BK13</f>
        <v>5.4790798751E-2</v>
      </c>
      <c r="BL13" s="2">
        <f>+BIE_c20150910131257!BL13</f>
        <v>5.5838486170999999E-2</v>
      </c>
      <c r="BM13" s="2">
        <f>+BIE_c20150910131257!BM13</f>
        <v>5.1671560808999997E-2</v>
      </c>
      <c r="BN13" s="2">
        <f>+BIE_c20150910131257!BN13</f>
        <v>3.724899282E-2</v>
      </c>
      <c r="BO13" s="2">
        <f>+BIE_c20150910131257!BO13</f>
        <v>2.2879667284E-2</v>
      </c>
      <c r="BP13" s="2">
        <f>+BIE_c20150910131257!BP13</f>
        <v>9.6927997289999995E-3</v>
      </c>
      <c r="BQ13" s="2">
        <f>+BIE_c20150910131257!BQ13</f>
        <v>1.2222205191E-2</v>
      </c>
      <c r="BR13" s="2">
        <f>+BIE_c20150910131257!BR13</f>
        <v>3.4512298247000001E-2</v>
      </c>
      <c r="BS13" s="2">
        <f>+BIE_c20150910131257!BS13</f>
        <v>5.7309932089000003E-2</v>
      </c>
      <c r="BT13" s="2">
        <f>+BIE_c20150910131257!BT13</f>
        <v>6.5644483081999994E-2</v>
      </c>
      <c r="BU13" s="2">
        <f>+BIE_c20150910131257!BU13</f>
        <v>7.0540268980000001E-2</v>
      </c>
      <c r="BV13" s="2">
        <f>+BIE_c20150910131257!BV13</f>
        <v>7.5867560715000004E-2</v>
      </c>
      <c r="BW13" s="2">
        <f>+BIE_c20150910131257!BW13</f>
        <v>9.7477390881999998E-2</v>
      </c>
      <c r="BX13" s="2">
        <f>+BIE_c20150910131257!BX13</f>
        <v>8.9096229087999995E-2</v>
      </c>
      <c r="BY13" s="2">
        <f>+BIE_c20150910131257!BY13</f>
        <v>7.5926744512000002E-2</v>
      </c>
      <c r="BZ13" s="2">
        <f>+BIE_c20150910131257!BZ13</f>
        <v>6.9500121531999998E-2</v>
      </c>
      <c r="CA13" s="2">
        <f>+BIE_c20150910131257!CA13</f>
        <v>6.9102580454000001E-2</v>
      </c>
      <c r="CB13" s="2">
        <f>+BIE_c20150910131257!CB13</f>
        <v>9.1522756994999996E-2</v>
      </c>
      <c r="CC13" s="2">
        <f>+BIE_c20150910131257!CC13</f>
        <v>0.118951585616</v>
      </c>
      <c r="CD13" s="2">
        <f>+BIE_c20150910131257!CD13</f>
        <v>0.12009942055099999</v>
      </c>
      <c r="CE13" s="2">
        <f>+BIE_c20150910131257!CE13</f>
        <v>0.115660586303</v>
      </c>
      <c r="CF13" s="2">
        <f>+BIE_c20150910131257!CF13</f>
        <v>0.12134202425899999</v>
      </c>
      <c r="CG13" s="2">
        <f>+BIE_c20150910131257!CG13</f>
        <v>0.11821988281699999</v>
      </c>
      <c r="CH13" s="2">
        <f>+BIE_c20150910131257!CH13</f>
        <v>0.10429598752200001</v>
      </c>
      <c r="CI13" s="2">
        <f>+BIE_c20150910131257!CI13</f>
        <v>8.0445815843999999E-2</v>
      </c>
      <c r="CJ13" s="2">
        <f>+BIE_c20150910131257!CJ13</f>
        <v>5.0462574794000001E-2</v>
      </c>
      <c r="CK13" s="2">
        <f>+BIE_c20150910131257!CK13</f>
        <v>1.8794832713E-2</v>
      </c>
      <c r="CL13" s="2">
        <f>+BIE_c20150910131257!CL13</f>
        <v>-4.5907098449999998E-3</v>
      </c>
      <c r="CM13" s="2">
        <f>+BIE_c20150910131257!CM13</f>
        <v>3.8736961420000001E-3</v>
      </c>
      <c r="CN13" s="2">
        <f>+BIE_c20150910131257!CN13</f>
        <v>2.6590716047000001E-2</v>
      </c>
      <c r="CO13" s="2">
        <f>+BIE_c20150910131257!CO13</f>
        <v>5.0979802358000002E-2</v>
      </c>
      <c r="CP13" s="2">
        <f>+BIE_c20150910131257!CP13</f>
        <v>6.7201198707999996E-2</v>
      </c>
      <c r="CQ13" s="2">
        <f>+BIE_c20150910131257!CQ13</f>
        <v>6.0361848959999999E-2</v>
      </c>
      <c r="CR13" s="2">
        <f>+BIE_c20150910131257!CR13</f>
        <v>6.5024162680000002E-3</v>
      </c>
      <c r="CS13" s="2">
        <f>+BIE_c20150910131257!CS13</f>
        <v>-9.8061299313000005E-2</v>
      </c>
      <c r="CT13" s="2">
        <f>+BIE_c20150910131257!CT13</f>
        <v>-0.196628254182</v>
      </c>
      <c r="CU13" s="2">
        <f>+BIE_c20150910131257!CU13</f>
        <v>-0.27081076703000001</v>
      </c>
      <c r="CV13" s="2">
        <f>+BIE_c20150910131257!CV13</f>
        <v>-0.30930876581799999</v>
      </c>
      <c r="CW13" s="2">
        <f>+BIE_c20150910131257!CW13</f>
        <v>-0.33234488179400001</v>
      </c>
      <c r="CX13" s="2">
        <f>+BIE_c20150910131257!CX13</f>
        <v>-0.35174949119100002</v>
      </c>
      <c r="CY13" s="2">
        <f>+BIE_c20150910131257!CY13</f>
        <v>-0.41317265723800001</v>
      </c>
      <c r="CZ13" s="2">
        <f>+BIE_c20150910131257!CZ13</f>
        <v>-0.52229143195200001</v>
      </c>
      <c r="DA13" s="2">
        <f>+BIE_c20150910131257!DA13</f>
        <v>-0.64852137064799997</v>
      </c>
      <c r="DB13" s="2">
        <f>+BIE_c20150910131257!DB13</f>
        <v>-0.766427675089</v>
      </c>
      <c r="DC13" s="2">
        <f>+BIE_c20150910131257!DC13</f>
        <v>-0.80799190942999999</v>
      </c>
      <c r="DD13" s="2">
        <f>+BIE_c20150910131257!DD13</f>
        <v>-0.74142459787199999</v>
      </c>
      <c r="DE13" s="2">
        <f>+BIE_c20150910131257!DE13</f>
        <v>-0.59228292979300001</v>
      </c>
      <c r="DF13" s="2">
        <f>+BIE_c20150910131257!DF13</f>
        <v>-0.37453672963500001</v>
      </c>
      <c r="DG13" s="2">
        <f>+BIE_c20150910131257!DG13</f>
        <v>-0.14015205670399999</v>
      </c>
      <c r="DH13" s="2">
        <f>+BIE_c20150910131257!DH13</f>
        <v>9.1049342502000002E-2</v>
      </c>
      <c r="DI13" s="2">
        <f>+BIE_c20150910131257!DI13</f>
        <v>0.231490631684</v>
      </c>
      <c r="DJ13" s="2">
        <f>+BIE_c20150910131257!DJ13</f>
        <v>0.29037210842799999</v>
      </c>
      <c r="DK13" s="2">
        <f>+BIE_c20150910131257!DK13</f>
        <v>0.30561998710999999</v>
      </c>
      <c r="DL13" s="2">
        <f>+BIE_c20150910131257!DL13</f>
        <v>0.29092287404400002</v>
      </c>
      <c r="DM13" s="2">
        <f>+BIE_c20150910131257!DM13</f>
        <v>0.28158061643100002</v>
      </c>
      <c r="DN13" s="2">
        <f>+BIE_c20150910131257!DN13</f>
        <v>0.29285731398699999</v>
      </c>
      <c r="DO13" s="2">
        <f>+BIE_c20150910131257!DO13</f>
        <v>0.29556634233899998</v>
      </c>
      <c r="DP13" s="2">
        <f>+BIE_c20150910131257!DP13</f>
        <v>0.30180550961800001</v>
      </c>
      <c r="DQ13" s="2">
        <f>+BIE_c20150910131257!DQ13</f>
        <v>0.32752031438500001</v>
      </c>
      <c r="DR13" s="2">
        <f>+BIE_c20150910131257!DR13</f>
        <v>0.363351401909</v>
      </c>
      <c r="DS13" s="2">
        <f>+BIE_c20150910131257!DS13</f>
        <v>0.434203726309</v>
      </c>
      <c r="DT13" s="2">
        <f>+BIE_c20150910131257!DT13</f>
        <v>0.47699781109299999</v>
      </c>
      <c r="DU13" s="2">
        <f>+BIE_c20150910131257!DU13</f>
        <v>0.46309886366000003</v>
      </c>
      <c r="DV13" s="2">
        <f>+BIE_c20150910131257!DV13</f>
        <v>0.40581572969000002</v>
      </c>
      <c r="DW13" s="2">
        <f>+BIE_c20150910131257!DW13</f>
        <v>0.32213322671299999</v>
      </c>
      <c r="DX13" s="2">
        <f>+BIE_c20150910131257!DX13</f>
        <v>0.24137573165199999</v>
      </c>
      <c r="DY13" s="2">
        <f>+BIE_c20150910131257!DY13</f>
        <v>0.184331685262</v>
      </c>
      <c r="DZ13" s="2">
        <f>+BIE_c20150910131257!DZ13</f>
        <v>0.145394058913</v>
      </c>
      <c r="EA13" s="2">
        <f>+BIE_c20150910131257!EA13</f>
        <v>0.11996611573099999</v>
      </c>
      <c r="EB13" s="2">
        <f>+BIE_c20150910131257!EB13</f>
        <v>9.8472738847999994E-2</v>
      </c>
      <c r="EC13" s="2">
        <f>+BIE_c20150910131257!EC13</f>
        <v>7.0394651498000005E-2</v>
      </c>
      <c r="ED13" s="2">
        <f>+BIE_c20150910131257!ED13</f>
        <v>3.2802937135000002E-2</v>
      </c>
      <c r="EE13" s="2">
        <f>+BIE_c20150910131257!EE13</f>
        <v>3.5359426860000001E-3</v>
      </c>
      <c r="EF13" s="2">
        <f>+BIE_c20150910131257!EF13</f>
        <v>-1.9098755443E-2</v>
      </c>
      <c r="EG13" s="2">
        <f>+BIE_c20150910131257!EG13</f>
        <v>-4.0446136794999997E-2</v>
      </c>
      <c r="EH13" s="2">
        <f>+BIE_c20150910131257!EH13</f>
        <v>-6.4520760883000003E-2</v>
      </c>
      <c r="EI13" s="2">
        <f>+BIE_c20150910131257!EI13</f>
        <v>-0.107146418944</v>
      </c>
      <c r="EJ13" s="2">
        <f>+BIE_c20150910131257!EJ13</f>
        <v>-0.15192362079499999</v>
      </c>
      <c r="EK13" s="2">
        <f>+BIE_c20150910131257!EK13</f>
        <v>-0.180345347229</v>
      </c>
      <c r="EL13" s="2">
        <f>+BIE_c20150910131257!EL13</f>
        <v>-0.162907309458</v>
      </c>
      <c r="EM13" s="2">
        <f>+BIE_c20150910131257!EM13</f>
        <v>-0.131046222558</v>
      </c>
      <c r="EN13" s="2">
        <f>+BIE_c20150910131257!EN13</f>
        <v>-9.0247288083999996E-2</v>
      </c>
      <c r="EO13" s="2">
        <f>+BIE_c20150910131257!EO13</f>
        <v>-5.9132042799000001E-2</v>
      </c>
      <c r="EP13" s="2">
        <f>+BIE_c20150910131257!EP13</f>
        <v>-4.1427188938999999E-2</v>
      </c>
      <c r="EQ13" s="2">
        <f>+BIE_c20150910131257!EQ13</f>
        <v>-4.5667156568000002E-2</v>
      </c>
      <c r="ER13" s="2">
        <f>+BIE_c20150910131257!ER13</f>
        <v>-6.2456070453000001E-2</v>
      </c>
      <c r="ES13" s="2">
        <f>+BIE_c20150910131257!ES13</f>
        <v>-7.5874323221000003E-2</v>
      </c>
      <c r="ET13" s="2">
        <f>+BIE_c20150910131257!ET13</f>
        <v>-7.1890503957000002E-2</v>
      </c>
      <c r="EU13" s="2">
        <f>+BIE_c20150910131257!EU13</f>
        <v>-4.5168638365999998E-2</v>
      </c>
      <c r="EV13" s="2">
        <f>+BIE_c20150910131257!EV13</f>
        <v>-1.3229771750000001E-3</v>
      </c>
      <c r="EW13" s="2">
        <f>+BIE_c20150910131257!EW13</f>
        <v>4.4545653993999998E-2</v>
      </c>
      <c r="EX13" s="2">
        <f>+BIE_c20150910131257!EX13</f>
        <v>8.2196270836999999E-2</v>
      </c>
      <c r="EY13" s="2">
        <f>+BIE_c20150910131257!EY13</f>
        <v>0.111841123818</v>
      </c>
      <c r="EZ13" s="2">
        <f>+BIE_c20150910131257!EZ13</f>
        <v>0.128558386237</v>
      </c>
      <c r="FA13" s="2">
        <f>+BIE_c20150910131257!FA13</f>
        <v>0.13464273125699999</v>
      </c>
      <c r="FB13" s="2">
        <f>+BIE_c20150910131257!FB13</f>
        <v>0.129707227949</v>
      </c>
      <c r="FC13" s="2">
        <f>+BIE_c20150910131257!FC13</f>
        <v>0.10613606555000001</v>
      </c>
      <c r="FD13" s="2">
        <f>+BIE_c20150910131257!FD13</f>
        <v>6.7977411508000005E-2</v>
      </c>
      <c r="FE13" s="2">
        <f>+BIE_c20150910131257!FE13</f>
        <v>2.7215852629E-2</v>
      </c>
      <c r="FF13" s="2">
        <f>+BIE_c20150910131257!FF13</f>
        <v>-2.1677721314E-2</v>
      </c>
      <c r="FG13" s="2">
        <f>+BIE_c20150910131257!FG13</f>
        <v>-8.0141999739999997E-2</v>
      </c>
      <c r="FH13" s="2">
        <f>+BIE_c20150910131257!FH13</f>
        <v>-0.13121156394899999</v>
      </c>
      <c r="FI13" s="2">
        <f>+BIE_c20150910131257!FI13</f>
        <v>-0.17143605175400001</v>
      </c>
      <c r="FJ13" s="2">
        <f>+BIE_c20150910131257!FJ13</f>
        <v>-0.18795659368600001</v>
      </c>
      <c r="FK13" s="2">
        <f>+BIE_c20150910131257!FK13</f>
        <v>-0.17027806736000001</v>
      </c>
      <c r="FL13" s="2">
        <f>+BIE_c20150910131257!FL13</f>
        <v>-0.11689548803700001</v>
      </c>
      <c r="FM13" s="2">
        <f>+BIE_c20150910131257!FM13</f>
        <v>-5.7335569330000002E-2</v>
      </c>
      <c r="FN13" s="2">
        <f>+BIE_c20150910131257!FN13</f>
        <v>-2.3540275767000001E-2</v>
      </c>
      <c r="FO13" s="2">
        <f>+BIE_c20150910131257!FO13</f>
        <v>1.2926313459E-2</v>
      </c>
      <c r="FP13" s="2">
        <f>+BIE_c20150910131257!FP13</f>
        <v>4.0037954426999998E-2</v>
      </c>
      <c r="FQ13" s="2">
        <f>+BIE_c20150910131257!FQ13</f>
        <v>6.3448829654000005E-2</v>
      </c>
      <c r="FR13" s="2">
        <f>+BIE_c20150910131257!FR13</f>
        <v>8.3830336305999995E-2</v>
      </c>
      <c r="FS13" s="2">
        <f>+BIE_c20150910131257!FS13</f>
        <v>0.10234717160700001</v>
      </c>
      <c r="FT13" s="2">
        <f>+BIE_c20150910131257!FT13</f>
        <v>0.10557086081100001</v>
      </c>
      <c r="FU13" s="2">
        <f>+BIE_c20150910131257!FU13</f>
        <v>7.8919383534000007E-2</v>
      </c>
      <c r="FV13" s="2">
        <f>+BIE_c20150910131257!FV13</f>
        <v>2.8048594382999999E-2</v>
      </c>
      <c r="FW13" s="2">
        <f>+BIE_c20150910131257!FW13</f>
        <v>-3.8790622502000001E-2</v>
      </c>
      <c r="FX13" s="2">
        <f>+BIE_c20150910131257!FX13</f>
        <v>-0.10742241252199999</v>
      </c>
      <c r="FY13" s="2">
        <f>+BIE_c20150910131257!FY13</f>
        <v>-0.15970651831400001</v>
      </c>
      <c r="FZ13" s="2">
        <f>+BIE_c20150910131257!FZ13</f>
        <v>-0.188635507328</v>
      </c>
      <c r="GA13" s="2">
        <f>+BIE_c20150910131257!GA13</f>
        <v>-0.19151991214</v>
      </c>
      <c r="GB13" s="2">
        <f>+BIE_c20150910131257!GB13</f>
        <v>-0.17090682269999999</v>
      </c>
      <c r="GC13" s="25">
        <f>+BIE_c20150910131257!GC13</f>
        <v>-0.13784030738700001</v>
      </c>
      <c r="GD13" s="25">
        <f>+BIE_c20150910131257!GD13</f>
        <v>-9.9236110153000004E-2</v>
      </c>
      <c r="GE13" s="25">
        <f>+BIE_c20150910131257!GE13</f>
        <v>-6.2793422160000001E-2</v>
      </c>
      <c r="GF13" s="25">
        <f>+BIE_c20150910131257!GF13</f>
        <v>-3.0068939554000002E-2</v>
      </c>
      <c r="GG13" s="26">
        <f>+BIE_c20150910131257!GG13</f>
        <v>4.8440139169999997E-3</v>
      </c>
      <c r="GH13" s="27">
        <f>+BIE_c20150910131257!GH13</f>
        <v>3.7154008395E-2</v>
      </c>
      <c r="GI13" s="27">
        <f>+BIE_c20150910131257!GI13</f>
        <v>5.3306787414000002E-2</v>
      </c>
      <c r="GJ13" s="27">
        <f>+BIE_c20150910131257!GJ13</f>
        <v>4.4709815169000001E-2</v>
      </c>
      <c r="GK13" s="27">
        <f>+BIE_c20150910131257!GK13</f>
        <v>2.2732317217999998E-2</v>
      </c>
      <c r="GL13" s="27">
        <f>+BIE_c20150910131257!GL13</f>
        <v>-2.0078468640000002E-3</v>
      </c>
      <c r="GM13" s="27">
        <f>+BIE_c20150910131257!GM13</f>
        <v>-1.3112641291E-2</v>
      </c>
      <c r="GN13" s="27">
        <f>+BIE_c20150910131257!GN13</f>
        <v>-1.788306675E-3</v>
      </c>
      <c r="GO13" s="27">
        <f>+BIE_c20150910131257!GO13</f>
        <v>2.5802719599000001E-2</v>
      </c>
      <c r="GP13" s="27">
        <f>+BIE_c20150910131257!GP13</f>
        <v>4.5977508606999999E-2</v>
      </c>
      <c r="GQ13" s="27">
        <f>+BIE_c20150910131257!GQ13</f>
        <v>5.8128822549000002E-2</v>
      </c>
      <c r="GR13" s="27">
        <f>+BIE_c20150910131257!GR13</f>
        <v>0</v>
      </c>
      <c r="GS13" s="26">
        <f>+BIE_c20150910131257!GY13</f>
        <v>0</v>
      </c>
      <c r="GT13" s="26">
        <f>+BIE_c20150910131257!GZ13</f>
        <v>0</v>
      </c>
      <c r="GU13" s="26">
        <f>+BIE_c20150910131257!HA13</f>
        <v>0</v>
      </c>
      <c r="GV13" s="26">
        <f>+BIE_c20150910131257!HB13</f>
        <v>0</v>
      </c>
      <c r="GW13" s="26">
        <f>+BIE_c20150910131257!HC13</f>
        <v>0</v>
      </c>
      <c r="GX13" s="26">
        <f>+BIE_c20150910131257!HD13</f>
        <v>0</v>
      </c>
      <c r="GY13" s="26">
        <f>+BIE_c20150910131257!HE13</f>
        <v>0</v>
      </c>
      <c r="GZ13" s="26">
        <f>+BIE_c20150910131257!HF13</f>
        <v>0</v>
      </c>
      <c r="HA13" s="26">
        <f>+BIE_c20150910131257!HG13</f>
        <v>0</v>
      </c>
      <c r="HB13" s="26">
        <f>+BIE_c20150910131257!HH13</f>
        <v>0</v>
      </c>
      <c r="HC13" s="26">
        <f>+BIE_c20150910131257!HI13</f>
        <v>0</v>
      </c>
      <c r="HD13" s="26">
        <f>+BIE_c20150910131257!HJ13</f>
        <v>0</v>
      </c>
      <c r="HE13" s="26">
        <f>+BIE_c20150910131257!HK13</f>
        <v>0</v>
      </c>
      <c r="HF13" s="26">
        <f>+BIE_c20150910131257!HL13</f>
        <v>0</v>
      </c>
      <c r="HG13" s="26">
        <f>+BIE_c20150910131257!HM13</f>
        <v>0</v>
      </c>
      <c r="HH13" s="26">
        <f>+BIE_c20150910131257!HN13</f>
        <v>0</v>
      </c>
      <c r="HI13" s="26">
        <f>+BIE_c20150910131257!HO13</f>
        <v>0</v>
      </c>
      <c r="HJ13" s="26">
        <f>+BIE_c20150910131257!HP13</f>
        <v>0</v>
      </c>
      <c r="HK13" s="26">
        <f>+BIE_c20150910131257!HQ13</f>
        <v>0</v>
      </c>
      <c r="HL13" s="26">
        <f>+BIE_c20150910131257!HR13</f>
        <v>0</v>
      </c>
      <c r="HM13" s="26">
        <f>+BIE_c20150910131257!HS13</f>
        <v>0</v>
      </c>
      <c r="HN13" s="26">
        <f>+BIE_c20150910131257!HT13</f>
        <v>0</v>
      </c>
      <c r="HO13" s="26">
        <f>+BIE_c20150910131257!HU13</f>
        <v>0</v>
      </c>
      <c r="HP13" s="26">
        <f>+BIE_c20150910131257!HV13</f>
        <v>0</v>
      </c>
      <c r="HQ13" s="26">
        <f>+BIE_c20150910131257!HW13</f>
        <v>0</v>
      </c>
      <c r="HR13" s="26">
        <f>+BIE_c20150910131257!HX13</f>
        <v>0</v>
      </c>
      <c r="HS13" s="26">
        <f>+BIE_c20150910131257!HY13</f>
        <v>0</v>
      </c>
      <c r="HT13" s="26">
        <f>+BIE_c20150910131257!HZ13</f>
        <v>0</v>
      </c>
      <c r="HU13" s="26">
        <f>+BIE_c20150910131257!IA13</f>
        <v>0</v>
      </c>
      <c r="HV13" s="26">
        <f>+BIE_c20150910131257!IB13</f>
        <v>0</v>
      </c>
      <c r="HW13" s="26">
        <f>+BIE_c20150910131257!IC13</f>
        <v>0</v>
      </c>
      <c r="HX13" s="26">
        <f>+BIE_c20150910131257!ID13</f>
        <v>0</v>
      </c>
      <c r="HY13" s="26">
        <f>+BIE_c20150910131257!IE13</f>
        <v>0</v>
      </c>
      <c r="HZ13" s="25">
        <f>+BIE_c20150910131257!IH13</f>
        <v>0</v>
      </c>
      <c r="IA13" s="25">
        <f>+BIE_c20150910131257!II13</f>
        <v>0</v>
      </c>
      <c r="IB13" s="25">
        <f>+BIE_c20150910131257!IJ13</f>
        <v>0</v>
      </c>
      <c r="IC13" s="25">
        <f>+BIE_c20150910131257!IK13</f>
        <v>0</v>
      </c>
      <c r="ID13" s="25">
        <f>+BIE_c20150910131257!IL13</f>
        <v>0</v>
      </c>
      <c r="IE13" s="25">
        <f>+BIE_c20150910131257!IM13</f>
        <v>0</v>
      </c>
      <c r="IF13" s="25">
        <f>+BIE_c20150910131257!IN13</f>
        <v>0</v>
      </c>
      <c r="IG13" s="25">
        <f>+BIE_c20150910131257!IO13</f>
        <v>0</v>
      </c>
      <c r="IH13" s="25">
        <f>+BIE_c20150910131257!IP13</f>
        <v>0</v>
      </c>
      <c r="II13" s="25">
        <f>+BIE_c20150910131257!IQ13</f>
        <v>0</v>
      </c>
      <c r="IJ13" s="25">
        <f>+BIE_c20150910131257!IR13</f>
        <v>0</v>
      </c>
      <c r="IK13" s="25">
        <f>+BIE_c20150910131257!IS13</f>
        <v>0</v>
      </c>
      <c r="IL13" s="25">
        <f>+BIE_c20150910131257!IT13</f>
        <v>0</v>
      </c>
      <c r="IM13" s="25">
        <f>+BIE_c20150910131257!IU13</f>
        <v>0</v>
      </c>
      <c r="IN13" s="25">
        <f>+BIE_c20150910131257!IV13</f>
        <v>0</v>
      </c>
      <c r="IO13" s="25">
        <f>+BIE_c20150910131257!IW13</f>
        <v>0</v>
      </c>
      <c r="IP13" s="25">
        <f>+BIE_c20150910131257!IX13</f>
        <v>0</v>
      </c>
      <c r="IQ13" s="25">
        <f>+BIE_c20150910131257!IY13</f>
        <v>0</v>
      </c>
      <c r="IR13" s="25">
        <f>+BIE_c20150910131257!IZ13</f>
        <v>0</v>
      </c>
      <c r="IS13" s="25">
        <f>+BIE_c20150910131257!JA13</f>
        <v>0</v>
      </c>
      <c r="IT13" s="14"/>
    </row>
    <row r="14" spans="1:254" ht="17.25" customHeight="1" x14ac:dyDescent="0.25">
      <c r="A14" s="6" t="s">
        <v>284</v>
      </c>
      <c r="B14" s="2">
        <f>+BIE_c20150910131257!B14</f>
        <v>0.172956390982</v>
      </c>
      <c r="C14" s="2">
        <f>+BIE_c20150910131257!C14</f>
        <v>9.2897921751999998E-2</v>
      </c>
      <c r="D14" s="2">
        <f>+BIE_c20150910131257!D14</f>
        <v>-6.5129047170000001E-3</v>
      </c>
      <c r="E14" s="2">
        <f>+BIE_c20150910131257!E14</f>
        <v>-9.2404749416000007E-2</v>
      </c>
      <c r="F14" s="2">
        <f>+BIE_c20150910131257!F14</f>
        <v>-0.127822875089</v>
      </c>
      <c r="G14" s="2">
        <f>+BIE_c20150910131257!G14</f>
        <v>-0.12634902594299999</v>
      </c>
      <c r="H14" s="2">
        <f>+BIE_c20150910131257!H14</f>
        <v>-0.14407627339000001</v>
      </c>
      <c r="I14" s="2">
        <f>+BIE_c20150910131257!I14</f>
        <v>-0.16097551114700001</v>
      </c>
      <c r="J14" s="2">
        <f>+BIE_c20150910131257!J14</f>
        <v>-0.178663240867</v>
      </c>
      <c r="K14" s="2">
        <f>+BIE_c20150910131257!K14</f>
        <v>-0.17992023498599999</v>
      </c>
      <c r="L14" s="2">
        <f>+BIE_c20150910131257!L14</f>
        <v>-0.16213143565999999</v>
      </c>
      <c r="M14" s="2">
        <f>+BIE_c20150910131257!M14</f>
        <v>-0.109483542877</v>
      </c>
      <c r="N14" s="2">
        <f>+BIE_c20150910131257!N14</f>
        <v>-5.5947222808999997E-2</v>
      </c>
      <c r="O14" s="2">
        <f>+BIE_c20150910131257!O14</f>
        <v>-3.3682691552000002E-2</v>
      </c>
      <c r="P14" s="2">
        <f>+BIE_c20150910131257!P14</f>
        <v>-1.0664946304E-2</v>
      </c>
      <c r="Q14" s="2">
        <f>+BIE_c20150910131257!Q14</f>
        <v>1.2503919516E-2</v>
      </c>
      <c r="R14" s="2">
        <f>+BIE_c20150910131257!R14</f>
        <v>7.9322303369999993E-3</v>
      </c>
      <c r="S14" s="2">
        <f>+BIE_c20150910131257!S14</f>
        <v>-3.6711346094000001E-2</v>
      </c>
      <c r="T14" s="2">
        <f>+BIE_c20150910131257!T14</f>
        <v>-9.2684267710999996E-2</v>
      </c>
      <c r="U14" s="2">
        <f>+BIE_c20150910131257!U14</f>
        <v>-0.12661327171799999</v>
      </c>
      <c r="V14" s="2">
        <f>+BIE_c20150910131257!V14</f>
        <v>-0.11262797226</v>
      </c>
      <c r="W14" s="2">
        <f>+BIE_c20150910131257!W14</f>
        <v>-3.2334421576E-2</v>
      </c>
      <c r="X14" s="2">
        <f>+BIE_c20150910131257!X14</f>
        <v>6.3044749521000004E-2</v>
      </c>
      <c r="Y14" s="2">
        <f>+BIE_c20150910131257!Y14</f>
        <v>0.13131299816299999</v>
      </c>
      <c r="Z14" s="2">
        <f>+BIE_c20150910131257!Z14</f>
        <v>0.14530816369499999</v>
      </c>
      <c r="AA14" s="2">
        <f>+BIE_c20150910131257!AA14</f>
        <v>0.10562530847</v>
      </c>
      <c r="AB14" s="2">
        <f>+BIE_c20150910131257!AB14</f>
        <v>3.3629579893E-2</v>
      </c>
      <c r="AC14" s="2">
        <f>+BIE_c20150910131257!AC14</f>
        <v>-7.2697103319000006E-2</v>
      </c>
      <c r="AD14" s="2">
        <f>+BIE_c20150910131257!AD14</f>
        <v>-0.18255346993300001</v>
      </c>
      <c r="AE14" s="2">
        <f>+BIE_c20150910131257!AE14</f>
        <v>-0.25854158251699999</v>
      </c>
      <c r="AF14" s="2">
        <f>+BIE_c20150910131257!AF14</f>
        <v>-0.28314646329799997</v>
      </c>
      <c r="AG14" s="2">
        <f>+BIE_c20150910131257!AG14</f>
        <v>-0.26520356967600001</v>
      </c>
      <c r="AH14" s="2">
        <f>+BIE_c20150910131257!AH14</f>
        <v>-0.23087226631499999</v>
      </c>
      <c r="AI14" s="2">
        <f>+BIE_c20150910131257!AI14</f>
        <v>-0.17867726235</v>
      </c>
      <c r="AJ14" s="2">
        <f>+BIE_c20150910131257!AJ14</f>
        <v>-0.135274668909</v>
      </c>
      <c r="AK14" s="2">
        <f>+BIE_c20150910131257!AK14</f>
        <v>-0.10240356572500001</v>
      </c>
      <c r="AL14" s="2">
        <f>+BIE_c20150910131257!AL14</f>
        <v>-6.6349087937000006E-2</v>
      </c>
      <c r="AM14" s="2">
        <f>+BIE_c20150910131257!AM14</f>
        <v>-1.5340332123999999E-2</v>
      </c>
      <c r="AN14" s="2">
        <f>+BIE_c20150910131257!AN14</f>
        <v>4.6895936375000002E-2</v>
      </c>
      <c r="AO14" s="2">
        <f>+BIE_c20150910131257!AO14</f>
        <v>0.10885286186900001</v>
      </c>
      <c r="AP14" s="2">
        <f>+BIE_c20150910131257!AP14</f>
        <v>0.14605124348699999</v>
      </c>
      <c r="AQ14" s="2">
        <f>+BIE_c20150910131257!AQ14</f>
        <v>0.16353268154100001</v>
      </c>
      <c r="AR14" s="2">
        <f>+BIE_c20150910131257!AR14</f>
        <v>0.16436796648599999</v>
      </c>
      <c r="AS14" s="2">
        <f>+BIE_c20150910131257!AS14</f>
        <v>0.156933360907</v>
      </c>
      <c r="AT14" s="2">
        <f>+BIE_c20150910131257!AT14</f>
        <v>0.14974256805399999</v>
      </c>
      <c r="AU14" s="2">
        <f>+BIE_c20150910131257!AU14</f>
        <v>0.14648615040400001</v>
      </c>
      <c r="AV14" s="2">
        <f>+BIE_c20150910131257!AV14</f>
        <v>0.14426511417599999</v>
      </c>
      <c r="AW14" s="2">
        <f>+BIE_c20150910131257!AW14</f>
        <v>0.13493878272199999</v>
      </c>
      <c r="AX14" s="2">
        <f>+BIE_c20150910131257!AX14</f>
        <v>0.116048897768</v>
      </c>
      <c r="AY14" s="2">
        <f>+BIE_c20150910131257!AY14</f>
        <v>7.8853246099000004E-2</v>
      </c>
      <c r="AZ14" s="2">
        <f>+BIE_c20150910131257!AZ14</f>
        <v>2.7829068483999998E-2</v>
      </c>
      <c r="BA14" s="2">
        <f>+BIE_c20150910131257!BA14</f>
        <v>-2.1988067175000001E-2</v>
      </c>
      <c r="BB14" s="2">
        <f>+BIE_c20150910131257!BB14</f>
        <v>-4.3371658825999998E-2</v>
      </c>
      <c r="BC14" s="2">
        <f>+BIE_c20150910131257!BC14</f>
        <v>-4.1639689787E-2</v>
      </c>
      <c r="BD14" s="2">
        <f>+BIE_c20150910131257!BD14</f>
        <v>-2.1811411881000001E-2</v>
      </c>
      <c r="BE14" s="2">
        <f>+BIE_c20150910131257!BE14</f>
        <v>1.6317770788000001E-2</v>
      </c>
      <c r="BF14" s="2">
        <f>+BIE_c20150910131257!BF14</f>
        <v>5.7665077098999998E-2</v>
      </c>
      <c r="BG14" s="2">
        <f>+BIE_c20150910131257!BG14</f>
        <v>8.1515223346000004E-2</v>
      </c>
      <c r="BH14" s="2">
        <f>+BIE_c20150910131257!BH14</f>
        <v>8.0834654906999995E-2</v>
      </c>
      <c r="BI14" s="2">
        <f>+BIE_c20150910131257!BI14</f>
        <v>5.5864952518E-2</v>
      </c>
      <c r="BJ14" s="2">
        <f>+BIE_c20150910131257!BJ14</f>
        <v>9.5209675630000008E-3</v>
      </c>
      <c r="BK14" s="2">
        <f>+BIE_c20150910131257!BK14</f>
        <v>-3.8872228558000002E-2</v>
      </c>
      <c r="BL14" s="2">
        <f>+BIE_c20150910131257!BL14</f>
        <v>-7.2942094513000003E-2</v>
      </c>
      <c r="BM14" s="2">
        <f>+BIE_c20150910131257!BM14</f>
        <v>-6.0020705510000001E-2</v>
      </c>
      <c r="BN14" s="2">
        <f>+BIE_c20150910131257!BN14</f>
        <v>-1.1467567158E-2</v>
      </c>
      <c r="BO14" s="2">
        <f>+BIE_c20150910131257!BO14</f>
        <v>4.2429809610000001E-2</v>
      </c>
      <c r="BP14" s="2">
        <f>+BIE_c20150910131257!BP14</f>
        <v>8.8023160796999997E-2</v>
      </c>
      <c r="BQ14" s="2">
        <f>+BIE_c20150910131257!BQ14</f>
        <v>0.11856044292200001</v>
      </c>
      <c r="BR14" s="2">
        <f>+BIE_c20150910131257!BR14</f>
        <v>0.14099177070800001</v>
      </c>
      <c r="BS14" s="2">
        <f>+BIE_c20150910131257!BS14</f>
        <v>0.139345037852</v>
      </c>
      <c r="BT14" s="2">
        <f>+BIE_c20150910131257!BT14</f>
        <v>0.13398814626200001</v>
      </c>
      <c r="BU14" s="2">
        <f>+BIE_c20150910131257!BU14</f>
        <v>0.115363906857</v>
      </c>
      <c r="BV14" s="2">
        <f>+BIE_c20150910131257!BV14</f>
        <v>8.2814658673000002E-2</v>
      </c>
      <c r="BW14" s="2">
        <f>+BIE_c20150910131257!BW14</f>
        <v>4.2061804307000003E-2</v>
      </c>
      <c r="BX14" s="2">
        <f>+BIE_c20150910131257!BX14</f>
        <v>9.6200652630000008E-3</v>
      </c>
      <c r="BY14" s="2">
        <f>+BIE_c20150910131257!BY14</f>
        <v>-1.4701467894E-2</v>
      </c>
      <c r="BZ14" s="2">
        <f>+BIE_c20150910131257!BZ14</f>
        <v>-2.6656704805000001E-2</v>
      </c>
      <c r="CA14" s="2">
        <f>+BIE_c20150910131257!CA14</f>
        <v>2.1041878330000001E-3</v>
      </c>
      <c r="CB14" s="2">
        <f>+BIE_c20150910131257!CB14</f>
        <v>5.0202317539999999E-2</v>
      </c>
      <c r="CC14" s="2">
        <f>+BIE_c20150910131257!CC14</f>
        <v>9.9497591809999994E-2</v>
      </c>
      <c r="CD14" s="2">
        <f>+BIE_c20150910131257!CD14</f>
        <v>0.14172165197100001</v>
      </c>
      <c r="CE14" s="2">
        <f>+BIE_c20150910131257!CE14</f>
        <v>0.173089763185</v>
      </c>
      <c r="CF14" s="2">
        <f>+BIE_c20150910131257!CF14</f>
        <v>0.18684298038700001</v>
      </c>
      <c r="CG14" s="2">
        <f>+BIE_c20150910131257!CG14</f>
        <v>0.17745828385199999</v>
      </c>
      <c r="CH14" s="2">
        <f>+BIE_c20150910131257!CH14</f>
        <v>0.15341019015999999</v>
      </c>
      <c r="CI14" s="2">
        <f>+BIE_c20150910131257!CI14</f>
        <v>0.127693408832</v>
      </c>
      <c r="CJ14" s="2">
        <f>+BIE_c20150910131257!CJ14</f>
        <v>0.112396383483</v>
      </c>
      <c r="CK14" s="2">
        <f>+BIE_c20150910131257!CK14</f>
        <v>8.7290440107000003E-2</v>
      </c>
      <c r="CL14" s="2">
        <f>+BIE_c20150910131257!CL14</f>
        <v>5.1970562651000002E-2</v>
      </c>
      <c r="CM14" s="2">
        <f>+BIE_c20150910131257!CM14</f>
        <v>-1.8717534169999999E-3</v>
      </c>
      <c r="CN14" s="2">
        <f>+BIE_c20150910131257!CN14</f>
        <v>-5.3194667224E-2</v>
      </c>
      <c r="CO14" s="2">
        <f>+BIE_c20150910131257!CO14</f>
        <v>-9.0483817984000001E-2</v>
      </c>
      <c r="CP14" s="2">
        <f>+BIE_c20150910131257!CP14</f>
        <v>-0.11292327419000001</v>
      </c>
      <c r="CQ14" s="2">
        <f>+BIE_c20150910131257!CQ14</f>
        <v>-0.124840703484</v>
      </c>
      <c r="CR14" s="2">
        <f>+BIE_c20150910131257!CR14</f>
        <v>-0.13168114847699999</v>
      </c>
      <c r="CS14" s="2">
        <f>+BIE_c20150910131257!CS14</f>
        <v>-0.11914708665400001</v>
      </c>
      <c r="CT14" s="2">
        <f>+BIE_c20150910131257!CT14</f>
        <v>-9.6537422095000006E-2</v>
      </c>
      <c r="CU14" s="2">
        <f>+BIE_c20150910131257!CU14</f>
        <v>-7.4452737073E-2</v>
      </c>
      <c r="CV14" s="2">
        <f>+BIE_c20150910131257!CV14</f>
        <v>-7.4551087192000001E-2</v>
      </c>
      <c r="CW14" s="2">
        <f>+BIE_c20150910131257!CW14</f>
        <v>-0.11653585542100001</v>
      </c>
      <c r="CX14" s="2">
        <f>+BIE_c20150910131257!CX14</f>
        <v>-0.19133602993000001</v>
      </c>
      <c r="CY14" s="2">
        <f>+BIE_c20150910131257!CY14</f>
        <v>-0.29573666672499999</v>
      </c>
      <c r="CZ14" s="2">
        <f>+BIE_c20150910131257!CZ14</f>
        <v>-0.39089328756699998</v>
      </c>
      <c r="DA14" s="2">
        <f>+BIE_c20150910131257!DA14</f>
        <v>-0.46065779526400003</v>
      </c>
      <c r="DB14" s="2">
        <f>+BIE_c20150910131257!DB14</f>
        <v>-0.49725130893800001</v>
      </c>
      <c r="DC14" s="2">
        <f>+BIE_c20150910131257!DC14</f>
        <v>-0.48632145083299999</v>
      </c>
      <c r="DD14" s="2">
        <f>+BIE_c20150910131257!DD14</f>
        <v>-0.40918997617699998</v>
      </c>
      <c r="DE14" s="2">
        <f>+BIE_c20150910131257!DE14</f>
        <v>-0.30862364610999998</v>
      </c>
      <c r="DF14" s="2">
        <f>+BIE_c20150910131257!DF14</f>
        <v>-0.204149097418</v>
      </c>
      <c r="DG14" s="2">
        <f>+BIE_c20150910131257!DG14</f>
        <v>-5.9708337448999997E-2</v>
      </c>
      <c r="DH14" s="2">
        <f>+BIE_c20150910131257!DH14</f>
        <v>0.10986133664099999</v>
      </c>
      <c r="DI14" s="2">
        <f>+BIE_c20150910131257!DI14</f>
        <v>0.24562100027100001</v>
      </c>
      <c r="DJ14" s="2">
        <f>+BIE_c20150910131257!DJ14</f>
        <v>0.32143634978000002</v>
      </c>
      <c r="DK14" s="2">
        <f>+BIE_c20150910131257!DK14</f>
        <v>0.33950227297199997</v>
      </c>
      <c r="DL14" s="2">
        <f>+BIE_c20150910131257!DL14</f>
        <v>0.325956065809</v>
      </c>
      <c r="DM14" s="2">
        <f>+BIE_c20150910131257!DM14</f>
        <v>0.27980338074299999</v>
      </c>
      <c r="DN14" s="2">
        <f>+BIE_c20150910131257!DN14</f>
        <v>0.220610922131</v>
      </c>
      <c r="DO14" s="2">
        <f>+BIE_c20150910131257!DO14</f>
        <v>0.16229503138099999</v>
      </c>
      <c r="DP14" s="2">
        <f>+BIE_c20150910131257!DP14</f>
        <v>0.115770857586</v>
      </c>
      <c r="DQ14" s="2">
        <f>+BIE_c20150910131257!DQ14</f>
        <v>6.7159611341E-2</v>
      </c>
      <c r="DR14" s="2">
        <f>+BIE_c20150910131257!DR14</f>
        <v>2.5058293806000002E-2</v>
      </c>
      <c r="DS14" s="2">
        <f>+BIE_c20150910131257!DS14</f>
        <v>5.8758996319999996E-3</v>
      </c>
      <c r="DT14" s="2">
        <f>+BIE_c20150910131257!DT14</f>
        <v>-8.4739502709999994E-3</v>
      </c>
      <c r="DU14" s="2">
        <f>+BIE_c20150910131257!DU14</f>
        <v>-2.3080124951000001E-2</v>
      </c>
      <c r="DV14" s="2">
        <f>+BIE_c20150910131257!DV14</f>
        <v>-2.4880014546000001E-2</v>
      </c>
      <c r="DW14" s="2">
        <f>+BIE_c20150910131257!DW14</f>
        <v>-7.992388861E-3</v>
      </c>
      <c r="DX14" s="2">
        <f>+BIE_c20150910131257!DX14</f>
        <v>2.6745303514999999E-2</v>
      </c>
      <c r="DY14" s="2">
        <f>+BIE_c20150910131257!DY14</f>
        <v>6.4245548163000002E-2</v>
      </c>
      <c r="DZ14" s="2">
        <f>+BIE_c20150910131257!DZ14</f>
        <v>0.101027767236</v>
      </c>
      <c r="EA14" s="2">
        <f>+BIE_c20150910131257!EA14</f>
        <v>0.116621828203</v>
      </c>
      <c r="EB14" s="2">
        <f>+BIE_c20150910131257!EB14</f>
        <v>0.10215647734699999</v>
      </c>
      <c r="EC14" s="2">
        <f>+BIE_c20150910131257!EC14</f>
        <v>6.5370414845999994E-2</v>
      </c>
      <c r="ED14" s="2">
        <f>+BIE_c20150910131257!ED14</f>
        <v>1.6880916353E-2</v>
      </c>
      <c r="EE14" s="2">
        <f>+BIE_c20150910131257!EE14</f>
        <v>-2.0464866411E-2</v>
      </c>
      <c r="EF14" s="2">
        <f>+BIE_c20150910131257!EF14</f>
        <v>-4.8183945850999998E-2</v>
      </c>
      <c r="EG14" s="2">
        <f>+BIE_c20150910131257!EG14</f>
        <v>-6.9400011506999995E-2</v>
      </c>
      <c r="EH14" s="2">
        <f>+BIE_c20150910131257!EH14</f>
        <v>-8.1248064078999996E-2</v>
      </c>
      <c r="EI14" s="2">
        <f>+BIE_c20150910131257!EI14</f>
        <v>-8.3466471006999998E-2</v>
      </c>
      <c r="EJ14" s="2">
        <f>+BIE_c20150910131257!EJ14</f>
        <v>-8.2489454111999996E-2</v>
      </c>
      <c r="EK14" s="2">
        <f>+BIE_c20150910131257!EK14</f>
        <v>-7.1180603975999998E-2</v>
      </c>
      <c r="EL14" s="2">
        <f>+BIE_c20150910131257!EL14</f>
        <v>-4.7331773552000002E-2</v>
      </c>
      <c r="EM14" s="2">
        <f>+BIE_c20150910131257!EM14</f>
        <v>-9.4526408000000003E-3</v>
      </c>
      <c r="EN14" s="2">
        <f>+BIE_c20150910131257!EN14</f>
        <v>1.5320867187000001E-2</v>
      </c>
      <c r="EO14" s="2">
        <f>+BIE_c20150910131257!EO14</f>
        <v>3.0998340558E-2</v>
      </c>
      <c r="EP14" s="2">
        <f>+BIE_c20150910131257!EP14</f>
        <v>4.255911825E-2</v>
      </c>
      <c r="EQ14" s="2">
        <f>+BIE_c20150910131257!EQ14</f>
        <v>5.0725292280999999E-2</v>
      </c>
      <c r="ER14" s="2">
        <f>+BIE_c20150910131257!ER14</f>
        <v>5.2863439560000003E-2</v>
      </c>
      <c r="ES14" s="2">
        <f>+BIE_c20150910131257!ES14</f>
        <v>4.5302342420000002E-2</v>
      </c>
      <c r="ET14" s="2">
        <f>+BIE_c20150910131257!ET14</f>
        <v>3.9313069420999998E-2</v>
      </c>
      <c r="EU14" s="2">
        <f>+BIE_c20150910131257!EU14</f>
        <v>4.247985093E-2</v>
      </c>
      <c r="EV14" s="2">
        <f>+BIE_c20150910131257!EV14</f>
        <v>4.1043752251000001E-2</v>
      </c>
      <c r="EW14" s="2">
        <f>+BIE_c20150910131257!EW14</f>
        <v>4.2351302850000001E-2</v>
      </c>
      <c r="EX14" s="2">
        <f>+BIE_c20150910131257!EX14</f>
        <v>5.2922372013999998E-2</v>
      </c>
      <c r="EY14" s="2">
        <f>+BIE_c20150910131257!EY14</f>
        <v>5.9186390115000001E-2</v>
      </c>
      <c r="EZ14" s="2">
        <f>+BIE_c20150910131257!EZ14</f>
        <v>5.7331041498000002E-2</v>
      </c>
      <c r="FA14" s="2">
        <f>+BIE_c20150910131257!FA14</f>
        <v>4.4459949398E-2</v>
      </c>
      <c r="FB14" s="2">
        <f>+BIE_c20150910131257!FB14</f>
        <v>1.1954013532999999E-2</v>
      </c>
      <c r="FC14" s="2">
        <f>+BIE_c20150910131257!FC14</f>
        <v>-3.3770427314999997E-2</v>
      </c>
      <c r="FD14" s="2">
        <f>+BIE_c20150910131257!FD14</f>
        <v>-7.3546264592000005E-2</v>
      </c>
      <c r="FE14" s="2">
        <f>+BIE_c20150910131257!FE14</f>
        <v>-0.100623048573</v>
      </c>
      <c r="FF14" s="2">
        <f>+BIE_c20150910131257!FF14</f>
        <v>-0.10745226194099999</v>
      </c>
      <c r="FG14" s="2">
        <f>+BIE_c20150910131257!FG14</f>
        <v>-9.9468530974000005E-2</v>
      </c>
      <c r="FH14" s="2">
        <f>+BIE_c20150910131257!FH14</f>
        <v>-8.0841771707999999E-2</v>
      </c>
      <c r="FI14" s="2">
        <f>+BIE_c20150910131257!FI14</f>
        <v>-5.9645995027E-2</v>
      </c>
      <c r="FJ14" s="2">
        <f>+BIE_c20150910131257!FJ14</f>
        <v>-3.610196156E-2</v>
      </c>
      <c r="FK14" s="2">
        <f>+BIE_c20150910131257!FK14</f>
        <v>-2.3305358785000001E-2</v>
      </c>
      <c r="FL14" s="2">
        <f>+BIE_c20150910131257!FL14</f>
        <v>-2.5960408636E-2</v>
      </c>
      <c r="FM14" s="2">
        <f>+BIE_c20150910131257!FM14</f>
        <v>-4.0060597782000003E-2</v>
      </c>
      <c r="FN14" s="2">
        <f>+BIE_c20150910131257!FN14</f>
        <v>-4.8349229213E-2</v>
      </c>
      <c r="FO14" s="2">
        <f>+BIE_c20150910131257!FO14</f>
        <v>-3.1235780186000001E-2</v>
      </c>
      <c r="FP14" s="2">
        <f>+BIE_c20150910131257!FP14</f>
        <v>9.6358447340000007E-3</v>
      </c>
      <c r="FQ14" s="2">
        <f>+BIE_c20150910131257!FQ14</f>
        <v>4.9224111367000001E-2</v>
      </c>
      <c r="FR14" s="2">
        <f>+BIE_c20150910131257!FR14</f>
        <v>7.9672809085999996E-2</v>
      </c>
      <c r="FS14" s="2">
        <f>+BIE_c20150910131257!FS14</f>
        <v>9.2987605971000004E-2</v>
      </c>
      <c r="FT14" s="2">
        <f>+BIE_c20150910131257!FT14</f>
        <v>8.3932413161999994E-2</v>
      </c>
      <c r="FU14" s="2">
        <f>+BIE_c20150910131257!FU14</f>
        <v>5.4548022895999998E-2</v>
      </c>
      <c r="FV14" s="2">
        <f>+BIE_c20150910131257!FV14</f>
        <v>1.0809350840999999E-2</v>
      </c>
      <c r="FW14" s="2">
        <f>+BIE_c20150910131257!FW14</f>
        <v>-2.8516382863000001E-2</v>
      </c>
      <c r="FX14" s="2">
        <f>+BIE_c20150910131257!FX14</f>
        <v>-5.4167124019E-2</v>
      </c>
      <c r="FY14" s="2">
        <f>+BIE_c20150910131257!FY14</f>
        <v>-5.7125887081999997E-2</v>
      </c>
      <c r="FZ14" s="2">
        <f>+BIE_c20150910131257!FZ14</f>
        <v>-3.6956013964000001E-2</v>
      </c>
      <c r="GA14" s="2">
        <f>+BIE_c20150910131257!GA14</f>
        <v>-2.503215332E-3</v>
      </c>
      <c r="GB14" s="2">
        <f>+BIE_c20150910131257!GB14</f>
        <v>1.6348346012000001E-2</v>
      </c>
      <c r="GC14" s="25">
        <f>+BIE_c20150910131257!GC14</f>
        <v>2.3803373506000002E-2</v>
      </c>
      <c r="GD14" s="25">
        <f>+BIE_c20150910131257!GD14</f>
        <v>1.6035279130999999E-2</v>
      </c>
      <c r="GE14" s="25">
        <f>+BIE_c20150910131257!GE14</f>
        <v>-2.522181679E-3</v>
      </c>
      <c r="GF14" s="25">
        <f>+BIE_c20150910131257!GF14</f>
        <v>-2.5167590172000001E-2</v>
      </c>
      <c r="GG14" s="26">
        <f>+BIE_c20150910131257!GG14</f>
        <v>-4.2325737351000002E-2</v>
      </c>
      <c r="GH14" s="27">
        <f>+BIE_c20150910131257!GH14</f>
        <v>-4.6471584502999999E-2</v>
      </c>
      <c r="GI14" s="27">
        <f>+BIE_c20150910131257!GI14</f>
        <v>-3.8807440414999998E-2</v>
      </c>
      <c r="GJ14" s="27">
        <f>+BIE_c20150910131257!GJ14</f>
        <v>-3.0594339323999999E-2</v>
      </c>
      <c r="GK14" s="27">
        <f>+BIE_c20150910131257!GK14</f>
        <v>-1.2658174616999999E-2</v>
      </c>
      <c r="GL14" s="27">
        <f>+BIE_c20150910131257!GL14</f>
        <v>1.2047134621999999E-2</v>
      </c>
      <c r="GM14" s="27">
        <f>+BIE_c20150910131257!GM14</f>
        <v>3.4827831146E-2</v>
      </c>
      <c r="GN14" s="27">
        <f>+BIE_c20150910131257!GN14</f>
        <v>5.1200098211000002E-2</v>
      </c>
      <c r="GO14" s="27">
        <f>+BIE_c20150910131257!GO14</f>
        <v>5.2960535500000003E-2</v>
      </c>
      <c r="GP14" s="27">
        <f>+BIE_c20150910131257!GP14</f>
        <v>4.9640553604E-2</v>
      </c>
      <c r="GQ14" s="27">
        <f>+BIE_c20150910131257!GQ14</f>
        <v>0</v>
      </c>
      <c r="GR14" s="27">
        <f>+BIE_c20150910131257!GR14</f>
        <v>0</v>
      </c>
      <c r="GS14" s="26">
        <f>+BIE_c20150910131257!GY14</f>
        <v>0</v>
      </c>
      <c r="GT14" s="26">
        <f>+BIE_c20150910131257!GZ14</f>
        <v>0</v>
      </c>
      <c r="GU14" s="26">
        <f>+BIE_c20150910131257!HA14</f>
        <v>0</v>
      </c>
      <c r="GV14" s="26">
        <f>+BIE_c20150910131257!HB14</f>
        <v>0</v>
      </c>
      <c r="GW14" s="26">
        <f>+BIE_c20150910131257!HC14</f>
        <v>0</v>
      </c>
      <c r="GX14" s="26">
        <f>+BIE_c20150910131257!HD14</f>
        <v>0</v>
      </c>
      <c r="GY14" s="26">
        <f>+BIE_c20150910131257!HE14</f>
        <v>0</v>
      </c>
      <c r="GZ14" s="26">
        <f>+BIE_c20150910131257!HF14</f>
        <v>0</v>
      </c>
      <c r="HA14" s="26">
        <f>+BIE_c20150910131257!HG14</f>
        <v>0</v>
      </c>
      <c r="HB14" s="26">
        <f>+BIE_c20150910131257!HH14</f>
        <v>0</v>
      </c>
      <c r="HC14" s="26">
        <f>+BIE_c20150910131257!HI14</f>
        <v>0</v>
      </c>
      <c r="HD14" s="26">
        <f>+BIE_c20150910131257!HJ14</f>
        <v>0</v>
      </c>
      <c r="HE14" s="26">
        <f>+BIE_c20150910131257!HK14</f>
        <v>0</v>
      </c>
      <c r="HF14" s="26">
        <f>+BIE_c20150910131257!HL14</f>
        <v>0</v>
      </c>
      <c r="HG14" s="26">
        <f>+BIE_c20150910131257!HM14</f>
        <v>0</v>
      </c>
      <c r="HH14" s="26">
        <f>+BIE_c20150910131257!HN14</f>
        <v>0</v>
      </c>
      <c r="HI14" s="26">
        <f>+BIE_c20150910131257!HO14</f>
        <v>0</v>
      </c>
      <c r="HJ14" s="26">
        <f>+BIE_c20150910131257!HP14</f>
        <v>0</v>
      </c>
      <c r="HK14" s="26">
        <f>+BIE_c20150910131257!HQ14</f>
        <v>0</v>
      </c>
      <c r="HL14" s="26">
        <f>+BIE_c20150910131257!HR14</f>
        <v>0</v>
      </c>
      <c r="HM14" s="26">
        <f>+BIE_c20150910131257!HS14</f>
        <v>0</v>
      </c>
      <c r="HN14" s="26">
        <f>+BIE_c20150910131257!HT14</f>
        <v>0</v>
      </c>
      <c r="HO14" s="26">
        <f>+BIE_c20150910131257!HU14</f>
        <v>0</v>
      </c>
      <c r="HP14" s="26">
        <f>+BIE_c20150910131257!HV14</f>
        <v>0</v>
      </c>
      <c r="HQ14" s="26">
        <f>+BIE_c20150910131257!HW14</f>
        <v>0</v>
      </c>
      <c r="HR14" s="26">
        <f>+BIE_c20150910131257!HX14</f>
        <v>0</v>
      </c>
      <c r="HS14" s="26">
        <f>+BIE_c20150910131257!HY14</f>
        <v>0</v>
      </c>
      <c r="HT14" s="26">
        <f>+BIE_c20150910131257!HZ14</f>
        <v>0</v>
      </c>
      <c r="HU14" s="26">
        <f>+BIE_c20150910131257!IA14</f>
        <v>0</v>
      </c>
      <c r="HV14" s="26">
        <f>+BIE_c20150910131257!IB14</f>
        <v>0</v>
      </c>
      <c r="HW14" s="26">
        <f>+BIE_c20150910131257!IC14</f>
        <v>0</v>
      </c>
      <c r="HX14" s="26">
        <f>+BIE_c20150910131257!ID14</f>
        <v>0</v>
      </c>
      <c r="HY14" s="26">
        <f>+BIE_c20150910131257!IE14</f>
        <v>0</v>
      </c>
      <c r="HZ14" s="25">
        <f>+BIE_c20150910131257!IH14</f>
        <v>0</v>
      </c>
      <c r="IA14" s="25">
        <f>+BIE_c20150910131257!II14</f>
        <v>0</v>
      </c>
      <c r="IB14" s="25">
        <f>+BIE_c20150910131257!IJ14</f>
        <v>0</v>
      </c>
      <c r="IC14" s="25">
        <f>+BIE_c20150910131257!IK14</f>
        <v>0</v>
      </c>
      <c r="ID14" s="25">
        <f>+BIE_c20150910131257!IL14</f>
        <v>0</v>
      </c>
      <c r="IE14" s="25">
        <f>+BIE_c20150910131257!IM14</f>
        <v>0</v>
      </c>
      <c r="IF14" s="25">
        <f>+BIE_c20150910131257!IN14</f>
        <v>0</v>
      </c>
      <c r="IG14" s="25">
        <f>+BIE_c20150910131257!IO14</f>
        <v>0</v>
      </c>
      <c r="IH14" s="25">
        <f>+BIE_c20150910131257!IP14</f>
        <v>0</v>
      </c>
      <c r="II14" s="25">
        <f>+BIE_c20150910131257!IQ14</f>
        <v>0</v>
      </c>
      <c r="IJ14" s="25">
        <f>+BIE_c20150910131257!IR14</f>
        <v>0</v>
      </c>
      <c r="IK14" s="25">
        <f>+BIE_c20150910131257!IS14</f>
        <v>0</v>
      </c>
      <c r="IL14" s="25">
        <f>+BIE_c20150910131257!IT14</f>
        <v>0</v>
      </c>
      <c r="IM14" s="25">
        <f>+BIE_c20150910131257!IU14</f>
        <v>0</v>
      </c>
      <c r="IN14" s="25">
        <f>+BIE_c20150910131257!IV14</f>
        <v>0</v>
      </c>
      <c r="IO14" s="25">
        <f>+BIE_c20150910131257!IW14</f>
        <v>0</v>
      </c>
      <c r="IP14" s="25">
        <f>+BIE_c20150910131257!IX14</f>
        <v>0</v>
      </c>
      <c r="IQ14" s="25">
        <f>+BIE_c20150910131257!IY14</f>
        <v>0</v>
      </c>
      <c r="IR14" s="25">
        <f>+BIE_c20150910131257!IZ14</f>
        <v>0</v>
      </c>
      <c r="IS14" s="25">
        <f>+BIE_c20150910131257!JA14</f>
        <v>0</v>
      </c>
      <c r="IT14" s="14"/>
    </row>
    <row r="15" spans="1:254" x14ac:dyDescent="0.25">
      <c r="A15" s="6" t="s">
        <v>286</v>
      </c>
      <c r="B15" s="2">
        <f>+BIE_c20150910131257!B15</f>
        <v>-2.37374422E-2</v>
      </c>
      <c r="C15" s="2">
        <f>+BIE_c20150910131257!C15</f>
        <v>-1.1265043872000001E-2</v>
      </c>
      <c r="D15" s="2">
        <f>+BIE_c20150910131257!D15</f>
        <v>6.4720110030000002E-3</v>
      </c>
      <c r="E15" s="2">
        <f>+BIE_c20150910131257!E15</f>
        <v>2.6506048038999998E-2</v>
      </c>
      <c r="F15" s="2">
        <f>+BIE_c20150910131257!F15</f>
        <v>3.4480243702E-2</v>
      </c>
      <c r="G15" s="2">
        <f>+BIE_c20150910131257!G15</f>
        <v>2.1361679838999999E-2</v>
      </c>
      <c r="H15" s="2">
        <f>+BIE_c20150910131257!H15</f>
        <v>-9.0703685450000005E-3</v>
      </c>
      <c r="I15" s="2">
        <f>+BIE_c20150910131257!I15</f>
        <v>-1.9499285347999998E-2</v>
      </c>
      <c r="J15" s="2">
        <f>+BIE_c20150910131257!J15</f>
        <v>-7.446984714E-3</v>
      </c>
      <c r="K15" s="2">
        <f>+BIE_c20150910131257!K15</f>
        <v>7.3420084880000003E-3</v>
      </c>
      <c r="L15" s="2">
        <f>+BIE_c20150910131257!L15</f>
        <v>1.1824090404999999E-2</v>
      </c>
      <c r="M15" s="2">
        <f>+BIE_c20150910131257!M15</f>
        <v>1.0927553288E-2</v>
      </c>
      <c r="N15" s="2">
        <f>+BIE_c20150910131257!N15</f>
        <v>2.9309987640000002E-3</v>
      </c>
      <c r="O15" s="2">
        <f>+BIE_c20150910131257!O15</f>
        <v>-3.2759018952000001E-2</v>
      </c>
      <c r="P15" s="2">
        <f>+BIE_c20150910131257!P15</f>
        <v>-7.7080727601000001E-2</v>
      </c>
      <c r="Q15" s="2">
        <f>+BIE_c20150910131257!Q15</f>
        <v>-0.10848054591</v>
      </c>
      <c r="R15" s="2">
        <f>+BIE_c20150910131257!R15</f>
        <v>-0.111121141612</v>
      </c>
      <c r="S15" s="2">
        <f>+BIE_c20150910131257!S15</f>
        <v>-9.0990900760000007E-2</v>
      </c>
      <c r="T15" s="2">
        <f>+BIE_c20150910131257!T15</f>
        <v>-6.5571206234000007E-2</v>
      </c>
      <c r="U15" s="2">
        <f>+BIE_c20150910131257!U15</f>
        <v>-5.0287733353999997E-2</v>
      </c>
      <c r="V15" s="2">
        <f>+BIE_c20150910131257!V15</f>
        <v>-4.7735036830000001E-2</v>
      </c>
      <c r="W15" s="2">
        <f>+BIE_c20150910131257!W15</f>
        <v>-6.4642480823999995E-2</v>
      </c>
      <c r="X15" s="2">
        <f>+BIE_c20150910131257!X15</f>
        <v>-7.8704607716999997E-2</v>
      </c>
      <c r="Y15" s="2">
        <f>+BIE_c20150910131257!Y15</f>
        <v>-7.1933463478000004E-2</v>
      </c>
      <c r="Z15" s="2">
        <f>+BIE_c20150910131257!Z15</f>
        <v>-4.2236403466000001E-2</v>
      </c>
      <c r="AA15" s="2">
        <f>+BIE_c20150910131257!AA15</f>
        <v>6.4919448319999996E-3</v>
      </c>
      <c r="AB15" s="2">
        <f>+BIE_c20150910131257!AB15</f>
        <v>6.6546294778000004E-2</v>
      </c>
      <c r="AC15" s="2">
        <f>+BIE_c20150910131257!AC15</f>
        <v>0.12890577819099999</v>
      </c>
      <c r="AD15" s="2">
        <f>+BIE_c20150910131257!AD15</f>
        <v>0.177515441153</v>
      </c>
      <c r="AE15" s="2">
        <f>+BIE_c20150910131257!AE15</f>
        <v>0.193824048093</v>
      </c>
      <c r="AF15" s="2">
        <f>+BIE_c20150910131257!AF15</f>
        <v>0.185657064205</v>
      </c>
      <c r="AG15" s="2">
        <f>+BIE_c20150910131257!AG15</f>
        <v>0.17030534451099999</v>
      </c>
      <c r="AH15" s="2">
        <f>+BIE_c20150910131257!AH15</f>
        <v>0.15650940745700001</v>
      </c>
      <c r="AI15" s="2">
        <f>+BIE_c20150910131257!AI15</f>
        <v>0.14311695173899999</v>
      </c>
      <c r="AJ15" s="2">
        <f>+BIE_c20150910131257!AJ15</f>
        <v>0.13631708097199999</v>
      </c>
      <c r="AK15" s="2">
        <f>+BIE_c20150910131257!AK15</f>
        <v>0.13496234013799999</v>
      </c>
      <c r="AL15" s="2">
        <f>+BIE_c20150910131257!AL15</f>
        <v>0.130285955407</v>
      </c>
      <c r="AM15" s="2">
        <f>+BIE_c20150910131257!AM15</f>
        <v>9.5903751539999998E-2</v>
      </c>
      <c r="AN15" s="2">
        <f>+BIE_c20150910131257!AN15</f>
        <v>3.4776219040999999E-2</v>
      </c>
      <c r="AO15" s="2">
        <f>+BIE_c20150910131257!AO15</f>
        <v>-1.7708595574000001E-2</v>
      </c>
      <c r="AP15" s="2">
        <f>+BIE_c20150910131257!AP15</f>
        <v>-2.7497100992E-2</v>
      </c>
      <c r="AQ15" s="2">
        <f>+BIE_c20150910131257!AQ15</f>
        <v>4.9628125670000004E-3</v>
      </c>
      <c r="AR15" s="2">
        <f>+BIE_c20150910131257!AR15</f>
        <v>4.3279938546999998E-2</v>
      </c>
      <c r="AS15" s="2">
        <f>+BIE_c20150910131257!AS15</f>
        <v>7.5701240941000003E-2</v>
      </c>
      <c r="AT15" s="2">
        <f>+BIE_c20150910131257!AT15</f>
        <v>8.0719784239000003E-2</v>
      </c>
      <c r="AU15" s="2">
        <f>+BIE_c20150910131257!AU15</f>
        <v>6.0708086638000001E-2</v>
      </c>
      <c r="AV15" s="2">
        <f>+BIE_c20150910131257!AV15</f>
        <v>2.7412425726E-2</v>
      </c>
      <c r="AW15" s="2">
        <f>+BIE_c20150910131257!AW15</f>
        <v>6.4206069189999999E-3</v>
      </c>
      <c r="AX15" s="2">
        <f>+BIE_c20150910131257!AX15</f>
        <v>3.2009071939999999E-3</v>
      </c>
      <c r="AY15" s="2">
        <f>+BIE_c20150910131257!AY15</f>
        <v>3.0346743187000001E-2</v>
      </c>
      <c r="AZ15" s="2">
        <f>+BIE_c20150910131257!AZ15</f>
        <v>6.6121008268999998E-2</v>
      </c>
      <c r="BA15" s="2">
        <f>+BIE_c20150910131257!BA15</f>
        <v>9.3136215135999997E-2</v>
      </c>
      <c r="BB15" s="2">
        <f>+BIE_c20150910131257!BB15</f>
        <v>9.0267079767999997E-2</v>
      </c>
      <c r="BC15" s="2">
        <f>+BIE_c20150910131257!BC15</f>
        <v>5.5012315519000002E-2</v>
      </c>
      <c r="BD15" s="2">
        <f>+BIE_c20150910131257!BD15</f>
        <v>1.0597896218000001E-2</v>
      </c>
      <c r="BE15" s="2">
        <f>+BIE_c20150910131257!BE15</f>
        <v>-3.5266313839000002E-2</v>
      </c>
      <c r="BF15" s="2">
        <f>+BIE_c20150910131257!BF15</f>
        <v>-7.1710058317000003E-2</v>
      </c>
      <c r="BG15" s="2">
        <f>+BIE_c20150910131257!BG15</f>
        <v>-9.9799352051999995E-2</v>
      </c>
      <c r="BH15" s="2">
        <f>+BIE_c20150910131257!BH15</f>
        <v>-0.114538951257</v>
      </c>
      <c r="BI15" s="2">
        <f>+BIE_c20150910131257!BI15</f>
        <v>-0.11520807983</v>
      </c>
      <c r="BJ15" s="2">
        <f>+BIE_c20150910131257!BJ15</f>
        <v>-0.1014355357</v>
      </c>
      <c r="BK15" s="2">
        <f>+BIE_c20150910131257!BK15</f>
        <v>-8.8846557963000006E-2</v>
      </c>
      <c r="BL15" s="2">
        <f>+BIE_c20150910131257!BL15</f>
        <v>-8.0122016941000004E-2</v>
      </c>
      <c r="BM15" s="2">
        <f>+BIE_c20150910131257!BM15</f>
        <v>-7.9718086780000003E-2</v>
      </c>
      <c r="BN15" s="2">
        <f>+BIE_c20150910131257!BN15</f>
        <v>-8.5170835686999999E-2</v>
      </c>
      <c r="BO15" s="2">
        <f>+BIE_c20150910131257!BO15</f>
        <v>-8.6196165098999994E-2</v>
      </c>
      <c r="BP15" s="2">
        <f>+BIE_c20150910131257!BP15</f>
        <v>-7.8263731692000002E-2</v>
      </c>
      <c r="BQ15" s="2">
        <f>+BIE_c20150910131257!BQ15</f>
        <v>-6.5400369257000004E-2</v>
      </c>
      <c r="BR15" s="2">
        <f>+BIE_c20150910131257!BR15</f>
        <v>-6.0078784928999998E-2</v>
      </c>
      <c r="BS15" s="2">
        <f>+BIE_c20150910131257!BS15</f>
        <v>-6.8804217700999995E-2</v>
      </c>
      <c r="BT15" s="2">
        <f>+BIE_c20150910131257!BT15</f>
        <v>-7.4809246656E-2</v>
      </c>
      <c r="BU15" s="2">
        <f>+BIE_c20150910131257!BU15</f>
        <v>-5.2152146389000002E-2</v>
      </c>
      <c r="BV15" s="2">
        <f>+BIE_c20150910131257!BV15</f>
        <v>-3.0444141699999998E-4</v>
      </c>
      <c r="BW15" s="2">
        <f>+BIE_c20150910131257!BW15</f>
        <v>6.6055276356999995E-2</v>
      </c>
      <c r="BX15" s="2">
        <f>+BIE_c20150910131257!BX15</f>
        <v>0.12823658754</v>
      </c>
      <c r="BY15" s="2">
        <f>+BIE_c20150910131257!BY15</f>
        <v>0.15405534265500001</v>
      </c>
      <c r="BZ15" s="2">
        <f>+BIE_c20150910131257!BZ15</f>
        <v>0.12892591989800001</v>
      </c>
      <c r="CA15" s="2">
        <f>+BIE_c20150910131257!CA15</f>
        <v>6.4676417360000002E-2</v>
      </c>
      <c r="CB15" s="2">
        <f>+BIE_c20150910131257!CB15</f>
        <v>-2.1366812778999999E-2</v>
      </c>
      <c r="CC15" s="2">
        <f>+BIE_c20150910131257!CC15</f>
        <v>-8.6240739605000005E-2</v>
      </c>
      <c r="CD15" s="2">
        <f>+BIE_c20150910131257!CD15</f>
        <v>-0.12024479482</v>
      </c>
      <c r="CE15" s="2">
        <f>+BIE_c20150910131257!CE15</f>
        <v>-0.12629923756299999</v>
      </c>
      <c r="CF15" s="2">
        <f>+BIE_c20150910131257!CF15</f>
        <v>-0.105791821328</v>
      </c>
      <c r="CG15" s="2">
        <f>+BIE_c20150910131257!CG15</f>
        <v>-6.7357924957000007E-2</v>
      </c>
      <c r="CH15" s="2">
        <f>+BIE_c20150910131257!CH15</f>
        <v>-2.2632942134000002E-2</v>
      </c>
      <c r="CI15" s="2">
        <f>+BIE_c20150910131257!CI15</f>
        <v>1.3316767441999999E-2</v>
      </c>
      <c r="CJ15" s="2">
        <f>+BIE_c20150910131257!CJ15</f>
        <v>3.0842356655999999E-2</v>
      </c>
      <c r="CK15" s="2">
        <f>+BIE_c20150910131257!CK15</f>
        <v>2.6507157585E-2</v>
      </c>
      <c r="CL15" s="2">
        <f>+BIE_c20150910131257!CL15</f>
        <v>1.4497565267999999E-2</v>
      </c>
      <c r="CM15" s="2">
        <f>+BIE_c20150910131257!CM15</f>
        <v>1.0064587859999999E-3</v>
      </c>
      <c r="CN15" s="2">
        <f>+BIE_c20150910131257!CN15</f>
        <v>-1.3826821711E-2</v>
      </c>
      <c r="CO15" s="2">
        <f>+BIE_c20150910131257!CO15</f>
        <v>-2.9641267551000001E-2</v>
      </c>
      <c r="CP15" s="2">
        <f>+BIE_c20150910131257!CP15</f>
        <v>-5.4478533348999998E-2</v>
      </c>
      <c r="CQ15" s="2">
        <f>+BIE_c20150910131257!CQ15</f>
        <v>-7.7932978173999995E-2</v>
      </c>
      <c r="CR15" s="2">
        <f>+BIE_c20150910131257!CR15</f>
        <v>-9.1086973503999996E-2</v>
      </c>
      <c r="CS15" s="2">
        <f>+BIE_c20150910131257!CS15</f>
        <v>-0.102098095178</v>
      </c>
      <c r="CT15" s="2">
        <f>+BIE_c20150910131257!CT15</f>
        <v>-0.112341648039</v>
      </c>
      <c r="CU15" s="2">
        <f>+BIE_c20150910131257!CU15</f>
        <v>-0.12356797827300001</v>
      </c>
      <c r="CV15" s="2">
        <f>+BIE_c20150910131257!CV15</f>
        <v>-0.123412887202</v>
      </c>
      <c r="CW15" s="2">
        <f>+BIE_c20150910131257!CW15</f>
        <v>-0.105268781284</v>
      </c>
      <c r="CX15" s="2">
        <f>+BIE_c20150910131257!CX15</f>
        <v>-5.7597748631999998E-2</v>
      </c>
      <c r="CY15" s="2">
        <f>+BIE_c20150910131257!CY15</f>
        <v>2.1104705503000001E-2</v>
      </c>
      <c r="CZ15" s="2">
        <f>+BIE_c20150910131257!CZ15</f>
        <v>0.13793927561300001</v>
      </c>
      <c r="DA15" s="2">
        <f>+BIE_c20150910131257!DA15</f>
        <v>0.29108275436300002</v>
      </c>
      <c r="DB15" s="2">
        <f>+BIE_c20150910131257!DB15</f>
        <v>0.45796679534899998</v>
      </c>
      <c r="DC15" s="2">
        <f>+BIE_c20150910131257!DC15</f>
        <v>0.56809300537999996</v>
      </c>
      <c r="DD15" s="2">
        <f>+BIE_c20150910131257!DD15</f>
        <v>0.55850073205600004</v>
      </c>
      <c r="DE15" s="2">
        <f>+BIE_c20150910131257!DE15</f>
        <v>0.48316071143</v>
      </c>
      <c r="DF15" s="2">
        <f>+BIE_c20150910131257!DF15</f>
        <v>0.37148033832499999</v>
      </c>
      <c r="DG15" s="2">
        <f>+BIE_c20150910131257!DG15</f>
        <v>0.22405145252899999</v>
      </c>
      <c r="DH15" s="2">
        <f>+BIE_c20150910131257!DH15</f>
        <v>5.3623838849000002E-2</v>
      </c>
      <c r="DI15" s="2">
        <f>+BIE_c20150910131257!DI15</f>
        <v>-9.0489147860999999E-2</v>
      </c>
      <c r="DJ15" s="2">
        <f>+BIE_c20150910131257!DJ15</f>
        <v>-0.15089031264399999</v>
      </c>
      <c r="DK15" s="2">
        <f>+BIE_c20150910131257!DK15</f>
        <v>-0.160272221898</v>
      </c>
      <c r="DL15" s="2">
        <f>+BIE_c20150910131257!DL15</f>
        <v>-0.156712931877</v>
      </c>
      <c r="DM15" s="2">
        <f>+BIE_c20150910131257!DM15</f>
        <v>-0.14989284600899999</v>
      </c>
      <c r="DN15" s="2">
        <f>+BIE_c20150910131257!DN15</f>
        <v>-0.14189788578500001</v>
      </c>
      <c r="DO15" s="2">
        <f>+BIE_c20150910131257!DO15</f>
        <v>-0.15390173703000001</v>
      </c>
      <c r="DP15" s="2">
        <f>+BIE_c20150910131257!DP15</f>
        <v>-0.169753233941</v>
      </c>
      <c r="DQ15" s="2">
        <f>+BIE_c20150910131257!DQ15</f>
        <v>-0.17570836344400001</v>
      </c>
      <c r="DR15" s="2">
        <f>+BIE_c20150910131257!DR15</f>
        <v>-0.16160435197199999</v>
      </c>
      <c r="DS15" s="2">
        <f>+BIE_c20150910131257!DS15</f>
        <v>-0.134273634005</v>
      </c>
      <c r="DT15" s="2">
        <f>+BIE_c20150910131257!DT15</f>
        <v>-0.1006743355</v>
      </c>
      <c r="DU15" s="2">
        <f>+BIE_c20150910131257!DU15</f>
        <v>-5.1276821968E-2</v>
      </c>
      <c r="DV15" s="2">
        <f>+BIE_c20150910131257!DV15</f>
        <v>-1.8004965620000001E-3</v>
      </c>
      <c r="DW15" s="2">
        <f>+BIE_c20150910131257!DW15</f>
        <v>8.8849457160000006E-3</v>
      </c>
      <c r="DX15" s="2">
        <f>+BIE_c20150910131257!DX15</f>
        <v>-1.2602253729E-2</v>
      </c>
      <c r="DY15" s="2">
        <f>+BIE_c20150910131257!DY15</f>
        <v>-5.7605288290999999E-2</v>
      </c>
      <c r="DZ15" s="2">
        <f>+BIE_c20150910131257!DZ15</f>
        <v>-0.10942146495500001</v>
      </c>
      <c r="EA15" s="2">
        <f>+BIE_c20150910131257!EA15</f>
        <v>-0.15777970258400001</v>
      </c>
      <c r="EB15" s="2">
        <f>+BIE_c20150910131257!EB15</f>
        <v>-0.17826930423099999</v>
      </c>
      <c r="EC15" s="2">
        <f>+BIE_c20150910131257!EC15</f>
        <v>-0.174885169102</v>
      </c>
      <c r="ED15" s="2">
        <f>+BIE_c20150910131257!ED15</f>
        <v>-0.158039861467</v>
      </c>
      <c r="EE15" s="2">
        <f>+BIE_c20150910131257!EE15</f>
        <v>-0.122515628202</v>
      </c>
      <c r="EF15" s="2">
        <f>+BIE_c20150910131257!EF15</f>
        <v>-7.4021672267000002E-2</v>
      </c>
      <c r="EG15" s="2">
        <f>+BIE_c20150910131257!EG15</f>
        <v>-1.4945063567999999E-2</v>
      </c>
      <c r="EH15" s="2">
        <f>+BIE_c20150910131257!EH15</f>
        <v>6.0943995660999999E-2</v>
      </c>
      <c r="EI15" s="2">
        <f>+BIE_c20150910131257!EI15</f>
        <v>0.14444144687300001</v>
      </c>
      <c r="EJ15" s="2">
        <f>+BIE_c20150910131257!EJ15</f>
        <v>0.22461787320900001</v>
      </c>
      <c r="EK15" s="2">
        <f>+BIE_c20150910131257!EK15</f>
        <v>0.292010974581</v>
      </c>
      <c r="EL15" s="2">
        <f>+BIE_c20150910131257!EL15</f>
        <v>0.30601410961699999</v>
      </c>
      <c r="EM15" s="2">
        <f>+BIE_c20150910131257!EM15</f>
        <v>0.25040327703100002</v>
      </c>
      <c r="EN15" s="2">
        <f>+BIE_c20150910131257!EN15</f>
        <v>0.15031325208599999</v>
      </c>
      <c r="EO15" s="2">
        <f>+BIE_c20150910131257!EO15</f>
        <v>4.7807414414E-2</v>
      </c>
      <c r="EP15" s="2">
        <f>+BIE_c20150910131257!EP15</f>
        <v>-2.6480429827E-2</v>
      </c>
      <c r="EQ15" s="2">
        <f>+BIE_c20150910131257!EQ15</f>
        <v>-4.8203686729000002E-2</v>
      </c>
      <c r="ER15" s="2">
        <f>+BIE_c20150910131257!ER15</f>
        <v>-1.3914019406000001E-2</v>
      </c>
      <c r="ES15" s="2">
        <f>+BIE_c20150910131257!ES15</f>
        <v>2.7975189614000001E-2</v>
      </c>
      <c r="ET15" s="2">
        <f>+BIE_c20150910131257!ET15</f>
        <v>3.3059136960999998E-2</v>
      </c>
      <c r="EU15" s="2">
        <f>+BIE_c20150910131257!EU15</f>
        <v>-1.4760931382000001E-2</v>
      </c>
      <c r="EV15" s="2">
        <f>+BIE_c20150910131257!EV15</f>
        <v>-9.2068654321999996E-2</v>
      </c>
      <c r="EW15" s="2">
        <f>+BIE_c20150910131257!EW15</f>
        <v>-0.148623982041</v>
      </c>
      <c r="EX15" s="2">
        <f>+BIE_c20150910131257!EX15</f>
        <v>-0.18262041077499999</v>
      </c>
      <c r="EY15" s="2">
        <f>+BIE_c20150910131257!EY15</f>
        <v>-0.19684549879499999</v>
      </c>
      <c r="EZ15" s="2">
        <f>+BIE_c20150910131257!EZ15</f>
        <v>-0.197748768302</v>
      </c>
      <c r="FA15" s="2">
        <f>+BIE_c20150910131257!FA15</f>
        <v>-0.19414887830800001</v>
      </c>
      <c r="FB15" s="2">
        <f>+BIE_c20150910131257!FB15</f>
        <v>-0.176645818304</v>
      </c>
      <c r="FC15" s="2">
        <f>+BIE_c20150910131257!FC15</f>
        <v>-0.14682929035</v>
      </c>
      <c r="FD15" s="2">
        <f>+BIE_c20150910131257!FD15</f>
        <v>-0.108418309002</v>
      </c>
      <c r="FE15" s="2">
        <f>+BIE_c20150910131257!FE15</f>
        <v>-5.3397706454E-2</v>
      </c>
      <c r="FF15" s="2">
        <f>+BIE_c20150910131257!FF15</f>
        <v>1.5391580596E-2</v>
      </c>
      <c r="FG15" s="2">
        <f>+BIE_c20150910131257!FG15</f>
        <v>6.5064094505999995E-2</v>
      </c>
      <c r="FH15" s="2">
        <f>+BIE_c20150910131257!FH15</f>
        <v>6.7465675254999996E-2</v>
      </c>
      <c r="FI15" s="2">
        <f>+BIE_c20150910131257!FI15</f>
        <v>4.8961914531000003E-2</v>
      </c>
      <c r="FJ15" s="2">
        <f>+BIE_c20150910131257!FJ15</f>
        <v>1.7013157912000001E-2</v>
      </c>
      <c r="FK15" s="2">
        <f>+BIE_c20150910131257!FK15</f>
        <v>-2.1485215716000001E-2</v>
      </c>
      <c r="FL15" s="2">
        <f>+BIE_c20150910131257!FL15</f>
        <v>-4.7877918270999999E-2</v>
      </c>
      <c r="FM15" s="2">
        <f>+BIE_c20150910131257!FM15</f>
        <v>-5.8535965512E-2</v>
      </c>
      <c r="FN15" s="2">
        <f>+BIE_c20150910131257!FN15</f>
        <v>-5.7667012082999999E-2</v>
      </c>
      <c r="FO15" s="2">
        <f>+BIE_c20150910131257!FO15</f>
        <v>-5.8852858743000003E-2</v>
      </c>
      <c r="FP15" s="2">
        <f>+BIE_c20150910131257!FP15</f>
        <v>-6.4807404232000002E-2</v>
      </c>
      <c r="FQ15" s="2">
        <f>+BIE_c20150910131257!FQ15</f>
        <v>-6.8690901346999997E-2</v>
      </c>
      <c r="FR15" s="2">
        <f>+BIE_c20150910131257!FR15</f>
        <v>-6.4374357221000003E-2</v>
      </c>
      <c r="FS15" s="2">
        <f>+BIE_c20150910131257!FS15</f>
        <v>-5.0789992048999998E-2</v>
      </c>
      <c r="FT15" s="2">
        <f>+BIE_c20150910131257!FT15</f>
        <v>-2.8631782880000001E-2</v>
      </c>
      <c r="FU15" s="2">
        <f>+BIE_c20150910131257!FU15</f>
        <v>4.3199438470000002E-3</v>
      </c>
      <c r="FV15" s="2">
        <f>+BIE_c20150910131257!FV15</f>
        <v>4.4259566697E-2</v>
      </c>
      <c r="FW15" s="2">
        <f>+BIE_c20150910131257!FW15</f>
        <v>9.1786997814000001E-2</v>
      </c>
      <c r="FX15" s="2">
        <f>+BIE_c20150910131257!FX15</f>
        <v>0.14040919413700001</v>
      </c>
      <c r="FY15" s="2">
        <f>+BIE_c20150910131257!FY15</f>
        <v>0.18635796523100001</v>
      </c>
      <c r="FZ15" s="2">
        <f>+BIE_c20150910131257!FZ15</f>
        <v>0.20531297528600001</v>
      </c>
      <c r="GA15" s="2">
        <f>+BIE_c20150910131257!GA15</f>
        <v>0.20832346984700001</v>
      </c>
      <c r="GB15" s="2">
        <f>+BIE_c20150910131257!GB15</f>
        <v>0.20133855849099999</v>
      </c>
      <c r="GC15" s="25">
        <f>+BIE_c20150910131257!GC15</f>
        <v>0.19069589591700001</v>
      </c>
      <c r="GD15" s="25">
        <f>+BIE_c20150910131257!GD15</f>
        <v>0.18565601497299999</v>
      </c>
      <c r="GE15" s="25">
        <f>+BIE_c20150910131257!GE15</f>
        <v>0.18346923172900001</v>
      </c>
      <c r="GF15" s="25">
        <f>+BIE_c20150910131257!GF15</f>
        <v>0.17622551811699999</v>
      </c>
      <c r="GG15" s="26">
        <f>+BIE_c20150910131257!GG15</f>
        <v>0.153798997706</v>
      </c>
      <c r="GH15" s="27">
        <f>+BIE_c20150910131257!GH15</f>
        <v>0.116368065938</v>
      </c>
      <c r="GI15" s="27">
        <f>+BIE_c20150910131257!GI15</f>
        <v>8.3873040797999995E-2</v>
      </c>
      <c r="GJ15" s="27">
        <f>+BIE_c20150910131257!GJ15</f>
        <v>7.9529548695999999E-2</v>
      </c>
      <c r="GK15" s="27">
        <f>+BIE_c20150910131257!GK15</f>
        <v>9.4350588156000004E-2</v>
      </c>
      <c r="GL15" s="27">
        <f>+BIE_c20150910131257!GL15</f>
        <v>0.102477101498</v>
      </c>
      <c r="GM15" s="27">
        <f>+BIE_c20150910131257!GM15</f>
        <v>8.1416043246999997E-2</v>
      </c>
      <c r="GN15" s="27">
        <f>+BIE_c20150910131257!GN15</f>
        <v>5.3523399860000001E-2</v>
      </c>
      <c r="GO15" s="27">
        <f>+BIE_c20150910131257!GO15</f>
        <v>5.5963286321999997E-2</v>
      </c>
      <c r="GP15" s="27">
        <f>+BIE_c20150910131257!GP15</f>
        <v>7.5794832261000006E-2</v>
      </c>
      <c r="GQ15" s="27">
        <f>+BIE_c20150910131257!GQ15</f>
        <v>0</v>
      </c>
      <c r="GR15" s="27">
        <f>+BIE_c20150910131257!GR15</f>
        <v>0</v>
      </c>
      <c r="GS15" s="26">
        <f>+BIE_c20150910131257!GY15</f>
        <v>0</v>
      </c>
      <c r="GT15" s="26">
        <f>+BIE_c20150910131257!GZ15</f>
        <v>0</v>
      </c>
      <c r="GU15" s="26">
        <f>+BIE_c20150910131257!HA15</f>
        <v>0</v>
      </c>
      <c r="GV15" s="26">
        <f>+BIE_c20150910131257!HB15</f>
        <v>0</v>
      </c>
      <c r="GW15" s="26">
        <f>+BIE_c20150910131257!HC15</f>
        <v>0</v>
      </c>
      <c r="GX15" s="26">
        <f>+BIE_c20150910131257!HD15</f>
        <v>0</v>
      </c>
      <c r="GY15" s="26">
        <f>+BIE_c20150910131257!HE15</f>
        <v>0</v>
      </c>
      <c r="GZ15" s="26">
        <f>+BIE_c20150910131257!HF15</f>
        <v>0</v>
      </c>
      <c r="HA15" s="26">
        <f>+BIE_c20150910131257!HG15</f>
        <v>0</v>
      </c>
      <c r="HB15" s="26">
        <f>+BIE_c20150910131257!HH15</f>
        <v>0</v>
      </c>
      <c r="HC15" s="26">
        <f>+BIE_c20150910131257!HI15</f>
        <v>0</v>
      </c>
      <c r="HD15" s="26">
        <f>+BIE_c20150910131257!HJ15</f>
        <v>0</v>
      </c>
      <c r="HE15" s="26">
        <f>+BIE_c20150910131257!HK15</f>
        <v>0</v>
      </c>
      <c r="HF15" s="26">
        <f>+BIE_c20150910131257!HL15</f>
        <v>0</v>
      </c>
      <c r="HG15" s="26">
        <f>+BIE_c20150910131257!HM15</f>
        <v>0</v>
      </c>
      <c r="HH15" s="26">
        <f>+BIE_c20150910131257!HN15</f>
        <v>0</v>
      </c>
      <c r="HI15" s="26">
        <f>+BIE_c20150910131257!HO15</f>
        <v>0</v>
      </c>
      <c r="HJ15" s="26">
        <f>+BIE_c20150910131257!HP15</f>
        <v>0</v>
      </c>
      <c r="HK15" s="26">
        <f>+BIE_c20150910131257!HQ15</f>
        <v>0</v>
      </c>
      <c r="HL15" s="26">
        <f>+BIE_c20150910131257!HR15</f>
        <v>0</v>
      </c>
      <c r="HM15" s="26">
        <f>+BIE_c20150910131257!HS15</f>
        <v>0</v>
      </c>
      <c r="HN15" s="26">
        <f>+BIE_c20150910131257!HT15</f>
        <v>0</v>
      </c>
      <c r="HO15" s="26">
        <f>+BIE_c20150910131257!HU15</f>
        <v>0</v>
      </c>
      <c r="HP15" s="26">
        <f>+BIE_c20150910131257!HV15</f>
        <v>0</v>
      </c>
      <c r="HQ15" s="26">
        <f>+BIE_c20150910131257!HW15</f>
        <v>0</v>
      </c>
      <c r="HR15" s="26">
        <f>+BIE_c20150910131257!HX15</f>
        <v>0</v>
      </c>
      <c r="HS15" s="26">
        <f>+BIE_c20150910131257!HY15</f>
        <v>0</v>
      </c>
      <c r="HT15" s="26">
        <f>+BIE_c20150910131257!HZ15</f>
        <v>0</v>
      </c>
      <c r="HU15" s="26">
        <f>+BIE_c20150910131257!IA15</f>
        <v>0</v>
      </c>
      <c r="HV15" s="26">
        <f>+BIE_c20150910131257!IB15</f>
        <v>0</v>
      </c>
      <c r="HW15" s="26">
        <f>+BIE_c20150910131257!IC15</f>
        <v>0</v>
      </c>
      <c r="HX15" s="26">
        <f>+BIE_c20150910131257!ID15</f>
        <v>0</v>
      </c>
      <c r="HY15" s="26">
        <f>+BIE_c20150910131257!IE15</f>
        <v>0</v>
      </c>
      <c r="HZ15" s="25">
        <f>+BIE_c20150910131257!IH15</f>
        <v>0</v>
      </c>
      <c r="IA15" s="25">
        <f>+BIE_c20150910131257!II15</f>
        <v>0</v>
      </c>
      <c r="IB15" s="25">
        <f>+BIE_c20150910131257!IJ15</f>
        <v>0</v>
      </c>
      <c r="IC15" s="25">
        <f>+BIE_c20150910131257!IK15</f>
        <v>0</v>
      </c>
      <c r="ID15" s="25">
        <f>+BIE_c20150910131257!IL15</f>
        <v>0</v>
      </c>
      <c r="IE15" s="25">
        <f>+BIE_c20150910131257!IM15</f>
        <v>0</v>
      </c>
      <c r="IF15" s="25">
        <f>+BIE_c20150910131257!IN15</f>
        <v>0</v>
      </c>
      <c r="IG15" s="25">
        <f>+BIE_c20150910131257!IO15</f>
        <v>0</v>
      </c>
      <c r="IH15" s="25">
        <f>+BIE_c20150910131257!IP15</f>
        <v>0</v>
      </c>
      <c r="II15" s="25">
        <f>+BIE_c20150910131257!IQ15</f>
        <v>0</v>
      </c>
      <c r="IJ15" s="25">
        <f>+BIE_c20150910131257!IR15</f>
        <v>0</v>
      </c>
      <c r="IK15" s="25">
        <f>+BIE_c20150910131257!IS15</f>
        <v>0</v>
      </c>
      <c r="IL15" s="25">
        <f>+BIE_c20150910131257!IT15</f>
        <v>0</v>
      </c>
      <c r="IM15" s="25">
        <f>+BIE_c20150910131257!IU15</f>
        <v>0</v>
      </c>
      <c r="IN15" s="25">
        <f>+BIE_c20150910131257!IV15</f>
        <v>0</v>
      </c>
      <c r="IO15" s="25">
        <f>+BIE_c20150910131257!IW15</f>
        <v>0</v>
      </c>
      <c r="IP15" s="25">
        <f>+BIE_c20150910131257!IX15</f>
        <v>0</v>
      </c>
      <c r="IQ15" s="25">
        <f>+BIE_c20150910131257!IY15</f>
        <v>0</v>
      </c>
      <c r="IR15" s="25">
        <f>+BIE_c20150910131257!IZ15</f>
        <v>0</v>
      </c>
      <c r="IS15" s="25">
        <f>+BIE_c20150910131257!JA15</f>
        <v>0</v>
      </c>
      <c r="IT15" s="14"/>
    </row>
    <row r="16" spans="1:254" x14ac:dyDescent="0.25">
      <c r="A16" s="6" t="s">
        <v>283</v>
      </c>
      <c r="B16" s="2">
        <f>+BIE_c20150910131257!B16</f>
        <v>-0.136354233652</v>
      </c>
      <c r="C16" s="2">
        <f>+BIE_c20150910131257!C16</f>
        <v>-0.12080695644099999</v>
      </c>
      <c r="D16" s="2">
        <f>+BIE_c20150910131257!D16</f>
        <v>-8.2194812583000001E-2</v>
      </c>
      <c r="E16" s="2">
        <f>+BIE_c20150910131257!E16</f>
        <v>2.310856652E-3</v>
      </c>
      <c r="F16" s="2">
        <f>+BIE_c20150910131257!F16</f>
        <v>0.10661141370299999</v>
      </c>
      <c r="G16" s="2">
        <f>+BIE_c20150910131257!G16</f>
        <v>0.182622684964</v>
      </c>
      <c r="H16" s="2">
        <f>+BIE_c20150910131257!H16</f>
        <v>0.218031708499</v>
      </c>
      <c r="I16" s="2">
        <f>+BIE_c20150910131257!I16</f>
        <v>0.237312094739</v>
      </c>
      <c r="J16" s="2">
        <f>+BIE_c20150910131257!J16</f>
        <v>0.25405221247100002</v>
      </c>
      <c r="K16" s="2">
        <f>+BIE_c20150910131257!K16</f>
        <v>0.25613212760999998</v>
      </c>
      <c r="L16" s="2">
        <f>+BIE_c20150910131257!L16</f>
        <v>0.226233346817</v>
      </c>
      <c r="M16" s="2">
        <f>+BIE_c20150910131257!M16</f>
        <v>0.153791226596</v>
      </c>
      <c r="N16" s="2">
        <f>+BIE_c20150910131257!N16</f>
        <v>5.2622178096999997E-2</v>
      </c>
      <c r="O16" s="2">
        <f>+BIE_c20150910131257!O16</f>
        <v>-7.1479251253999995E-2</v>
      </c>
      <c r="P16" s="2">
        <f>+BIE_c20150910131257!P16</f>
        <v>-0.20177122332</v>
      </c>
      <c r="Q16" s="2">
        <f>+BIE_c20150910131257!Q16</f>
        <v>-0.319519687582</v>
      </c>
      <c r="R16" s="2">
        <f>+BIE_c20150910131257!R16</f>
        <v>-0.40377615847999998</v>
      </c>
      <c r="S16" s="2">
        <f>+BIE_c20150910131257!S16</f>
        <v>-0.42620863857699998</v>
      </c>
      <c r="T16" s="2">
        <f>+BIE_c20150910131257!T16</f>
        <v>-0.38775326801400001</v>
      </c>
      <c r="U16" s="2">
        <f>+BIE_c20150910131257!U16</f>
        <v>-0.335821759336</v>
      </c>
      <c r="V16" s="2">
        <f>+BIE_c20150910131257!V16</f>
        <v>-0.30243900915799998</v>
      </c>
      <c r="W16" s="2">
        <f>+BIE_c20150910131257!W16</f>
        <v>-0.286984457601</v>
      </c>
      <c r="X16" s="2">
        <f>+BIE_c20150910131257!X16</f>
        <v>-0.26412189464800001</v>
      </c>
      <c r="Y16" s="2">
        <f>+BIE_c20150910131257!Y16</f>
        <v>-0.20506452389599999</v>
      </c>
      <c r="Z16" s="2">
        <f>+BIE_c20150910131257!Z16</f>
        <v>-0.12109625458000001</v>
      </c>
      <c r="AA16" s="2">
        <f>+BIE_c20150910131257!AA16</f>
        <v>-5.1795900156000003E-2</v>
      </c>
      <c r="AB16" s="2">
        <f>+BIE_c20150910131257!AB16</f>
        <v>-1.8067469881000001E-2</v>
      </c>
      <c r="AC16" s="2">
        <f>+BIE_c20150910131257!AC16</f>
        <v>2.5306638946999999E-2</v>
      </c>
      <c r="AD16" s="2">
        <f>+BIE_c20150910131257!AD16</f>
        <v>0.10593997344</v>
      </c>
      <c r="AE16" s="2">
        <f>+BIE_c20150910131257!AE16</f>
        <v>0.161723964158</v>
      </c>
      <c r="AF16" s="2">
        <f>+BIE_c20150910131257!AF16</f>
        <v>0.185007149264</v>
      </c>
      <c r="AG16" s="2">
        <f>+BIE_c20150910131257!AG16</f>
        <v>0.202457866115</v>
      </c>
      <c r="AH16" s="2">
        <f>+BIE_c20150910131257!AH16</f>
        <v>0.23035045300500001</v>
      </c>
      <c r="AI16" s="2">
        <f>+BIE_c20150910131257!AI16</f>
        <v>0.23612095802399999</v>
      </c>
      <c r="AJ16" s="2">
        <f>+BIE_c20150910131257!AJ16</f>
        <v>0.220342728367</v>
      </c>
      <c r="AK16" s="2">
        <f>+BIE_c20150910131257!AK16</f>
        <v>0.18906166579100001</v>
      </c>
      <c r="AL16" s="2">
        <f>+BIE_c20150910131257!AL16</f>
        <v>0.120803336287</v>
      </c>
      <c r="AM16" s="2">
        <f>+BIE_c20150910131257!AM16</f>
        <v>-1.7179254963000001E-2</v>
      </c>
      <c r="AN16" s="2">
        <f>+BIE_c20150910131257!AN16</f>
        <v>-0.21480134454899999</v>
      </c>
      <c r="AO16" s="2">
        <f>+BIE_c20150910131257!AO16</f>
        <v>-0.41864588744199999</v>
      </c>
      <c r="AP16" s="2">
        <f>+BIE_c20150910131257!AP16</f>
        <v>-0.55219954432100005</v>
      </c>
      <c r="AQ16" s="2">
        <f>+BIE_c20150910131257!AQ16</f>
        <v>-0.57094807814899995</v>
      </c>
      <c r="AR16" s="2">
        <f>+BIE_c20150910131257!AR16</f>
        <v>-0.48423501270899999</v>
      </c>
      <c r="AS16" s="2">
        <f>+BIE_c20150910131257!AS16</f>
        <v>-0.33457726664499998</v>
      </c>
      <c r="AT16" s="2">
        <f>+BIE_c20150910131257!AT16</f>
        <v>-0.16514960247900001</v>
      </c>
      <c r="AU16" s="2">
        <f>+BIE_c20150910131257!AU16</f>
        <v>-1.9897382748999999E-2</v>
      </c>
      <c r="AV16" s="2">
        <f>+BIE_c20150910131257!AV16</f>
        <v>8.0225027817E-2</v>
      </c>
      <c r="AW16" s="2">
        <f>+BIE_c20150910131257!AW16</f>
        <v>0.165978196316</v>
      </c>
      <c r="AX16" s="2">
        <f>+BIE_c20150910131257!AX16</f>
        <v>0.24522739968400001</v>
      </c>
      <c r="AY16" s="2">
        <f>+BIE_c20150910131257!AY16</f>
        <v>0.30565397320600002</v>
      </c>
      <c r="AZ16" s="2">
        <f>+BIE_c20150910131257!AZ16</f>
        <v>0.33263615982400002</v>
      </c>
      <c r="BA16" s="2">
        <f>+BIE_c20150910131257!BA16</f>
        <v>0.32714879521099999</v>
      </c>
      <c r="BB16" s="2">
        <f>+BIE_c20150910131257!BB16</f>
        <v>0.32027277495599998</v>
      </c>
      <c r="BC16" s="2">
        <f>+BIE_c20150910131257!BC16</f>
        <v>0.29915479882399998</v>
      </c>
      <c r="BD16" s="2">
        <f>+BIE_c20150910131257!BD16</f>
        <v>0.28375591942799999</v>
      </c>
      <c r="BE16" s="2">
        <f>+BIE_c20150910131257!BE16</f>
        <v>0.27905029234399997</v>
      </c>
      <c r="BF16" s="2">
        <f>+BIE_c20150910131257!BF16</f>
        <v>0.27718966637600001</v>
      </c>
      <c r="BG16" s="2">
        <f>+BIE_c20150910131257!BG16</f>
        <v>0.27601593534199997</v>
      </c>
      <c r="BH16" s="2">
        <f>+BIE_c20150910131257!BH16</f>
        <v>0.27150729899699999</v>
      </c>
      <c r="BI16" s="2">
        <f>+BIE_c20150910131257!BI16</f>
        <v>0.25659366433300002</v>
      </c>
      <c r="BJ16" s="2">
        <f>+BIE_c20150910131257!BJ16</f>
        <v>0.23578067335</v>
      </c>
      <c r="BK16" s="2">
        <f>+BIE_c20150910131257!BK16</f>
        <v>0.213305982261</v>
      </c>
      <c r="BL16" s="2">
        <f>+BIE_c20150910131257!BL16</f>
        <v>0.17959196474799999</v>
      </c>
      <c r="BM16" s="2">
        <f>+BIE_c20150910131257!BM16</f>
        <v>0.135222306742</v>
      </c>
      <c r="BN16" s="2">
        <f>+BIE_c20150910131257!BN16</f>
        <v>8.3372867362000003E-2</v>
      </c>
      <c r="BO16" s="2">
        <f>+BIE_c20150910131257!BO16</f>
        <v>2.8908986027000001E-2</v>
      </c>
      <c r="BP16" s="2">
        <f>+BIE_c20150910131257!BP16</f>
        <v>-2.3479440125000001E-2</v>
      </c>
      <c r="BQ16" s="2">
        <f>+BIE_c20150910131257!BQ16</f>
        <v>-7.5245935425999999E-2</v>
      </c>
      <c r="BR16" s="2">
        <f>+BIE_c20150910131257!BR16</f>
        <v>-0.12531718979000001</v>
      </c>
      <c r="BS16" s="2">
        <f>+BIE_c20150910131257!BS16</f>
        <v>-0.16773799630899999</v>
      </c>
      <c r="BT16" s="2">
        <f>+BIE_c20150910131257!BT16</f>
        <v>-0.20188047633799999</v>
      </c>
      <c r="BU16" s="2">
        <f>+BIE_c20150910131257!BU16</f>
        <v>-0.225588908965</v>
      </c>
      <c r="BV16" s="2">
        <f>+BIE_c20150910131257!BV16</f>
        <v>-0.2330106076</v>
      </c>
      <c r="BW16" s="2">
        <f>+BIE_c20150910131257!BW16</f>
        <v>-0.22391233416</v>
      </c>
      <c r="BX16" s="2">
        <f>+BIE_c20150910131257!BX16</f>
        <v>-0.19676229469600001</v>
      </c>
      <c r="BY16" s="2">
        <f>+BIE_c20150910131257!BY16</f>
        <v>-0.15726385069099999</v>
      </c>
      <c r="BZ16" s="2">
        <f>+BIE_c20150910131257!BZ16</f>
        <v>-0.112761645759</v>
      </c>
      <c r="CA16" s="2">
        <f>+BIE_c20150910131257!CA16</f>
        <v>-6.8428232655000004E-2</v>
      </c>
      <c r="CB16" s="2">
        <f>+BIE_c20150910131257!CB16</f>
        <v>-3.1884388850999999E-2</v>
      </c>
      <c r="CC16" s="2">
        <f>+BIE_c20150910131257!CC16</f>
        <v>-4.1778719560000002E-3</v>
      </c>
      <c r="CD16" s="2">
        <f>+BIE_c20150910131257!CD16</f>
        <v>1.5788476799000001E-2</v>
      </c>
      <c r="CE16" s="2">
        <f>+BIE_c20150910131257!CE16</f>
        <v>2.9927911655E-2</v>
      </c>
      <c r="CF16" s="2">
        <f>+BIE_c20150910131257!CF16</f>
        <v>4.0819807664E-2</v>
      </c>
      <c r="CG16" s="2">
        <f>+BIE_c20150910131257!CG16</f>
        <v>5.0130700053E-2</v>
      </c>
      <c r="CH16" s="2">
        <f>+BIE_c20150910131257!CH16</f>
        <v>5.7272265768E-2</v>
      </c>
      <c r="CI16" s="2">
        <f>+BIE_c20150910131257!CI16</f>
        <v>6.1873672704000002E-2</v>
      </c>
      <c r="CJ16" s="2">
        <f>+BIE_c20150910131257!CJ16</f>
        <v>6.5148701628000003E-2</v>
      </c>
      <c r="CK16" s="2">
        <f>+BIE_c20150910131257!CK16</f>
        <v>6.8387061735999996E-2</v>
      </c>
      <c r="CL16" s="2">
        <f>+BIE_c20150910131257!CL16</f>
        <v>6.9760720060000003E-2</v>
      </c>
      <c r="CM16" s="2">
        <f>+BIE_c20150910131257!CM16</f>
        <v>6.4771637110000002E-2</v>
      </c>
      <c r="CN16" s="2">
        <f>+BIE_c20150910131257!CN16</f>
        <v>5.9297995114000003E-2</v>
      </c>
      <c r="CO16" s="2">
        <f>+BIE_c20150910131257!CO16</f>
        <v>5.6367923760999999E-2</v>
      </c>
      <c r="CP16" s="2">
        <f>+BIE_c20150910131257!CP16</f>
        <v>5.6639933258E-2</v>
      </c>
      <c r="CQ16" s="2">
        <f>+BIE_c20150910131257!CQ16</f>
        <v>5.9289049901E-2</v>
      </c>
      <c r="CR16" s="2">
        <f>+BIE_c20150910131257!CR16</f>
        <v>6.0911246528E-2</v>
      </c>
      <c r="CS16" s="2">
        <f>+BIE_c20150910131257!CS16</f>
        <v>5.7767673036999999E-2</v>
      </c>
      <c r="CT16" s="2">
        <f>+BIE_c20150910131257!CT16</f>
        <v>5.5528310418999999E-2</v>
      </c>
      <c r="CU16" s="2">
        <f>+BIE_c20150910131257!CU16</f>
        <v>5.8085917234000001E-2</v>
      </c>
      <c r="CV16" s="2">
        <f>+BIE_c20150910131257!CV16</f>
        <v>6.7820394539000003E-2</v>
      </c>
      <c r="CW16" s="2">
        <f>+BIE_c20150910131257!CW16</f>
        <v>8.5520309720999999E-2</v>
      </c>
      <c r="CX16" s="2">
        <f>+BIE_c20150910131257!CX16</f>
        <v>0.109790307921</v>
      </c>
      <c r="CY16" s="2">
        <f>+BIE_c20150910131257!CY16</f>
        <v>0.13645538005399999</v>
      </c>
      <c r="CZ16" s="2">
        <f>+BIE_c20150910131257!CZ16</f>
        <v>0.15578960575799999</v>
      </c>
      <c r="DA16" s="2">
        <f>+BIE_c20150910131257!DA16</f>
        <v>0.155237927581</v>
      </c>
      <c r="DB16" s="2">
        <f>+BIE_c20150910131257!DB16</f>
        <v>0.129678549103</v>
      </c>
      <c r="DC16" s="2">
        <f>+BIE_c20150910131257!DC16</f>
        <v>8.1051417708000006E-2</v>
      </c>
      <c r="DD16" s="2">
        <f>+BIE_c20150910131257!DD16</f>
        <v>1.0540701761E-2</v>
      </c>
      <c r="DE16" s="2">
        <f>+BIE_c20150910131257!DE16</f>
        <v>-8.2029974988000007E-2</v>
      </c>
      <c r="DF16" s="2">
        <f>+BIE_c20150910131257!DF16</f>
        <v>-0.191490743416</v>
      </c>
      <c r="DG16" s="2">
        <f>+BIE_c20150910131257!DG16</f>
        <v>-0.30266185337599999</v>
      </c>
      <c r="DH16" s="2">
        <f>+BIE_c20150910131257!DH16</f>
        <v>-0.40027418866699999</v>
      </c>
      <c r="DI16" s="2">
        <f>+BIE_c20150910131257!DI16</f>
        <v>-0.469482447616</v>
      </c>
      <c r="DJ16" s="2">
        <f>+BIE_c20150910131257!DJ16</f>
        <v>-0.480226330599</v>
      </c>
      <c r="DK16" s="2">
        <f>+BIE_c20150910131257!DK16</f>
        <v>-0.42536278675599998</v>
      </c>
      <c r="DL16" s="2">
        <f>+BIE_c20150910131257!DL16</f>
        <v>-0.32454423454600001</v>
      </c>
      <c r="DM16" s="2">
        <f>+BIE_c20150910131257!DM16</f>
        <v>-0.20537729754299999</v>
      </c>
      <c r="DN16" s="2">
        <f>+BIE_c20150910131257!DN16</f>
        <v>-9.8252354528999997E-2</v>
      </c>
      <c r="DO16" s="2">
        <f>+BIE_c20150910131257!DO16</f>
        <v>-1.7509347298000001E-2</v>
      </c>
      <c r="DP16" s="2">
        <f>+BIE_c20150910131257!DP16</f>
        <v>3.5487757524999997E-2</v>
      </c>
      <c r="DQ16" s="2">
        <f>+BIE_c20150910131257!DQ16</f>
        <v>6.4727281353000002E-2</v>
      </c>
      <c r="DR16" s="2">
        <f>+BIE_c20150910131257!DR16</f>
        <v>7.7583562295999997E-2</v>
      </c>
      <c r="DS16" s="2">
        <f>+BIE_c20150910131257!DS16</f>
        <v>8.0886080644000005E-2</v>
      </c>
      <c r="DT16" s="2">
        <f>+BIE_c20150910131257!DT16</f>
        <v>7.8159635153000007E-2</v>
      </c>
      <c r="DU16" s="2">
        <f>+BIE_c20150910131257!DU16</f>
        <v>7.2127347696000002E-2</v>
      </c>
      <c r="DV16" s="2">
        <f>+BIE_c20150910131257!DV16</f>
        <v>6.3976236074000006E-2</v>
      </c>
      <c r="DW16" s="2">
        <f>+BIE_c20150910131257!DW16</f>
        <v>5.5602227527000003E-2</v>
      </c>
      <c r="DX16" s="2">
        <f>+BIE_c20150910131257!DX16</f>
        <v>4.8347338221E-2</v>
      </c>
      <c r="DY16" s="2">
        <f>+BIE_c20150910131257!DY16</f>
        <v>4.3578863283000001E-2</v>
      </c>
      <c r="DZ16" s="2">
        <f>+BIE_c20150910131257!DZ16</f>
        <v>4.1357643878999997E-2</v>
      </c>
      <c r="EA16" s="2">
        <f>+BIE_c20150910131257!EA16</f>
        <v>4.0747194140999997E-2</v>
      </c>
      <c r="EB16" s="2">
        <f>+BIE_c20150910131257!EB16</f>
        <v>4.1782029296000001E-2</v>
      </c>
      <c r="EC16" s="2">
        <f>+BIE_c20150910131257!EC16</f>
        <v>4.2715398500000001E-2</v>
      </c>
      <c r="ED16" s="2">
        <f>+BIE_c20150910131257!ED16</f>
        <v>4.2684286928999997E-2</v>
      </c>
      <c r="EE16" s="2">
        <f>+BIE_c20150910131257!EE16</f>
        <v>4.3460556752000001E-2</v>
      </c>
      <c r="EF16" s="2">
        <f>+BIE_c20150910131257!EF16</f>
        <v>4.4803072869000003E-2</v>
      </c>
      <c r="EG16" s="2">
        <f>+BIE_c20150910131257!EG16</f>
        <v>4.5288009102000003E-2</v>
      </c>
      <c r="EH16" s="2">
        <f>+BIE_c20150910131257!EH16</f>
        <v>4.4042521750000001E-2</v>
      </c>
      <c r="EI16" s="2">
        <f>+BIE_c20150910131257!EI16</f>
        <v>4.1612221727E-2</v>
      </c>
      <c r="EJ16" s="2">
        <f>+BIE_c20150910131257!EJ16</f>
        <v>3.9093086449000003E-2</v>
      </c>
      <c r="EK16" s="2">
        <f>+BIE_c20150910131257!EK16</f>
        <v>3.82796652E-2</v>
      </c>
      <c r="EL16" s="2">
        <f>+BIE_c20150910131257!EL16</f>
        <v>3.9024086244E-2</v>
      </c>
      <c r="EM16" s="2">
        <f>+BIE_c20150910131257!EM16</f>
        <v>4.1130998596000001E-2</v>
      </c>
      <c r="EN16" s="2">
        <f>+BIE_c20150910131257!EN16</f>
        <v>4.2397484981000003E-2</v>
      </c>
      <c r="EO16" s="2">
        <f>+BIE_c20150910131257!EO16</f>
        <v>4.2202323972000001E-2</v>
      </c>
      <c r="EP16" s="2">
        <f>+BIE_c20150910131257!EP16</f>
        <v>4.1393081935999998E-2</v>
      </c>
      <c r="EQ16" s="2">
        <f>+BIE_c20150910131257!EQ16</f>
        <v>4.1341533533999997E-2</v>
      </c>
      <c r="ER16" s="2">
        <f>+BIE_c20150910131257!ER16</f>
        <v>4.3044588367000002E-2</v>
      </c>
      <c r="ES16" s="2">
        <f>+BIE_c20150910131257!ES16</f>
        <v>4.7110243044000001E-2</v>
      </c>
      <c r="ET16" s="2">
        <f>+BIE_c20150910131257!ET16</f>
        <v>5.3618909069999998E-2</v>
      </c>
      <c r="EU16" s="2">
        <f>+BIE_c20150910131257!EU16</f>
        <v>5.9918607615000001E-2</v>
      </c>
      <c r="EV16" s="2">
        <f>+BIE_c20150910131257!EV16</f>
        <v>6.4887240358999995E-2</v>
      </c>
      <c r="EW16" s="2">
        <f>+BIE_c20150910131257!EW16</f>
        <v>6.6571665427999999E-2</v>
      </c>
      <c r="EX16" s="2">
        <f>+BIE_c20150910131257!EX16</f>
        <v>6.3710914172000005E-2</v>
      </c>
      <c r="EY16" s="2">
        <f>+BIE_c20150910131257!EY16</f>
        <v>5.4658254113000002E-2</v>
      </c>
      <c r="EZ16" s="2">
        <f>+BIE_c20150910131257!EZ16</f>
        <v>3.7576053524000001E-2</v>
      </c>
      <c r="FA16" s="2">
        <f>+BIE_c20150910131257!FA16</f>
        <v>1.2011606871999999E-2</v>
      </c>
      <c r="FB16" s="2">
        <f>+BIE_c20150910131257!FB16</f>
        <v>-1.9892409888999998E-2</v>
      </c>
      <c r="FC16" s="2">
        <f>+BIE_c20150910131257!FC16</f>
        <v>-5.3437370663999999E-2</v>
      </c>
      <c r="FD16" s="2">
        <f>+BIE_c20150910131257!FD16</f>
        <v>-7.9087221297999999E-2</v>
      </c>
      <c r="FE16" s="2">
        <f>+BIE_c20150910131257!FE16</f>
        <v>-8.1936485540999998E-2</v>
      </c>
      <c r="FF16" s="2">
        <f>+BIE_c20150910131257!FF16</f>
        <v>-7.0984588473999993E-2</v>
      </c>
      <c r="FG16" s="2">
        <f>+BIE_c20150910131257!FG16</f>
        <v>-6.1322847919000001E-2</v>
      </c>
      <c r="FH16" s="2">
        <f>+BIE_c20150910131257!FH16</f>
        <v>-6.0627869188999997E-2</v>
      </c>
      <c r="FI16" s="2">
        <f>+BIE_c20150910131257!FI16</f>
        <v>-7.0921264752999993E-2</v>
      </c>
      <c r="FJ16" s="2">
        <f>+BIE_c20150910131257!FJ16</f>
        <v>-8.4455328846000002E-2</v>
      </c>
      <c r="FK16" s="2">
        <f>+BIE_c20150910131257!FK16</f>
        <v>-8.6131294792999996E-2</v>
      </c>
      <c r="FL16" s="2">
        <f>+BIE_c20150910131257!FL16</f>
        <v>-7.4020861992000003E-2</v>
      </c>
      <c r="FM16" s="2">
        <f>+BIE_c20150910131257!FM16</f>
        <v>-5.0146708619000002E-2</v>
      </c>
      <c r="FN16" s="2">
        <f>+BIE_c20150910131257!FN16</f>
        <v>-3.0039327793999999E-2</v>
      </c>
      <c r="FO16" s="2">
        <f>+BIE_c20150910131257!FO16</f>
        <v>-2.2434634354000001E-2</v>
      </c>
      <c r="FP16" s="2">
        <f>+BIE_c20150910131257!FP16</f>
        <v>-3.1941975908999998E-2</v>
      </c>
      <c r="FQ16" s="2">
        <f>+BIE_c20150910131257!FQ16</f>
        <v>-5.7244396320000002E-2</v>
      </c>
      <c r="FR16" s="2">
        <f>+BIE_c20150910131257!FR16</f>
        <v>-9.0457354625E-2</v>
      </c>
      <c r="FS16" s="2">
        <f>+BIE_c20150910131257!FS16</f>
        <v>-0.115355535449</v>
      </c>
      <c r="FT16" s="2">
        <f>+BIE_c20150910131257!FT16</f>
        <v>-0.107399701606</v>
      </c>
      <c r="FU16" s="2">
        <f>+BIE_c20150910131257!FU16</f>
        <v>-7.6981286863000001E-2</v>
      </c>
      <c r="FV16" s="2">
        <f>+BIE_c20150910131257!FV16</f>
        <v>-4.1281619483999998E-2</v>
      </c>
      <c r="FW16" s="2">
        <f>+BIE_c20150910131257!FW16</f>
        <v>-9.0877609429999995E-3</v>
      </c>
      <c r="FX16" s="2">
        <f>+BIE_c20150910131257!FX16</f>
        <v>1.5228575453E-2</v>
      </c>
      <c r="FY16" s="2">
        <f>+BIE_c20150910131257!FY16</f>
        <v>3.0719021523999999E-2</v>
      </c>
      <c r="FZ16" s="2">
        <f>+BIE_c20150910131257!FZ16</f>
        <v>3.8064012071999997E-2</v>
      </c>
      <c r="GA16" s="2">
        <f>+BIE_c20150910131257!GA16</f>
        <v>3.9780012573999997E-2</v>
      </c>
      <c r="GB16" s="2">
        <f>+BIE_c20150910131257!GB16</f>
        <v>3.8276339647000002E-2</v>
      </c>
      <c r="GC16" s="25">
        <f>+BIE_c20150910131257!GC16</f>
        <v>3.5685008227999998E-2</v>
      </c>
      <c r="GD16" s="25">
        <f>+BIE_c20150910131257!GD16</f>
        <v>3.3923081346999999E-2</v>
      </c>
      <c r="GE16" s="25">
        <f>+BIE_c20150910131257!GE16</f>
        <v>3.4834793351000003E-2</v>
      </c>
      <c r="GF16" s="25">
        <f>+BIE_c20150910131257!GF16</f>
        <v>4.0276129300999997E-2</v>
      </c>
      <c r="GG16" s="26">
        <f>+BIE_c20150910131257!GG16</f>
        <v>5.2009752728E-2</v>
      </c>
      <c r="GH16" s="27">
        <f>+BIE_c20150910131257!GH16</f>
        <v>7.1277312004000004E-2</v>
      </c>
      <c r="GI16" s="27">
        <f>+BIE_c20150910131257!GI16</f>
        <v>0.10064626023999999</v>
      </c>
      <c r="GJ16" s="27">
        <f>+BIE_c20150910131257!GJ16</f>
        <v>0.141227580085</v>
      </c>
      <c r="GK16" s="27">
        <f>+BIE_c20150910131257!GK16</f>
        <v>0.186468648589</v>
      </c>
      <c r="GL16" s="27">
        <f>+BIE_c20150910131257!GL16</f>
        <v>0.22329024163299999</v>
      </c>
      <c r="GM16" s="27">
        <f>+BIE_c20150910131257!GM16</f>
        <v>0.24083366913900001</v>
      </c>
      <c r="GN16" s="27">
        <f>+BIE_c20150910131257!GN16</f>
        <v>0.23250753451</v>
      </c>
      <c r="GO16" s="27">
        <f>+BIE_c20150910131257!GO16</f>
        <v>0.20006716896599999</v>
      </c>
      <c r="GP16" s="27">
        <f>+BIE_c20150910131257!GP16</f>
        <v>0.16656649403599999</v>
      </c>
      <c r="GQ16" s="27">
        <f>+BIE_c20150910131257!GQ16</f>
        <v>0.14288022533600001</v>
      </c>
      <c r="GR16" s="27">
        <f>+BIE_c20150910131257!GR16</f>
        <v>0</v>
      </c>
      <c r="GS16" s="26">
        <f>+BIE_c20150910131257!GY16</f>
        <v>0</v>
      </c>
      <c r="GT16" s="26">
        <f>+BIE_c20150910131257!GZ16</f>
        <v>0</v>
      </c>
      <c r="GU16" s="26">
        <f>+BIE_c20150910131257!HA16</f>
        <v>0</v>
      </c>
      <c r="GV16" s="26">
        <f>+BIE_c20150910131257!HB16</f>
        <v>0</v>
      </c>
      <c r="GW16" s="26">
        <f>+BIE_c20150910131257!HC16</f>
        <v>0</v>
      </c>
      <c r="GX16" s="26">
        <f>+BIE_c20150910131257!HD16</f>
        <v>0</v>
      </c>
      <c r="GY16" s="26">
        <f>+BIE_c20150910131257!HE16</f>
        <v>0</v>
      </c>
      <c r="GZ16" s="26">
        <f>+BIE_c20150910131257!HF16</f>
        <v>0</v>
      </c>
      <c r="HA16" s="26">
        <f>+BIE_c20150910131257!HG16</f>
        <v>0</v>
      </c>
      <c r="HB16" s="26">
        <f>+BIE_c20150910131257!HH16</f>
        <v>0</v>
      </c>
      <c r="HC16" s="26">
        <f>+BIE_c20150910131257!HI16</f>
        <v>0</v>
      </c>
      <c r="HD16" s="26">
        <f>+BIE_c20150910131257!HJ16</f>
        <v>0</v>
      </c>
      <c r="HE16" s="26">
        <f>+BIE_c20150910131257!HK16</f>
        <v>0</v>
      </c>
      <c r="HF16" s="26">
        <f>+BIE_c20150910131257!HL16</f>
        <v>0</v>
      </c>
      <c r="HG16" s="26">
        <f>+BIE_c20150910131257!HM16</f>
        <v>0</v>
      </c>
      <c r="HH16" s="26">
        <f>+BIE_c20150910131257!HN16</f>
        <v>0</v>
      </c>
      <c r="HI16" s="26">
        <f>+BIE_c20150910131257!HO16</f>
        <v>0</v>
      </c>
      <c r="HJ16" s="26">
        <f>+BIE_c20150910131257!HP16</f>
        <v>0</v>
      </c>
      <c r="HK16" s="26">
        <f>+BIE_c20150910131257!HQ16</f>
        <v>0</v>
      </c>
      <c r="HL16" s="26">
        <f>+BIE_c20150910131257!HR16</f>
        <v>0</v>
      </c>
      <c r="HM16" s="26">
        <f>+BIE_c20150910131257!HS16</f>
        <v>0</v>
      </c>
      <c r="HN16" s="26">
        <f>+BIE_c20150910131257!HT16</f>
        <v>0</v>
      </c>
      <c r="HO16" s="26">
        <f>+BIE_c20150910131257!HU16</f>
        <v>0</v>
      </c>
      <c r="HP16" s="26">
        <f>+BIE_c20150910131257!HV16</f>
        <v>0</v>
      </c>
      <c r="HQ16" s="26">
        <f>+BIE_c20150910131257!HW16</f>
        <v>0</v>
      </c>
      <c r="HR16" s="26">
        <f>+BIE_c20150910131257!HX16</f>
        <v>0</v>
      </c>
      <c r="HS16" s="26">
        <f>+BIE_c20150910131257!HY16</f>
        <v>0</v>
      </c>
      <c r="HT16" s="26">
        <f>+BIE_c20150910131257!HZ16</f>
        <v>0</v>
      </c>
      <c r="HU16" s="26">
        <f>+BIE_c20150910131257!IA16</f>
        <v>0</v>
      </c>
      <c r="HV16" s="26">
        <f>+BIE_c20150910131257!IB16</f>
        <v>0</v>
      </c>
      <c r="HW16" s="26">
        <f>+BIE_c20150910131257!IC16</f>
        <v>0</v>
      </c>
      <c r="HX16" s="26">
        <f>+BIE_c20150910131257!ID16</f>
        <v>0</v>
      </c>
      <c r="HY16" s="26">
        <f>+BIE_c20150910131257!IE16</f>
        <v>0</v>
      </c>
      <c r="HZ16" s="25">
        <f>+BIE_c20150910131257!IH16</f>
        <v>0</v>
      </c>
      <c r="IA16" s="25">
        <f>+BIE_c20150910131257!II16</f>
        <v>0</v>
      </c>
      <c r="IB16" s="25">
        <f>+BIE_c20150910131257!IJ16</f>
        <v>0</v>
      </c>
      <c r="IC16" s="25">
        <f>+BIE_c20150910131257!IK16</f>
        <v>0</v>
      </c>
      <c r="ID16" s="25">
        <f>+BIE_c20150910131257!IL16</f>
        <v>0</v>
      </c>
      <c r="IE16" s="25">
        <f>+BIE_c20150910131257!IM16</f>
        <v>0</v>
      </c>
      <c r="IF16" s="25">
        <f>+BIE_c20150910131257!IN16</f>
        <v>0</v>
      </c>
      <c r="IG16" s="25">
        <f>+BIE_c20150910131257!IO16</f>
        <v>0</v>
      </c>
      <c r="IH16" s="25">
        <f>+BIE_c20150910131257!IP16</f>
        <v>0</v>
      </c>
      <c r="II16" s="25">
        <f>+BIE_c20150910131257!IQ16</f>
        <v>0</v>
      </c>
      <c r="IJ16" s="25">
        <f>+BIE_c20150910131257!IR16</f>
        <v>0</v>
      </c>
      <c r="IK16" s="25">
        <f>+BIE_c20150910131257!IS16</f>
        <v>0</v>
      </c>
      <c r="IL16" s="25">
        <f>+BIE_c20150910131257!IT16</f>
        <v>0</v>
      </c>
      <c r="IM16" s="25">
        <f>+BIE_c20150910131257!IU16</f>
        <v>0</v>
      </c>
      <c r="IN16" s="25">
        <f>+BIE_c20150910131257!IV16</f>
        <v>0</v>
      </c>
      <c r="IO16" s="25">
        <f>+BIE_c20150910131257!IW16</f>
        <v>0</v>
      </c>
      <c r="IP16" s="25">
        <f>+BIE_c20150910131257!IX16</f>
        <v>0</v>
      </c>
      <c r="IQ16" s="25">
        <f>+BIE_c20150910131257!IY16</f>
        <v>0</v>
      </c>
      <c r="IR16" s="25">
        <f>+BIE_c20150910131257!IZ16</f>
        <v>0</v>
      </c>
      <c r="IS16" s="25">
        <f>+BIE_c20150910131257!JA16</f>
        <v>0</v>
      </c>
      <c r="IT16" s="14"/>
    </row>
    <row r="17" spans="1:254" ht="15.75" customHeight="1" x14ac:dyDescent="0.25">
      <c r="A17" s="6" t="s">
        <v>285</v>
      </c>
      <c r="B17" s="2">
        <f>+BIE_c20150910131257!B17</f>
        <v>8.6709755020000001E-2</v>
      </c>
      <c r="C17" s="2">
        <f>+BIE_c20150910131257!C17</f>
        <v>7.6698321582999995E-2</v>
      </c>
      <c r="D17" s="2">
        <f>+BIE_c20150910131257!D17</f>
        <v>7.5673953177E-2</v>
      </c>
      <c r="E17" s="2">
        <f>+BIE_c20150910131257!E17</f>
        <v>6.1981204891000001E-2</v>
      </c>
      <c r="F17" s="2">
        <f>+BIE_c20150910131257!F17</f>
        <v>3.9888252181999997E-2</v>
      </c>
      <c r="G17" s="2">
        <f>+BIE_c20150910131257!G17</f>
        <v>1.8608133209999999E-2</v>
      </c>
      <c r="H17" s="2">
        <f>+BIE_c20150910131257!H17</f>
        <v>-2.4948718107000001E-2</v>
      </c>
      <c r="I17" s="2">
        <f>+BIE_c20150910131257!I17</f>
        <v>-8.9532745907E-2</v>
      </c>
      <c r="J17" s="2">
        <f>+BIE_c20150910131257!J17</f>
        <v>-0.16675142317800001</v>
      </c>
      <c r="K17" s="2">
        <f>+BIE_c20150910131257!K17</f>
        <v>-0.235256841464</v>
      </c>
      <c r="L17" s="2">
        <f>+BIE_c20150910131257!L17</f>
        <v>-0.273309287663</v>
      </c>
      <c r="M17" s="2">
        <f>+BIE_c20150910131257!M17</f>
        <v>-0.292542363262</v>
      </c>
      <c r="N17" s="2">
        <f>+BIE_c20150910131257!N17</f>
        <v>-0.29512081033400001</v>
      </c>
      <c r="O17" s="2">
        <f>+BIE_c20150910131257!O17</f>
        <v>-0.29185761907500002</v>
      </c>
      <c r="P17" s="2">
        <f>+BIE_c20150910131257!P17</f>
        <v>-0.26878012556899999</v>
      </c>
      <c r="Q17" s="2">
        <f>+BIE_c20150910131257!Q17</f>
        <v>-0.21097694215400001</v>
      </c>
      <c r="R17" s="2">
        <f>+BIE_c20150910131257!R17</f>
        <v>-0.171277507341</v>
      </c>
      <c r="S17" s="2">
        <f>+BIE_c20150910131257!S17</f>
        <v>-0.18321449943199999</v>
      </c>
      <c r="T17" s="2">
        <f>+BIE_c20150910131257!T17</f>
        <v>-0.206975016787</v>
      </c>
      <c r="U17" s="2">
        <f>+BIE_c20150910131257!U17</f>
        <v>-0.211175246889</v>
      </c>
      <c r="V17" s="2">
        <f>+BIE_c20150910131257!V17</f>
        <v>-0.173566934285</v>
      </c>
      <c r="W17" s="2">
        <f>+BIE_c20150910131257!W17</f>
        <v>-7.4885088215000006E-2</v>
      </c>
      <c r="X17" s="2">
        <f>+BIE_c20150910131257!X17</f>
        <v>8.3987770540000003E-3</v>
      </c>
      <c r="Y17" s="2">
        <f>+BIE_c20150910131257!Y17</f>
        <v>3.4618729820999998E-2</v>
      </c>
      <c r="Z17" s="2">
        <f>+BIE_c20150910131257!Z17</f>
        <v>7.4407199610000002E-3</v>
      </c>
      <c r="AA17" s="2">
        <f>+BIE_c20150910131257!AA17</f>
        <v>-5.7665647245E-2</v>
      </c>
      <c r="AB17" s="2">
        <f>+BIE_c20150910131257!AB17</f>
        <v>-0.14745571217100001</v>
      </c>
      <c r="AC17" s="2">
        <f>+BIE_c20150910131257!AC17</f>
        <v>-0.27466760506499999</v>
      </c>
      <c r="AD17" s="2">
        <f>+BIE_c20150910131257!AD17</f>
        <v>-0.39635700550500003</v>
      </c>
      <c r="AE17" s="2">
        <f>+BIE_c20150910131257!AE17</f>
        <v>-0.481456603594</v>
      </c>
      <c r="AF17" s="2">
        <f>+BIE_c20150910131257!AF17</f>
        <v>-0.49573252848499999</v>
      </c>
      <c r="AG17" s="2">
        <f>+BIE_c20150910131257!AG17</f>
        <v>-0.42533911094499999</v>
      </c>
      <c r="AH17" s="2">
        <f>+BIE_c20150910131257!AH17</f>
        <v>-0.32424840016599998</v>
      </c>
      <c r="AI17" s="2">
        <f>+BIE_c20150910131257!AI17</f>
        <v>-0.20513698363499999</v>
      </c>
      <c r="AJ17" s="2">
        <f>+BIE_c20150910131257!AJ17</f>
        <v>-0.101644387563</v>
      </c>
      <c r="AK17" s="2">
        <f>+BIE_c20150910131257!AK17</f>
        <v>-4.5139996724999999E-2</v>
      </c>
      <c r="AL17" s="2">
        <f>+BIE_c20150910131257!AL17</f>
        <v>-1.1011248329999999E-3</v>
      </c>
      <c r="AM17" s="2">
        <f>+BIE_c20150910131257!AM17</f>
        <v>5.8609570893E-2</v>
      </c>
      <c r="AN17" s="2">
        <f>+BIE_c20150910131257!AN17</f>
        <v>0.159874592462</v>
      </c>
      <c r="AO17" s="2">
        <f>+BIE_c20150910131257!AO17</f>
        <v>0.26393726850600002</v>
      </c>
      <c r="AP17" s="2">
        <f>+BIE_c20150910131257!AP17</f>
        <v>0.33104664558300001</v>
      </c>
      <c r="AQ17" s="2">
        <f>+BIE_c20150910131257!AQ17</f>
        <v>0.34869791040600001</v>
      </c>
      <c r="AR17" s="2">
        <f>+BIE_c20150910131257!AR17</f>
        <v>0.32692924393799999</v>
      </c>
      <c r="AS17" s="2">
        <f>+BIE_c20150910131257!AS17</f>
        <v>0.30034469654700002</v>
      </c>
      <c r="AT17" s="2">
        <f>+BIE_c20150910131257!AT17</f>
        <v>0.28430746512799998</v>
      </c>
      <c r="AU17" s="2">
        <f>+BIE_c20150910131257!AU17</f>
        <v>0.26972695134199998</v>
      </c>
      <c r="AV17" s="2">
        <f>+BIE_c20150910131257!AV17</f>
        <v>0.25399990431199998</v>
      </c>
      <c r="AW17" s="2">
        <f>+BIE_c20150910131257!AW17</f>
        <v>0.231832224596</v>
      </c>
      <c r="AX17" s="2">
        <f>+BIE_c20150910131257!AX17</f>
        <v>0.18887285357299999</v>
      </c>
      <c r="AY17" s="2">
        <f>+BIE_c20150910131257!AY17</f>
        <v>0.119739849473</v>
      </c>
      <c r="AZ17" s="2">
        <f>+BIE_c20150910131257!AZ17</f>
        <v>4.7428680803000001E-2</v>
      </c>
      <c r="BA17" s="2">
        <f>+BIE_c20150910131257!BA17</f>
        <v>-5.954148175E-3</v>
      </c>
      <c r="BB17" s="2">
        <f>+BIE_c20150910131257!BB17</f>
        <v>-3.8415173620999998E-2</v>
      </c>
      <c r="BC17" s="2">
        <f>+BIE_c20150910131257!BC17</f>
        <v>-4.1389919630999999E-2</v>
      </c>
      <c r="BD17" s="2">
        <f>+BIE_c20150910131257!BD17</f>
        <v>-2.9736844496E-2</v>
      </c>
      <c r="BE17" s="2">
        <f>+BIE_c20150910131257!BE17</f>
        <v>7.8499034970000003E-3</v>
      </c>
      <c r="BF17" s="2">
        <f>+BIE_c20150910131257!BF17</f>
        <v>6.1370418598999998E-2</v>
      </c>
      <c r="BG17" s="2">
        <f>+BIE_c20150910131257!BG17</f>
        <v>0.10462373106599999</v>
      </c>
      <c r="BH17" s="2">
        <f>+BIE_c20150910131257!BH17</f>
        <v>0.12912146329099999</v>
      </c>
      <c r="BI17" s="2">
        <f>+BIE_c20150910131257!BI17</f>
        <v>0.117500098129</v>
      </c>
      <c r="BJ17" s="2">
        <f>+BIE_c20150910131257!BJ17</f>
        <v>8.1987378962999999E-2</v>
      </c>
      <c r="BK17" s="2">
        <f>+BIE_c20150910131257!BK17</f>
        <v>4.7923106824E-2</v>
      </c>
      <c r="BL17" s="2">
        <f>+BIE_c20150910131257!BL17</f>
        <v>1.9298070258E-2</v>
      </c>
      <c r="BM17" s="2">
        <f>+BIE_c20150910131257!BM17</f>
        <v>8.7972168040000003E-3</v>
      </c>
      <c r="BN17" s="2">
        <f>+BIE_c20150910131257!BN17</f>
        <v>2.2271429002E-2</v>
      </c>
      <c r="BO17" s="2">
        <f>+BIE_c20150910131257!BO17</f>
        <v>3.9670869275999998E-2</v>
      </c>
      <c r="BP17" s="2">
        <f>+BIE_c20150910131257!BP17</f>
        <v>4.8156214449999998E-2</v>
      </c>
      <c r="BQ17" s="2">
        <f>+BIE_c20150910131257!BQ17</f>
        <v>4.8613919143999998E-2</v>
      </c>
      <c r="BR17" s="2">
        <f>+BIE_c20150910131257!BR17</f>
        <v>5.1730149604999998E-2</v>
      </c>
      <c r="BS17" s="2">
        <f>+BIE_c20150910131257!BS17</f>
        <v>6.4467155922000002E-2</v>
      </c>
      <c r="BT17" s="2">
        <f>+BIE_c20150910131257!BT17</f>
        <v>8.9593320919999997E-2</v>
      </c>
      <c r="BU17" s="2">
        <f>+BIE_c20150910131257!BU17</f>
        <v>9.7970306386000003E-2</v>
      </c>
      <c r="BV17" s="2">
        <f>+BIE_c20150910131257!BV17</f>
        <v>8.6569696799999998E-2</v>
      </c>
      <c r="BW17" s="2">
        <f>+BIE_c20150910131257!BW17</f>
        <v>6.1859020296000003E-2</v>
      </c>
      <c r="BX17" s="2">
        <f>+BIE_c20150910131257!BX17</f>
        <v>3.4623722145000001E-2</v>
      </c>
      <c r="BY17" s="2">
        <f>+BIE_c20150910131257!BY17</f>
        <v>8.3892859969999997E-3</v>
      </c>
      <c r="BZ17" s="2">
        <f>+BIE_c20150910131257!BZ17</f>
        <v>-4.9121214640000001E-3</v>
      </c>
      <c r="CA17" s="2">
        <f>+BIE_c20150910131257!CA17</f>
        <v>1.0842982934E-2</v>
      </c>
      <c r="CB17" s="2">
        <f>+BIE_c20150910131257!CB17</f>
        <v>6.2522275742999997E-2</v>
      </c>
      <c r="CC17" s="2">
        <f>+BIE_c20150910131257!CC17</f>
        <v>0.128826211213</v>
      </c>
      <c r="CD17" s="2">
        <f>+BIE_c20150910131257!CD17</f>
        <v>0.18834316399199999</v>
      </c>
      <c r="CE17" s="2">
        <f>+BIE_c20150910131257!CE17</f>
        <v>0.22303109287799999</v>
      </c>
      <c r="CF17" s="2">
        <f>+BIE_c20150910131257!CF17</f>
        <v>0.228272109483</v>
      </c>
      <c r="CG17" s="2">
        <f>+BIE_c20150910131257!CG17</f>
        <v>0.21406259458499999</v>
      </c>
      <c r="CH17" s="2">
        <f>+BIE_c20150910131257!CH17</f>
        <v>0.19049744187500001</v>
      </c>
      <c r="CI17" s="2">
        <f>+BIE_c20150910131257!CI17</f>
        <v>0.17026868637500001</v>
      </c>
      <c r="CJ17" s="2">
        <f>+BIE_c20150910131257!CJ17</f>
        <v>0.15739049334300001</v>
      </c>
      <c r="CK17" s="2">
        <f>+BIE_c20150910131257!CK17</f>
        <v>0.15694871261000001</v>
      </c>
      <c r="CL17" s="2">
        <f>+BIE_c20150910131257!CL17</f>
        <v>0.13882195844799999</v>
      </c>
      <c r="CM17" s="2">
        <f>+BIE_c20150910131257!CM17</f>
        <v>9.8138166673000002E-2</v>
      </c>
      <c r="CN17" s="2">
        <f>+BIE_c20150910131257!CN17</f>
        <v>4.9806411494000002E-2</v>
      </c>
      <c r="CO17" s="2">
        <f>+BIE_c20150910131257!CO17</f>
        <v>4.4406232540000002E-3</v>
      </c>
      <c r="CP17" s="2">
        <f>+BIE_c20150910131257!CP17</f>
        <v>-2.6319594403E-2</v>
      </c>
      <c r="CQ17" s="2">
        <f>+BIE_c20150910131257!CQ17</f>
        <v>-7.0709244052999998E-2</v>
      </c>
      <c r="CR17" s="2">
        <f>+BIE_c20150910131257!CR17</f>
        <v>-0.12768320597300001</v>
      </c>
      <c r="CS17" s="2">
        <f>+BIE_c20150910131257!CS17</f>
        <v>-0.16433578713499999</v>
      </c>
      <c r="CT17" s="2">
        <f>+BIE_c20150910131257!CT17</f>
        <v>-0.18365764134900001</v>
      </c>
      <c r="CU17" s="2">
        <f>+BIE_c20150910131257!CU17</f>
        <v>-0.165627807727</v>
      </c>
      <c r="CV17" s="2">
        <f>+BIE_c20150910131257!CV17</f>
        <v>-0.13978122799500001</v>
      </c>
      <c r="CW17" s="2">
        <f>+BIE_c20150910131257!CW17</f>
        <v>-0.13820990814199999</v>
      </c>
      <c r="CX17" s="2">
        <f>+BIE_c20150910131257!CX17</f>
        <v>-0.20734727841100001</v>
      </c>
      <c r="CY17" s="2">
        <f>+BIE_c20150910131257!CY17</f>
        <v>-0.34578632842500001</v>
      </c>
      <c r="CZ17" s="2">
        <f>+BIE_c20150910131257!CZ17</f>
        <v>-0.51412952114300003</v>
      </c>
      <c r="DA17" s="2">
        <f>+BIE_c20150910131257!DA17</f>
        <v>-0.68785053001300001</v>
      </c>
      <c r="DB17" s="2">
        <f>+BIE_c20150910131257!DB17</f>
        <v>-0.86299891959499997</v>
      </c>
      <c r="DC17" s="2">
        <f>+BIE_c20150910131257!DC17</f>
        <v>-0.96746771688199995</v>
      </c>
      <c r="DD17" s="2">
        <f>+BIE_c20150910131257!DD17</f>
        <v>-0.91296818229700005</v>
      </c>
      <c r="DE17" s="2">
        <f>+BIE_c20150910131257!DE17</f>
        <v>-0.74871296584799996</v>
      </c>
      <c r="DF17" s="2">
        <f>+BIE_c20150910131257!DF17</f>
        <v>-0.54187853800600005</v>
      </c>
      <c r="DG17" s="2">
        <f>+BIE_c20150910131257!DG17</f>
        <v>-0.31063842558900001</v>
      </c>
      <c r="DH17" s="2">
        <f>+BIE_c20150910131257!DH17</f>
        <v>-4.6049052096E-2</v>
      </c>
      <c r="DI17" s="2">
        <f>+BIE_c20150910131257!DI17</f>
        <v>0.21774261026399999</v>
      </c>
      <c r="DJ17" s="2">
        <f>+BIE_c20150910131257!DJ17</f>
        <v>0.39404396528399999</v>
      </c>
      <c r="DK17" s="2">
        <f>+BIE_c20150910131257!DK17</f>
        <v>0.48428405076199998</v>
      </c>
      <c r="DL17" s="2">
        <f>+BIE_c20150910131257!DL17</f>
        <v>0.51811386760800004</v>
      </c>
      <c r="DM17" s="2">
        <f>+BIE_c20150910131257!DM17</f>
        <v>0.51376376021699999</v>
      </c>
      <c r="DN17" s="2">
        <f>+BIE_c20150910131257!DN17</f>
        <v>0.46121000586700001</v>
      </c>
      <c r="DO17" s="2">
        <f>+BIE_c20150910131257!DO17</f>
        <v>0.38209743835600002</v>
      </c>
      <c r="DP17" s="2">
        <f>+BIE_c20150910131257!DP17</f>
        <v>0.29484406785200001</v>
      </c>
      <c r="DQ17" s="2">
        <f>+BIE_c20150910131257!DQ17</f>
        <v>0.209087551787</v>
      </c>
      <c r="DR17" s="2">
        <f>+BIE_c20150910131257!DR17</f>
        <v>0.129004804764</v>
      </c>
      <c r="DS17" s="2">
        <f>+BIE_c20150910131257!DS17</f>
        <v>6.0455284834999998E-2</v>
      </c>
      <c r="DT17" s="2">
        <f>+BIE_c20150910131257!DT17</f>
        <v>8.7378290710000001E-3</v>
      </c>
      <c r="DU17" s="2">
        <f>+BIE_c20150910131257!DU17</f>
        <v>-5.5927301339999999E-2</v>
      </c>
      <c r="DV17" s="2">
        <f>+BIE_c20150910131257!DV17</f>
        <v>-0.11530788131</v>
      </c>
      <c r="DW17" s="2">
        <f>+BIE_c20150910131257!DW17</f>
        <v>-0.114827359723</v>
      </c>
      <c r="DX17" s="2">
        <f>+BIE_c20150910131257!DX17</f>
        <v>-5.1535500523000002E-2</v>
      </c>
      <c r="DY17" s="2">
        <f>+BIE_c20150910131257!DY17</f>
        <v>4.7943606238000001E-2</v>
      </c>
      <c r="DZ17" s="2">
        <f>+BIE_c20150910131257!DZ17</f>
        <v>0.15409278647899999</v>
      </c>
      <c r="EA17" s="2">
        <f>+BIE_c20150910131257!EA17</f>
        <v>0.23641855740600001</v>
      </c>
      <c r="EB17" s="2">
        <f>+BIE_c20150910131257!EB17</f>
        <v>0.278044948683</v>
      </c>
      <c r="EC17" s="2">
        <f>+BIE_c20150910131257!EC17</f>
        <v>0.280215359361</v>
      </c>
      <c r="ED17" s="2">
        <f>+BIE_c20150910131257!ED17</f>
        <v>0.24069914433799999</v>
      </c>
      <c r="EE17" s="2">
        <f>+BIE_c20150910131257!EE17</f>
        <v>0.164277841727</v>
      </c>
      <c r="EF17" s="2">
        <f>+BIE_c20150910131257!EF17</f>
        <v>6.3186622891999999E-2</v>
      </c>
      <c r="EG17" s="2">
        <f>+BIE_c20150910131257!EG17</f>
        <v>-4.0342077107000003E-2</v>
      </c>
      <c r="EH17" s="2">
        <f>+BIE_c20150910131257!EH17</f>
        <v>-0.14558652525099999</v>
      </c>
      <c r="EI17" s="2">
        <f>+BIE_c20150910131257!EI17</f>
        <v>-0.23583560340199999</v>
      </c>
      <c r="EJ17" s="2">
        <f>+BIE_c20150910131257!EJ17</f>
        <v>-0.28509227879299998</v>
      </c>
      <c r="EK17" s="2">
        <f>+BIE_c20150910131257!EK17</f>
        <v>-0.29192049107599999</v>
      </c>
      <c r="EL17" s="2">
        <f>+BIE_c20150910131257!EL17</f>
        <v>-0.21414669612199999</v>
      </c>
      <c r="EM17" s="2">
        <f>+BIE_c20150910131257!EM17</f>
        <v>-9.6849845611999996E-2</v>
      </c>
      <c r="EN17" s="2">
        <f>+BIE_c20150910131257!EN17</f>
        <v>1.4838481104E-2</v>
      </c>
      <c r="EO17" s="2">
        <f>+BIE_c20150910131257!EO17</f>
        <v>0.10153069186999999</v>
      </c>
      <c r="EP17" s="2">
        <f>+BIE_c20150910131257!EP17</f>
        <v>0.15022985924099999</v>
      </c>
      <c r="EQ17" s="2">
        <f>+BIE_c20150910131257!EQ17</f>
        <v>0.14603157604100001</v>
      </c>
      <c r="ER17" s="2">
        <f>+BIE_c20150910131257!ER17</f>
        <v>9.7054470810000001E-2</v>
      </c>
      <c r="ES17" s="2">
        <f>+BIE_c20150910131257!ES17</f>
        <v>2.9212039629E-2</v>
      </c>
      <c r="ET17" s="2">
        <f>+BIE_c20150910131257!ET17</f>
        <v>-2.1673717089999999E-2</v>
      </c>
      <c r="EU17" s="2">
        <f>+BIE_c20150910131257!EU17</f>
        <v>-3.1466946437000001E-2</v>
      </c>
      <c r="EV17" s="2">
        <f>+BIE_c20150910131257!EV17</f>
        <v>-1.2576905637000001E-2</v>
      </c>
      <c r="EW17" s="2">
        <f>+BIE_c20150910131257!EW17</f>
        <v>4.6479870499999999E-3</v>
      </c>
      <c r="EX17" s="2">
        <f>+BIE_c20150910131257!EX17</f>
        <v>7.3134428069999997E-3</v>
      </c>
      <c r="EY17" s="2">
        <f>+BIE_c20150910131257!EY17</f>
        <v>2.7807231599999999E-3</v>
      </c>
      <c r="EZ17" s="2">
        <f>+BIE_c20150910131257!EZ17</f>
        <v>1.5153136823000001E-2</v>
      </c>
      <c r="FA17" s="2">
        <f>+BIE_c20150910131257!FA17</f>
        <v>5.6312919085000003E-2</v>
      </c>
      <c r="FB17" s="2">
        <f>+BIE_c20150910131257!FB17</f>
        <v>0.100576385019</v>
      </c>
      <c r="FC17" s="2">
        <f>+BIE_c20150910131257!FC17</f>
        <v>0.127560346085</v>
      </c>
      <c r="FD17" s="2">
        <f>+BIE_c20150910131257!FD17</f>
        <v>0.13747407219999999</v>
      </c>
      <c r="FE17" s="2">
        <f>+BIE_c20150910131257!FE17</f>
        <v>0.132031431841</v>
      </c>
      <c r="FF17" s="2">
        <f>+BIE_c20150910131257!FF17</f>
        <v>0.117163292802</v>
      </c>
      <c r="FG17" s="2">
        <f>+BIE_c20150910131257!FG17</f>
        <v>9.2021591708999997E-2</v>
      </c>
      <c r="FH17" s="2">
        <f>+BIE_c20150910131257!FH17</f>
        <v>7.7696061873999994E-2</v>
      </c>
      <c r="FI17" s="2">
        <f>+BIE_c20150910131257!FI17</f>
        <v>6.7863289372999999E-2</v>
      </c>
      <c r="FJ17" s="2">
        <f>+BIE_c20150910131257!FJ17</f>
        <v>6.9300107925999999E-2</v>
      </c>
      <c r="FK17" s="2">
        <f>+BIE_c20150910131257!FK17</f>
        <v>7.5633112057999996E-2</v>
      </c>
      <c r="FL17" s="2">
        <f>+BIE_c20150910131257!FL17</f>
        <v>7.5733331084000002E-2</v>
      </c>
      <c r="FM17" s="2">
        <f>+BIE_c20150910131257!FM17</f>
        <v>6.1570218874999999E-2</v>
      </c>
      <c r="FN17" s="2">
        <f>+BIE_c20150910131257!FN17</f>
        <v>4.3699101157E-2</v>
      </c>
      <c r="FO17" s="2">
        <f>+BIE_c20150910131257!FO17</f>
        <v>3.1508702715000003E-2</v>
      </c>
      <c r="FP17" s="2">
        <f>+BIE_c20150910131257!FP17</f>
        <v>2.9532400651999999E-2</v>
      </c>
      <c r="FQ17" s="2">
        <f>+BIE_c20150910131257!FQ17</f>
        <v>2.8341626147000001E-2</v>
      </c>
      <c r="FR17" s="2">
        <f>+BIE_c20150910131257!FR17</f>
        <v>3.0438871494E-2</v>
      </c>
      <c r="FS17" s="2">
        <f>+BIE_c20150910131257!FS17</f>
        <v>2.7677949851999999E-2</v>
      </c>
      <c r="FT17" s="2">
        <f>+BIE_c20150910131257!FT17</f>
        <v>1.3185957171999999E-2</v>
      </c>
      <c r="FU17" s="2">
        <f>+BIE_c20150910131257!FU17</f>
        <v>-3.5303833340000002E-3</v>
      </c>
      <c r="FV17" s="2">
        <f>+BIE_c20150910131257!FV17</f>
        <v>-1.0663302748E-2</v>
      </c>
      <c r="FW17" s="2">
        <f>+BIE_c20150910131257!FW17</f>
        <v>-1.0339807455000001E-2</v>
      </c>
      <c r="FX17" s="2">
        <f>+BIE_c20150910131257!FX17</f>
        <v>1.93134504E-3</v>
      </c>
      <c r="FY17" s="2">
        <f>+BIE_c20150910131257!FY17</f>
        <v>-3.3325454500000001E-3</v>
      </c>
      <c r="FZ17" s="2">
        <f>+BIE_c20150910131257!FZ17</f>
        <v>-1.5236077883E-2</v>
      </c>
      <c r="GA17" s="2">
        <f>+BIE_c20150910131257!GA17</f>
        <v>-2.6962402797999999E-2</v>
      </c>
      <c r="GB17" s="2">
        <f>+BIE_c20150910131257!GB17</f>
        <v>-5.0853134964999998E-2</v>
      </c>
      <c r="GC17" s="25">
        <f>+BIE_c20150910131257!GC17</f>
        <v>-8.1865536170000003E-2</v>
      </c>
      <c r="GD17" s="25">
        <f>+BIE_c20150910131257!GD17</f>
        <v>-0.120769001386</v>
      </c>
      <c r="GE17" s="25">
        <f>+BIE_c20150910131257!GE17</f>
        <v>-0.16440545829100001</v>
      </c>
      <c r="GF17" s="25">
        <f>+BIE_c20150910131257!GF17</f>
        <v>-0.20194667368200001</v>
      </c>
      <c r="GG17" s="26">
        <f>+BIE_c20150910131257!GG17</f>
        <v>-0.22462231943700001</v>
      </c>
      <c r="GH17" s="27">
        <f>+BIE_c20150910131257!GH17</f>
        <v>-0.219739990946</v>
      </c>
      <c r="GI17" s="27">
        <f>+BIE_c20150910131257!GI17</f>
        <v>-0.19075617900399999</v>
      </c>
      <c r="GJ17" s="27">
        <f>+BIE_c20150910131257!GJ17</f>
        <v>-0.177376441015</v>
      </c>
      <c r="GK17" s="27">
        <f>+BIE_c20150910131257!GK17</f>
        <v>-0.176884430393</v>
      </c>
      <c r="GL17" s="27">
        <f>+BIE_c20150910131257!GL17</f>
        <v>-0.15725400147900001</v>
      </c>
      <c r="GM17" s="27">
        <f>+BIE_c20150910131257!GM17</f>
        <v>-9.3697270205000002E-2</v>
      </c>
      <c r="GN17" s="27">
        <f>+BIE_c20150910131257!GN17</f>
        <v>-2.0621122036E-2</v>
      </c>
      <c r="GO17" s="27">
        <f>+BIE_c20150910131257!GO17</f>
        <v>1.9323868702999999E-2</v>
      </c>
      <c r="GP17" s="27">
        <f>+BIE_c20150910131257!GP17</f>
        <v>3.1432029248000003E-2</v>
      </c>
      <c r="GQ17" s="27">
        <f>+BIE_c20150910131257!GQ17</f>
        <v>3.5291566736999999E-2</v>
      </c>
      <c r="GR17" s="27">
        <f>+BIE_c20150910131257!GR17</f>
        <v>0</v>
      </c>
      <c r="GS17" s="26">
        <f>+BIE_c20150910131257!GY17</f>
        <v>0</v>
      </c>
      <c r="GT17" s="26">
        <f>+BIE_c20150910131257!GZ17</f>
        <v>0</v>
      </c>
      <c r="GU17" s="26">
        <f>+BIE_c20150910131257!HA17</f>
        <v>0</v>
      </c>
      <c r="GV17" s="26">
        <f>+BIE_c20150910131257!HB17</f>
        <v>0</v>
      </c>
      <c r="GW17" s="26">
        <f>+BIE_c20150910131257!HC17</f>
        <v>0</v>
      </c>
      <c r="GX17" s="26">
        <f>+BIE_c20150910131257!HD17</f>
        <v>0</v>
      </c>
      <c r="GY17" s="26">
        <f>+BIE_c20150910131257!HE17</f>
        <v>0</v>
      </c>
      <c r="GZ17" s="26">
        <f>+BIE_c20150910131257!HF17</f>
        <v>0</v>
      </c>
      <c r="HA17" s="26">
        <f>+BIE_c20150910131257!HG17</f>
        <v>0</v>
      </c>
      <c r="HB17" s="26">
        <f>+BIE_c20150910131257!HH17</f>
        <v>0</v>
      </c>
      <c r="HC17" s="26">
        <f>+BIE_c20150910131257!HI17</f>
        <v>0</v>
      </c>
      <c r="HD17" s="26">
        <f>+BIE_c20150910131257!HJ17</f>
        <v>0</v>
      </c>
      <c r="HE17" s="26">
        <f>+BIE_c20150910131257!HK17</f>
        <v>0</v>
      </c>
      <c r="HF17" s="26">
        <f>+BIE_c20150910131257!HL17</f>
        <v>0</v>
      </c>
      <c r="HG17" s="26">
        <f>+BIE_c20150910131257!HM17</f>
        <v>0</v>
      </c>
      <c r="HH17" s="26">
        <f>+BIE_c20150910131257!HN17</f>
        <v>0</v>
      </c>
      <c r="HI17" s="26">
        <f>+BIE_c20150910131257!HO17</f>
        <v>0</v>
      </c>
      <c r="HJ17" s="26">
        <f>+BIE_c20150910131257!HP17</f>
        <v>0</v>
      </c>
      <c r="HK17" s="26">
        <f>+BIE_c20150910131257!HQ17</f>
        <v>0</v>
      </c>
      <c r="HL17" s="26">
        <f>+BIE_c20150910131257!HR17</f>
        <v>0</v>
      </c>
      <c r="HM17" s="26">
        <f>+BIE_c20150910131257!HS17</f>
        <v>0</v>
      </c>
      <c r="HN17" s="26">
        <f>+BIE_c20150910131257!HT17</f>
        <v>0</v>
      </c>
      <c r="HO17" s="26">
        <f>+BIE_c20150910131257!HU17</f>
        <v>0</v>
      </c>
      <c r="HP17" s="26">
        <f>+BIE_c20150910131257!HV17</f>
        <v>0</v>
      </c>
      <c r="HQ17" s="26">
        <f>+BIE_c20150910131257!HW17</f>
        <v>0</v>
      </c>
      <c r="HR17" s="26">
        <f>+BIE_c20150910131257!HX17</f>
        <v>0</v>
      </c>
      <c r="HS17" s="26">
        <f>+BIE_c20150910131257!HY17</f>
        <v>0</v>
      </c>
      <c r="HT17" s="26">
        <f>+BIE_c20150910131257!HZ17</f>
        <v>0</v>
      </c>
      <c r="HU17" s="26">
        <f>+BIE_c20150910131257!IA17</f>
        <v>0</v>
      </c>
      <c r="HV17" s="26">
        <f>+BIE_c20150910131257!IB17</f>
        <v>0</v>
      </c>
      <c r="HW17" s="26">
        <f>+BIE_c20150910131257!IC17</f>
        <v>0</v>
      </c>
      <c r="HX17" s="26">
        <f>+BIE_c20150910131257!ID17</f>
        <v>0</v>
      </c>
      <c r="HY17" s="26">
        <f>+BIE_c20150910131257!IE17</f>
        <v>0</v>
      </c>
      <c r="HZ17" s="25">
        <f>+BIE_c20150910131257!IH17</f>
        <v>0</v>
      </c>
      <c r="IA17" s="25">
        <f>+BIE_c20150910131257!II17</f>
        <v>0</v>
      </c>
      <c r="IB17" s="25">
        <f>+BIE_c20150910131257!IJ17</f>
        <v>0</v>
      </c>
      <c r="IC17" s="25">
        <f>+BIE_c20150910131257!IK17</f>
        <v>0</v>
      </c>
      <c r="ID17" s="25">
        <f>+BIE_c20150910131257!IL17</f>
        <v>0</v>
      </c>
      <c r="IE17" s="25">
        <f>+BIE_c20150910131257!IM17</f>
        <v>0</v>
      </c>
      <c r="IF17" s="25">
        <f>+BIE_c20150910131257!IN17</f>
        <v>0</v>
      </c>
      <c r="IG17" s="25">
        <f>+BIE_c20150910131257!IO17</f>
        <v>0</v>
      </c>
      <c r="IH17" s="25">
        <f>+BIE_c20150910131257!IP17</f>
        <v>0</v>
      </c>
      <c r="II17" s="25">
        <f>+BIE_c20150910131257!IQ17</f>
        <v>0</v>
      </c>
      <c r="IJ17" s="25">
        <f>+BIE_c20150910131257!IR17</f>
        <v>0</v>
      </c>
      <c r="IK17" s="25">
        <f>+BIE_c20150910131257!IS17</f>
        <v>0</v>
      </c>
      <c r="IL17" s="25">
        <f>+BIE_c20150910131257!IT17</f>
        <v>0</v>
      </c>
      <c r="IM17" s="25">
        <f>+BIE_c20150910131257!IU17</f>
        <v>0</v>
      </c>
      <c r="IN17" s="25">
        <f>+BIE_c20150910131257!IV17</f>
        <v>0</v>
      </c>
      <c r="IO17" s="25">
        <f>+BIE_c20150910131257!IW17</f>
        <v>0</v>
      </c>
      <c r="IP17" s="25">
        <f>+BIE_c20150910131257!IX17</f>
        <v>0</v>
      </c>
      <c r="IQ17" s="25">
        <f>+BIE_c20150910131257!IY17</f>
        <v>0</v>
      </c>
      <c r="IR17" s="25">
        <f>+BIE_c20150910131257!IZ17</f>
        <v>0</v>
      </c>
      <c r="IS17" s="25">
        <f>+BIE_c20150910131257!JA17</f>
        <v>0</v>
      </c>
      <c r="IT17" s="14"/>
    </row>
    <row r="18" spans="1:254" x14ac:dyDescent="0.25">
      <c r="A18" s="11" t="s">
        <v>282</v>
      </c>
      <c r="B18" s="2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I18" s="2"/>
      <c r="AJ18" s="2"/>
      <c r="AK18" s="2"/>
      <c r="AL18" s="2"/>
      <c r="AM18" s="2"/>
      <c r="AN18" s="2"/>
      <c r="AO18" s="2"/>
      <c r="AP18" s="2"/>
      <c r="AQ18" s="2"/>
      <c r="AR18" s="2"/>
      <c r="AS18" s="2"/>
      <c r="AT18" s="2"/>
      <c r="AU18" s="2"/>
      <c r="AV18" s="2"/>
      <c r="AW18" s="2"/>
      <c r="AX18" s="2"/>
      <c r="AY18" s="2">
        <f>+BIE_c20150910131257!AY18</f>
        <v>0.106461796681</v>
      </c>
      <c r="AZ18" s="2">
        <f>+BIE_c20150910131257!AZ18</f>
        <v>0.11158749912599999</v>
      </c>
      <c r="BA18" s="2">
        <f>+BIE_c20150910131257!BA18</f>
        <v>0.134691906921</v>
      </c>
      <c r="BB18" s="2">
        <f>+BIE_c20150910131257!BB18</f>
        <v>0.133146695521</v>
      </c>
      <c r="BC18" s="2">
        <f>+BIE_c20150910131257!BC18</f>
        <v>0.112169440563</v>
      </c>
      <c r="BD18" s="2">
        <f>+BIE_c20150910131257!BD18</f>
        <v>8.4126005037000004E-2</v>
      </c>
      <c r="BE18" s="2">
        <f>+BIE_c20150910131257!BE18</f>
        <v>6.0401767006000001E-2</v>
      </c>
      <c r="BF18" s="2">
        <f>+BIE_c20150910131257!BF18</f>
        <v>4.1978792102999998E-2</v>
      </c>
      <c r="BG18" s="2">
        <f>+BIE_c20150910131257!BG18</f>
        <v>3.0620674684E-2</v>
      </c>
      <c r="BH18" s="2">
        <f>+BIE_c20150910131257!BH18</f>
        <v>3.0412019783999999E-2</v>
      </c>
      <c r="BI18" s="2">
        <f>+BIE_c20150910131257!BI18</f>
        <v>2.9560773533999999E-2</v>
      </c>
      <c r="BJ18" s="2">
        <f>+BIE_c20150910131257!BJ18</f>
        <v>2.8950660116000001E-2</v>
      </c>
      <c r="BK18" s="2">
        <f>+BIE_c20150910131257!BK18</f>
        <v>2.2080250459999999E-2</v>
      </c>
      <c r="BL18" s="2">
        <f>+BIE_c20150910131257!BL18</f>
        <v>6.289765038E-3</v>
      </c>
      <c r="BM18" s="2">
        <f>+BIE_c20150910131257!BM18</f>
        <v>-7.2868543449999996E-3</v>
      </c>
      <c r="BN18" s="2">
        <f>+BIE_c20150910131257!BN18</f>
        <v>-1.4209658635000001E-2</v>
      </c>
      <c r="BO18" s="2">
        <f>+BIE_c20150910131257!BO18</f>
        <v>-1.2477771306E-2</v>
      </c>
      <c r="BP18" s="2">
        <f>+BIE_c20150910131257!BP18</f>
        <v>3.1586262460000002E-3</v>
      </c>
      <c r="BQ18" s="2">
        <f>+BIE_c20150910131257!BQ18</f>
        <v>3.3359147913000001E-2</v>
      </c>
      <c r="BR18" s="2">
        <f>+BIE_c20150910131257!BR18</f>
        <v>6.9921000304999995E-2</v>
      </c>
      <c r="BS18" s="2">
        <f>+BIE_c20150910131257!BS18</f>
        <v>9.8439592303999998E-2</v>
      </c>
      <c r="BT18" s="2">
        <f>+BIE_c20150910131257!BT18</f>
        <v>0.110441025549</v>
      </c>
      <c r="BU18" s="2">
        <f>+BIE_c20150910131257!BU18</f>
        <v>0.113464626205</v>
      </c>
      <c r="BV18" s="2">
        <f>+BIE_c20150910131257!BV18</f>
        <v>0.107001542151</v>
      </c>
      <c r="BW18" s="2">
        <f>+BIE_c20150910131257!BW18</f>
        <v>9.7260951691000005E-2</v>
      </c>
      <c r="BX18" s="2">
        <f>+BIE_c20150910131257!BX18</f>
        <v>9.1626884490000005E-2</v>
      </c>
      <c r="BY18" s="2">
        <f>+BIE_c20150910131257!BY18</f>
        <v>8.4707089543999997E-2</v>
      </c>
      <c r="BZ18" s="2">
        <f>+BIE_c20150910131257!BZ18</f>
        <v>8.3855431600999994E-2</v>
      </c>
      <c r="CA18" s="2">
        <f>+BIE_c20150910131257!CA18</f>
        <v>9.0558184875000003E-2</v>
      </c>
      <c r="CB18" s="2">
        <f>+BIE_c20150910131257!CB18</f>
        <v>9.5353994159000005E-2</v>
      </c>
      <c r="CC18" s="2">
        <f>+BIE_c20150910131257!CC18</f>
        <v>9.2562139136000005E-2</v>
      </c>
      <c r="CD18" s="2">
        <f>+BIE_c20150910131257!CD18</f>
        <v>9.415420695E-2</v>
      </c>
      <c r="CE18" s="2">
        <f>+BIE_c20150910131257!CE18</f>
        <v>0.100101456698</v>
      </c>
      <c r="CF18" s="2">
        <f>+BIE_c20150910131257!CF18</f>
        <v>0.121640282578</v>
      </c>
      <c r="CG18" s="2">
        <f>+BIE_c20150910131257!CG18</f>
        <v>0.144287257788</v>
      </c>
      <c r="CH18" s="2">
        <f>+BIE_c20150910131257!CH18</f>
        <v>0.13453639728299999</v>
      </c>
      <c r="CI18" s="2">
        <f>+BIE_c20150910131257!CI18</f>
        <v>0.10185876645899999</v>
      </c>
      <c r="CJ18" s="2">
        <f>+BIE_c20150910131257!CJ18</f>
        <v>5.0969521832999999E-2</v>
      </c>
      <c r="CK18" s="2">
        <f>+BIE_c20150910131257!CK18</f>
        <v>2.5425490119999998E-3</v>
      </c>
      <c r="CL18" s="2">
        <f>+BIE_c20150910131257!CL18</f>
        <v>-3.2711592053999997E-2</v>
      </c>
      <c r="CM18" s="2">
        <f>+BIE_c20150910131257!CM18</f>
        <v>-4.8254011919999999E-2</v>
      </c>
      <c r="CN18" s="2">
        <f>+BIE_c20150910131257!CN18</f>
        <v>-5.1355223656000003E-2</v>
      </c>
      <c r="CO18" s="2">
        <f>+BIE_c20150910131257!CO18</f>
        <v>-4.9504897526999998E-2</v>
      </c>
      <c r="CP18" s="2">
        <f>+BIE_c20150910131257!CP18</f>
        <v>-5.4128685024999998E-2</v>
      </c>
      <c r="CQ18" s="2">
        <f>+BIE_c20150910131257!CQ18</f>
        <v>-6.2691192017999997E-2</v>
      </c>
      <c r="CR18" s="2">
        <f>+BIE_c20150910131257!CR18</f>
        <v>-8.9485586502000003E-2</v>
      </c>
      <c r="CS18" s="2">
        <f>+BIE_c20150910131257!CS18</f>
        <v>-0.13713438001200001</v>
      </c>
      <c r="CT18" s="2">
        <f>+BIE_c20150910131257!CT18</f>
        <v>-0.19490249681499999</v>
      </c>
      <c r="CU18" s="2">
        <f>+BIE_c20150910131257!CU18</f>
        <v>-0.253140280213</v>
      </c>
      <c r="CV18" s="2">
        <f>+BIE_c20150910131257!CV18</f>
        <v>-0.28644331590599997</v>
      </c>
      <c r="CW18" s="2">
        <f>+BIE_c20150910131257!CW18</f>
        <v>-0.31023144669000002</v>
      </c>
      <c r="CX18" s="2">
        <f>+BIE_c20150910131257!CX18</f>
        <v>-0.32740727777</v>
      </c>
      <c r="CY18" s="2">
        <f>+BIE_c20150910131257!CY18</f>
        <v>-0.37932134589400002</v>
      </c>
      <c r="CZ18" s="2">
        <f>+BIE_c20150910131257!CZ18</f>
        <v>-0.465285683166</v>
      </c>
      <c r="DA18" s="2">
        <f>+BIE_c20150910131257!DA18</f>
        <v>-0.57853327136800003</v>
      </c>
      <c r="DB18" s="2">
        <f>+BIE_c20150910131257!DB18</f>
        <v>-0.70533751406800005</v>
      </c>
      <c r="DC18" s="2">
        <f>+BIE_c20150910131257!DC18</f>
        <v>-0.774030467497</v>
      </c>
      <c r="DD18" s="2">
        <f>+BIE_c20150910131257!DD18</f>
        <v>-0.72062369732099996</v>
      </c>
      <c r="DE18" s="2">
        <f>+BIE_c20150910131257!DE18</f>
        <v>-0.58258873807</v>
      </c>
      <c r="DF18" s="2">
        <f>+BIE_c20150910131257!DF18</f>
        <v>-0.38503600272400001</v>
      </c>
      <c r="DG18" s="2">
        <f>+BIE_c20150910131257!DG18</f>
        <v>-0.16677975041500001</v>
      </c>
      <c r="DH18" s="2">
        <f>+BIE_c20150910131257!DH18</f>
        <v>4.5963154574999998E-2</v>
      </c>
      <c r="DI18" s="2">
        <f>+BIE_c20150910131257!DI18</f>
        <v>0.206811380214</v>
      </c>
      <c r="DJ18" s="2">
        <f>+BIE_c20150910131257!DJ18</f>
        <v>0.30393008189100001</v>
      </c>
      <c r="DK18" s="2">
        <f>+BIE_c20150910131257!DK18</f>
        <v>0.36696386154999999</v>
      </c>
      <c r="DL18" s="2">
        <f>+BIE_c20150910131257!DL18</f>
        <v>0.39959668199999998</v>
      </c>
      <c r="DM18" s="2">
        <f>+BIE_c20150910131257!DM18</f>
        <v>0.40598529342700002</v>
      </c>
      <c r="DN18" s="2">
        <f>+BIE_c20150910131257!DN18</f>
        <v>0.40052159013999999</v>
      </c>
      <c r="DO18" s="2">
        <f>+BIE_c20150910131257!DO18</f>
        <v>0.38791951358499999</v>
      </c>
      <c r="DP18" s="2">
        <f>+BIE_c20150910131257!DP18</f>
        <v>0.38804430841199999</v>
      </c>
      <c r="DQ18" s="2">
        <f>+BIE_c20150910131257!DQ18</f>
        <v>0.41496077513899998</v>
      </c>
      <c r="DR18" s="2">
        <f>+BIE_c20150910131257!DR18</f>
        <v>0.45015171662800002</v>
      </c>
      <c r="DS18" s="2">
        <f>+BIE_c20150910131257!DS18</f>
        <v>0.495498806663</v>
      </c>
      <c r="DT18" s="2">
        <f>+BIE_c20150910131257!DT18</f>
        <v>0.51521104702800002</v>
      </c>
      <c r="DU18" s="2">
        <f>+BIE_c20150910131257!DU18</f>
        <v>0.48641042254599998</v>
      </c>
      <c r="DV18" s="2">
        <f>+BIE_c20150910131257!DV18</f>
        <v>0.41574692535800001</v>
      </c>
      <c r="DW18" s="2">
        <f>+BIE_c20150910131257!DW18</f>
        <v>0.32433852998000001</v>
      </c>
      <c r="DX18" s="2">
        <f>+BIE_c20150910131257!DX18</f>
        <v>0.23663766959099999</v>
      </c>
      <c r="DY18" s="2">
        <f>+BIE_c20150910131257!DY18</f>
        <v>0.163817230565</v>
      </c>
      <c r="DZ18" s="2">
        <f>+BIE_c20150910131257!DZ18</f>
        <v>0.110868521373</v>
      </c>
      <c r="EA18" s="2">
        <f>+BIE_c20150910131257!EA18</f>
        <v>7.2901492848999994E-2</v>
      </c>
      <c r="EB18" s="2">
        <f>+BIE_c20150910131257!EB18</f>
        <v>4.1052971229999999E-2</v>
      </c>
      <c r="EC18" s="2">
        <f>+BIE_c20150910131257!EC18</f>
        <v>6.8257395480000004E-3</v>
      </c>
      <c r="ED18" s="2">
        <f>+BIE_c20150910131257!ED18</f>
        <v>-3.3852103022E-2</v>
      </c>
      <c r="EE18" s="2">
        <f>+BIE_c20150910131257!EE18</f>
        <v>-7.5621410804999997E-2</v>
      </c>
      <c r="EF18" s="2">
        <f>+BIE_c20150910131257!EF18</f>
        <v>-0.111503940919</v>
      </c>
      <c r="EG18" s="2">
        <f>+BIE_c20150910131257!EG18</f>
        <v>-0.131093357661</v>
      </c>
      <c r="EH18" s="2">
        <f>+BIE_c20150910131257!EH18</f>
        <v>-0.13716926555200001</v>
      </c>
      <c r="EI18" s="2">
        <f>+BIE_c20150910131257!EI18</f>
        <v>-0.147471809004</v>
      </c>
      <c r="EJ18" s="2">
        <f>+BIE_c20150910131257!EJ18</f>
        <v>-0.15968108285999999</v>
      </c>
      <c r="EK18" s="2">
        <f>+BIE_c20150910131257!EK18</f>
        <v>-0.16482828383799999</v>
      </c>
      <c r="EL18" s="2">
        <f>+BIE_c20150910131257!EL18</f>
        <v>-0.141790639977</v>
      </c>
      <c r="EM18" s="2">
        <f>+BIE_c20150910131257!EM18</f>
        <v>-0.106979732328</v>
      </c>
      <c r="EN18" s="2">
        <f>+BIE_c20150910131257!EN18</f>
        <v>-6.7916951062000006E-2</v>
      </c>
      <c r="EO18" s="2">
        <f>+BIE_c20150910131257!EO18</f>
        <v>-4.3063079099E-2</v>
      </c>
      <c r="EP18" s="2">
        <f>+BIE_c20150910131257!EP18</f>
        <v>-2.6978368478E-2</v>
      </c>
      <c r="EQ18" s="2">
        <f>+BIE_c20150910131257!EQ18</f>
        <v>-2.7060726603000001E-2</v>
      </c>
      <c r="ER18" s="2">
        <f>+BIE_c20150910131257!ER18</f>
        <v>-3.8892454212999999E-2</v>
      </c>
      <c r="ES18" s="2">
        <f>+BIE_c20150910131257!ES18</f>
        <v>-4.1832598872999997E-2</v>
      </c>
      <c r="ET18" s="2">
        <f>+BIE_c20150910131257!ET18</f>
        <v>-2.2981582811999999E-2</v>
      </c>
      <c r="EU18" s="2">
        <f>+BIE_c20150910131257!EU18</f>
        <v>2.0131560667999999E-2</v>
      </c>
      <c r="EV18" s="2">
        <f>+BIE_c20150910131257!EV18</f>
        <v>6.7804036314000005E-2</v>
      </c>
      <c r="EW18" s="2">
        <f>+BIE_c20150910131257!EW18</f>
        <v>0.10748755026700001</v>
      </c>
      <c r="EX18" s="2">
        <f>+BIE_c20150910131257!EX18</f>
        <v>0.13009669268099999</v>
      </c>
      <c r="EY18" s="2">
        <f>+BIE_c20150910131257!EY18</f>
        <v>0.140487517704</v>
      </c>
      <c r="EZ18" s="2">
        <f>+BIE_c20150910131257!EZ18</f>
        <v>0.136443576476</v>
      </c>
      <c r="FA18" s="2">
        <f>+BIE_c20150910131257!FA18</f>
        <v>0.11791160613</v>
      </c>
      <c r="FB18" s="2">
        <f>+BIE_c20150910131257!FB18</f>
        <v>8.3187502859000007E-2</v>
      </c>
      <c r="FC18" s="2">
        <f>+BIE_c20150910131257!FC18</f>
        <v>3.5241342531000003E-2</v>
      </c>
      <c r="FD18" s="2">
        <f>+BIE_c20150910131257!FD18</f>
        <v>-1.6406421532999999E-2</v>
      </c>
      <c r="FE18" s="2">
        <f>+BIE_c20150910131257!FE18</f>
        <v>-6.7847828898000007E-2</v>
      </c>
      <c r="FF18" s="2">
        <f>+BIE_c20150910131257!FF18</f>
        <v>-0.118528882888</v>
      </c>
      <c r="FG18" s="2">
        <f>+BIE_c20150910131257!FG18</f>
        <v>-0.168807342438</v>
      </c>
      <c r="FH18" s="2">
        <f>+BIE_c20150910131257!FH18</f>
        <v>-0.20959141839600001</v>
      </c>
      <c r="FI18" s="2">
        <f>+BIE_c20150910131257!FI18</f>
        <v>-0.240680650513</v>
      </c>
      <c r="FJ18" s="2">
        <f>+BIE_c20150910131257!FJ18</f>
        <v>-0.25498551087900001</v>
      </c>
      <c r="FK18" s="2">
        <f>+BIE_c20150910131257!FK18</f>
        <v>-0.22392123465200001</v>
      </c>
      <c r="FL18" s="2">
        <f>+BIE_c20150910131257!FL18</f>
        <v>-0.15626866311099999</v>
      </c>
      <c r="FM18" s="2">
        <f>+BIE_c20150910131257!FM18</f>
        <v>-7.4708331983999995E-2</v>
      </c>
      <c r="FN18" s="2">
        <f>+BIE_c20150910131257!FN18</f>
        <v>-1.0442970459000001E-2</v>
      </c>
      <c r="FO18" s="2">
        <f>+BIE_c20150910131257!FO18</f>
        <v>3.8396212595E-2</v>
      </c>
      <c r="FP18" s="2">
        <f>+BIE_c20150910131257!FP18</f>
        <v>6.7309369849999995E-2</v>
      </c>
      <c r="FQ18" s="2">
        <f>+BIE_c20150910131257!FQ18</f>
        <v>8.1786664260999994E-2</v>
      </c>
      <c r="FR18" s="2">
        <f>+BIE_c20150910131257!FR18</f>
        <v>9.0708457140999996E-2</v>
      </c>
      <c r="FS18" s="2">
        <f>+BIE_c20150910131257!FS18</f>
        <v>9.8914023488000005E-2</v>
      </c>
      <c r="FT18" s="2">
        <f>+BIE_c20150910131257!FT18</f>
        <v>9.7923945419E-2</v>
      </c>
      <c r="FU18" s="2">
        <f>+BIE_c20150910131257!FU18</f>
        <v>7.5837478863999996E-2</v>
      </c>
      <c r="FV18" s="2">
        <f>+BIE_c20150910131257!FV18</f>
        <v>2.4451060691E-2</v>
      </c>
      <c r="FW18" s="2">
        <f>+BIE_c20150910131257!FW18</f>
        <v>-4.2672306939000003E-2</v>
      </c>
      <c r="FX18" s="2">
        <f>+BIE_c20150910131257!FX18</f>
        <v>-0.110992499434</v>
      </c>
      <c r="FY18" s="2">
        <f>+BIE_c20150910131257!FY18</f>
        <v>-0.15015027079500001</v>
      </c>
      <c r="FZ18" s="2">
        <f>+BIE_c20150910131257!FZ18</f>
        <v>-0.15358708753299999</v>
      </c>
      <c r="GA18" s="2">
        <f>+BIE_c20150910131257!GA18</f>
        <v>-0.140847734054</v>
      </c>
      <c r="GB18" s="2">
        <f>+BIE_c20150910131257!GB18</f>
        <v>-0.11193098814499999</v>
      </c>
      <c r="GC18" s="25">
        <f>+BIE_c20150910131257!GC18</f>
        <v>-7.0490924841999994E-2</v>
      </c>
      <c r="GD18" s="25">
        <f>+BIE_c20150910131257!GD18</f>
        <v>-2.6171210534000001E-2</v>
      </c>
      <c r="GE18" s="25">
        <f>+BIE_c20150910131257!GE18</f>
        <v>7.4285043620000001E-3</v>
      </c>
      <c r="GF18" s="25">
        <f>+BIE_c20150910131257!GF18</f>
        <v>3.1370094773999997E-2</v>
      </c>
      <c r="GG18" s="26">
        <f>+BIE_c20150910131257!GG18</f>
        <v>5.2876495870999997E-2</v>
      </c>
      <c r="GH18" s="27">
        <f>+BIE_c20150910131257!GH18</f>
        <v>7.2281859219999994E-2</v>
      </c>
      <c r="GI18" s="27">
        <f>+BIE_c20150910131257!GI18</f>
        <v>7.4022708379000005E-2</v>
      </c>
      <c r="GJ18" s="27">
        <f>+BIE_c20150910131257!GJ18</f>
        <v>4.1606548472000002E-2</v>
      </c>
      <c r="GK18" s="27">
        <f>+BIE_c20150910131257!GK18</f>
        <v>-2.0427313700000001E-4</v>
      </c>
      <c r="GL18" s="27">
        <f>+BIE_c20150910131257!GL18</f>
        <v>-3.2208748575000001E-2</v>
      </c>
      <c r="GM18" s="27">
        <f>+BIE_c20150910131257!GM18</f>
        <v>-3.2872725934000001E-2</v>
      </c>
      <c r="GN18" s="27">
        <f>+BIE_c20150910131257!GN18</f>
        <v>-4.2042768060000001E-3</v>
      </c>
      <c r="GO18" s="27">
        <f>+BIE_c20150910131257!GO18</f>
        <v>3.0809368515000001E-2</v>
      </c>
      <c r="GP18" s="27">
        <f>+BIE_c20150910131257!GP18</f>
        <v>4.7280490326999998E-2</v>
      </c>
      <c r="GQ18" s="27">
        <f>+BIE_c20150910131257!GQ18</f>
        <v>5.3540599257999998E-2</v>
      </c>
      <c r="GR18" s="27">
        <f>+BIE_c20150910131257!GR18</f>
        <v>0</v>
      </c>
      <c r="GS18" s="26">
        <f>+BIE_c20150910131257!GY18</f>
        <v>0</v>
      </c>
      <c r="GT18" s="26">
        <f>+BIE_c20150910131257!GZ18</f>
        <v>0</v>
      </c>
      <c r="GU18" s="26">
        <f>+BIE_c20150910131257!HA18</f>
        <v>0</v>
      </c>
      <c r="GV18" s="26">
        <f>+BIE_c20150910131257!HB18</f>
        <v>0</v>
      </c>
      <c r="GW18" s="26">
        <f>+BIE_c20150910131257!HC18</f>
        <v>0</v>
      </c>
      <c r="GX18" s="26">
        <f>+BIE_c20150910131257!HD18</f>
        <v>0</v>
      </c>
      <c r="GY18" s="26">
        <f>+BIE_c20150910131257!HE18</f>
        <v>0</v>
      </c>
      <c r="GZ18" s="26">
        <f>+BIE_c20150910131257!HF18</f>
        <v>0</v>
      </c>
      <c r="HA18" s="26">
        <f>+BIE_c20150910131257!HG18</f>
        <v>0</v>
      </c>
      <c r="HB18" s="26">
        <f>+BIE_c20150910131257!HH18</f>
        <v>0</v>
      </c>
      <c r="HC18" s="26">
        <f>+BIE_c20150910131257!HI18</f>
        <v>0</v>
      </c>
      <c r="HD18" s="26">
        <f>+BIE_c20150910131257!HJ18</f>
        <v>0</v>
      </c>
      <c r="HE18" s="26">
        <f>+BIE_c20150910131257!HK18</f>
        <v>0</v>
      </c>
      <c r="HF18" s="26">
        <f>+BIE_c20150910131257!HL18</f>
        <v>0</v>
      </c>
      <c r="HG18" s="26">
        <f>+BIE_c20150910131257!HM18</f>
        <v>0</v>
      </c>
      <c r="HH18" s="26">
        <f>+BIE_c20150910131257!HN18</f>
        <v>0</v>
      </c>
      <c r="HI18" s="26">
        <f>+BIE_c20150910131257!HO18</f>
        <v>0</v>
      </c>
      <c r="HJ18" s="26">
        <f>+BIE_c20150910131257!HP18</f>
        <v>0</v>
      </c>
      <c r="HK18" s="26">
        <f>+BIE_c20150910131257!HQ18</f>
        <v>0</v>
      </c>
      <c r="HL18" s="26">
        <f>+BIE_c20150910131257!HR18</f>
        <v>0</v>
      </c>
      <c r="HM18" s="26">
        <f>+BIE_c20150910131257!HS18</f>
        <v>0</v>
      </c>
      <c r="HN18" s="26">
        <f>+BIE_c20150910131257!HT18</f>
        <v>0</v>
      </c>
      <c r="HO18" s="26">
        <f>+BIE_c20150910131257!HU18</f>
        <v>0</v>
      </c>
      <c r="HP18" s="26">
        <f>+BIE_c20150910131257!HV18</f>
        <v>0</v>
      </c>
      <c r="HQ18" s="26">
        <f>+BIE_c20150910131257!HW18</f>
        <v>0</v>
      </c>
      <c r="HR18" s="26">
        <f>+BIE_c20150910131257!HX18</f>
        <v>0</v>
      </c>
      <c r="HS18" s="26">
        <f>+BIE_c20150910131257!HY18</f>
        <v>0</v>
      </c>
      <c r="HT18" s="26">
        <f>+BIE_c20150910131257!HZ18</f>
        <v>0</v>
      </c>
      <c r="HU18" s="26">
        <f>+BIE_c20150910131257!IA18</f>
        <v>0</v>
      </c>
      <c r="HV18" s="26">
        <f>+BIE_c20150910131257!IB18</f>
        <v>0</v>
      </c>
      <c r="HW18" s="26">
        <f>+BIE_c20150910131257!IC18</f>
        <v>0</v>
      </c>
      <c r="HX18" s="26">
        <f>+BIE_c20150910131257!ID18</f>
        <v>0</v>
      </c>
      <c r="HY18" s="26">
        <f>+BIE_c20150910131257!IE18</f>
        <v>0</v>
      </c>
      <c r="HZ18" s="25">
        <f>+BIE_c20150910131257!IH18</f>
        <v>0</v>
      </c>
      <c r="IA18" s="25">
        <f>+BIE_c20150910131257!II18</f>
        <v>0</v>
      </c>
      <c r="IB18" s="25">
        <f>+BIE_c20150910131257!IJ18</f>
        <v>0</v>
      </c>
      <c r="IC18" s="25">
        <f>+BIE_c20150910131257!IK18</f>
        <v>0</v>
      </c>
      <c r="ID18" s="25">
        <f>+BIE_c20150910131257!IL18</f>
        <v>0</v>
      </c>
      <c r="IE18" s="25">
        <f>+BIE_c20150910131257!IM18</f>
        <v>0</v>
      </c>
      <c r="IF18" s="25">
        <f>+BIE_c20150910131257!IN18</f>
        <v>0</v>
      </c>
      <c r="IG18" s="25">
        <f>+BIE_c20150910131257!IO18</f>
        <v>0</v>
      </c>
      <c r="IH18" s="25">
        <f>+BIE_c20150910131257!IP18</f>
        <v>0</v>
      </c>
      <c r="II18" s="25">
        <f>+BIE_c20150910131257!IQ18</f>
        <v>0</v>
      </c>
      <c r="IJ18" s="25">
        <f>+BIE_c20150910131257!IR18</f>
        <v>0</v>
      </c>
      <c r="IK18" s="25">
        <f>+BIE_c20150910131257!IS18</f>
        <v>0</v>
      </c>
      <c r="IL18" s="25">
        <f>+BIE_c20150910131257!IT18</f>
        <v>0</v>
      </c>
      <c r="IM18" s="25">
        <f>+BIE_c20150910131257!IU18</f>
        <v>0</v>
      </c>
      <c r="IN18" s="25">
        <f>+BIE_c20150910131257!IV18</f>
        <v>0</v>
      </c>
      <c r="IO18" s="25">
        <f>+BIE_c20150910131257!IW18</f>
        <v>0</v>
      </c>
      <c r="IP18" s="25">
        <f>+BIE_c20150910131257!IX18</f>
        <v>0</v>
      </c>
      <c r="IQ18" s="25">
        <f>+BIE_c20150910131257!IY18</f>
        <v>0</v>
      </c>
      <c r="IR18" s="25">
        <f>+BIE_c20150910131257!IZ18</f>
        <v>0</v>
      </c>
      <c r="IS18" s="25">
        <f>+BIE_c20150910131257!JA18</f>
        <v>0</v>
      </c>
      <c r="IT18" s="14"/>
    </row>
    <row r="19" spans="1:254" ht="15.75" thickBot="1" x14ac:dyDescent="0.3">
      <c r="A19" s="24" t="s">
        <v>281</v>
      </c>
      <c r="B19" s="19"/>
      <c r="C19" s="19"/>
      <c r="D19" s="19"/>
      <c r="E19" s="19"/>
      <c r="F19" s="19"/>
      <c r="G19" s="19"/>
      <c r="H19" s="19"/>
      <c r="I19" s="19"/>
      <c r="J19" s="19"/>
      <c r="K19" s="19"/>
      <c r="L19" s="19"/>
      <c r="M19" s="19"/>
      <c r="N19" s="19"/>
      <c r="O19" s="19"/>
      <c r="P19" s="19"/>
      <c r="Q19" s="19"/>
      <c r="R19" s="19">
        <f>+BIE_c20150910131257!R19</f>
        <v>-0.14105064076900001</v>
      </c>
      <c r="S19" s="19">
        <f>+BIE_c20150910131257!S19</f>
        <v>-0.10947843761999999</v>
      </c>
      <c r="T19" s="19">
        <f>+BIE_c20150910131257!T19</f>
        <v>-9.3014296452999995E-2</v>
      </c>
      <c r="U19" s="19">
        <f>+BIE_c20150910131257!U19</f>
        <v>-0.15707412249800001</v>
      </c>
      <c r="V19" s="19">
        <f>+BIE_c20150910131257!V19</f>
        <v>-0.28207528813499999</v>
      </c>
      <c r="W19" s="19">
        <f>+BIE_c20150910131257!W19</f>
        <v>-0.37281789339100002</v>
      </c>
      <c r="X19" s="19">
        <f>+BIE_c20150910131257!X19</f>
        <v>-0.41340427286699999</v>
      </c>
      <c r="Y19" s="19">
        <f>+BIE_c20150910131257!Y19</f>
        <v>-0.42265484087499999</v>
      </c>
      <c r="Z19" s="19">
        <f>+BIE_c20150910131257!Z19</f>
        <v>-0.38848383772299999</v>
      </c>
      <c r="AA19" s="19">
        <f>+BIE_c20150910131257!AA19</f>
        <v>-0.26497444693900002</v>
      </c>
      <c r="AB19" s="19">
        <f>+BIE_c20150910131257!AB19</f>
        <v>-7.1602559649000003E-2</v>
      </c>
      <c r="AC19" s="19">
        <f>+BIE_c20150910131257!AC19</f>
        <v>0.10200119144</v>
      </c>
      <c r="AD19" s="19">
        <f>+BIE_c20150910131257!AD19</f>
        <v>0.226484056908</v>
      </c>
      <c r="AE19" s="19">
        <f>+BIE_c20150910131257!AE19</f>
        <v>0.28605621105200002</v>
      </c>
      <c r="AF19" s="19">
        <f>+BIE_c20150910131257!AF19</f>
        <v>0.29638551035499999</v>
      </c>
      <c r="AG19" s="19">
        <f>+BIE_c20150910131257!AG19</f>
        <v>0.25665517066400001</v>
      </c>
      <c r="AH19" s="19">
        <f>+BIE_c20150910131257!AH19</f>
        <v>0.17036773734800001</v>
      </c>
      <c r="AI19" s="19">
        <f>+BIE_c20150910131257!AI19</f>
        <v>6.2530323451E-2</v>
      </c>
      <c r="AJ19" s="19">
        <f>+BIE_c20150910131257!AJ19</f>
        <v>-7.2313284024000002E-2</v>
      </c>
      <c r="AK19" s="19">
        <f>+BIE_c20150910131257!AK19</f>
        <v>-0.23437170869099999</v>
      </c>
      <c r="AL19" s="19">
        <f>+BIE_c20150910131257!AL19</f>
        <v>-0.34557831825300001</v>
      </c>
      <c r="AM19" s="19">
        <f>+BIE_c20150910131257!AM19</f>
        <v>-0.35049091175199998</v>
      </c>
      <c r="AN19" s="19">
        <f>+BIE_c20150910131257!AN19</f>
        <v>-0.25634230274999997</v>
      </c>
      <c r="AO19" s="19">
        <f>+BIE_c20150910131257!AO19</f>
        <v>-9.9901115346000005E-2</v>
      </c>
      <c r="AP19" s="19">
        <f>+BIE_c20150910131257!AP19</f>
        <v>-3.0485483860000001E-3</v>
      </c>
      <c r="AQ19" s="19">
        <f>+BIE_c20150910131257!AQ19</f>
        <v>4.0333396858999997E-2</v>
      </c>
      <c r="AR19" s="19">
        <f>+BIE_c20150910131257!AR19</f>
        <v>3.2695461269999997E-2</v>
      </c>
      <c r="AS19" s="19">
        <f>+BIE_c20150910131257!AS19</f>
        <v>-4.4118678699999999E-4</v>
      </c>
      <c r="AT19" s="19">
        <f>+BIE_c20150910131257!AT19</f>
        <v>-3.3136037112E-2</v>
      </c>
      <c r="AU19" s="19">
        <f>+BIE_c20150910131257!AU19</f>
        <v>-5.3461834804999997E-2</v>
      </c>
      <c r="AV19" s="19">
        <f>+BIE_c20150910131257!AV19</f>
        <v>-6.7731325430000003E-2</v>
      </c>
      <c r="AW19" s="19">
        <f>+BIE_c20150910131257!AW19</f>
        <v>-5.7075648510999999E-2</v>
      </c>
      <c r="AX19" s="19">
        <f>+BIE_c20150910131257!AX19</f>
        <v>-1.6512591239999999E-2</v>
      </c>
      <c r="AY19" s="19">
        <f>+BIE_c20150910131257!AY19</f>
        <v>1.6838827210999999E-2</v>
      </c>
      <c r="AZ19" s="19">
        <f>+BIE_c20150910131257!AZ19</f>
        <v>3.2844227465E-2</v>
      </c>
      <c r="BA19" s="19">
        <f>+BIE_c20150910131257!BA19</f>
        <v>4.7116410256000003E-2</v>
      </c>
      <c r="BB19" s="19">
        <f>+BIE_c20150910131257!BB19</f>
        <v>3.5472735895000003E-2</v>
      </c>
      <c r="BC19" s="19">
        <f>+BIE_c20150910131257!BC19</f>
        <v>4.3343823730000001E-3</v>
      </c>
      <c r="BD19" s="19">
        <f>+BIE_c20150910131257!BD19</f>
        <v>-1.3394450864E-2</v>
      </c>
      <c r="BE19" s="19">
        <f>+BIE_c20150910131257!BE19</f>
        <v>2.4139310309999999E-2</v>
      </c>
      <c r="BF19" s="19">
        <f>+BIE_c20150910131257!BF19</f>
        <v>0.105708699882</v>
      </c>
      <c r="BG19" s="19">
        <f>+BIE_c20150910131257!BG19</f>
        <v>0.18024268885299999</v>
      </c>
      <c r="BH19" s="19">
        <f>+BIE_c20150910131257!BH19</f>
        <v>0.24412544726400001</v>
      </c>
      <c r="BI19" s="19">
        <f>+BIE_c20150910131257!BI19</f>
        <v>0.270049507656</v>
      </c>
      <c r="BJ19" s="19">
        <f>+BIE_c20150910131257!BJ19</f>
        <v>0.230978809644</v>
      </c>
      <c r="BK19" s="19">
        <f>+BIE_c20150910131257!BK19</f>
        <v>0.12809930477699999</v>
      </c>
      <c r="BL19" s="19">
        <f>+BIE_c20150910131257!BL19</f>
        <v>-1.6723049005999999E-2</v>
      </c>
      <c r="BM19" s="19">
        <f>+BIE_c20150910131257!BM19</f>
        <v>-0.110231955635</v>
      </c>
      <c r="BN19" s="19">
        <f>+BIE_c20150910131257!BN19</f>
        <v>-0.12443217003900001</v>
      </c>
      <c r="BO19" s="19">
        <f>+BIE_c20150910131257!BO19</f>
        <v>-6.3350456432999996E-2</v>
      </c>
      <c r="BP19" s="19">
        <f>+BIE_c20150910131257!BP19</f>
        <v>2.3126838130000001E-2</v>
      </c>
      <c r="BQ19" s="19">
        <f>+BIE_c20150910131257!BQ19</f>
        <v>0.12810476830100001</v>
      </c>
      <c r="BR19" s="19">
        <f>+BIE_c20150910131257!BR19</f>
        <v>0.24854560949400001</v>
      </c>
      <c r="BS19" s="19">
        <f>+BIE_c20150910131257!BS19</f>
        <v>0.32188048374099998</v>
      </c>
      <c r="BT19" s="19">
        <f>+BIE_c20150910131257!BT19</f>
        <v>0.34768636102</v>
      </c>
      <c r="BU19" s="19">
        <f>+BIE_c20150910131257!BU19</f>
        <v>0.340488824824</v>
      </c>
      <c r="BV19" s="19">
        <f>+BIE_c20150910131257!BV19</f>
        <v>0.30727612930199999</v>
      </c>
      <c r="BW19" s="19">
        <f>+BIE_c20150910131257!BW19</f>
        <v>0.25156049959799998</v>
      </c>
      <c r="BX19" s="19">
        <f>+BIE_c20150910131257!BX19</f>
        <v>0.17672436815100001</v>
      </c>
      <c r="BY19" s="19">
        <f>+BIE_c20150910131257!BY19</f>
        <v>0.10040978314399999</v>
      </c>
      <c r="BZ19" s="19">
        <f>+BIE_c20150910131257!BZ19</f>
        <v>4.9733637071000002E-2</v>
      </c>
      <c r="CA19" s="19">
        <f>+BIE_c20150910131257!CA19</f>
        <v>2.6222302608E-2</v>
      </c>
      <c r="CB19" s="19">
        <f>+BIE_c20150910131257!CB19</f>
        <v>1.7155295431999999E-2</v>
      </c>
      <c r="CC19" s="19">
        <f>+BIE_c20150910131257!CC19</f>
        <v>-2.7573807940000001E-3</v>
      </c>
      <c r="CD19" s="19">
        <f>+BIE_c20150910131257!CD19</f>
        <v>-2.4805779726999998E-2</v>
      </c>
      <c r="CE19" s="19">
        <f>+BIE_c20150910131257!CE19</f>
        <v>-5.5241581645000003E-2</v>
      </c>
      <c r="CF19" s="19">
        <f>+BIE_c20150910131257!CF19</f>
        <v>-9.0333490505000003E-2</v>
      </c>
      <c r="CG19" s="19">
        <f>+BIE_c20150910131257!CG19</f>
        <v>-0.10543038616</v>
      </c>
      <c r="CH19" s="19">
        <f>+BIE_c20150910131257!CH19</f>
        <v>-9.0748667485999995E-2</v>
      </c>
      <c r="CI19" s="19">
        <f>+BIE_c20150910131257!CI19</f>
        <v>-4.1071347175000002E-2</v>
      </c>
      <c r="CJ19" s="19">
        <f>+BIE_c20150910131257!CJ19</f>
        <v>5.9112787740000002E-3</v>
      </c>
      <c r="CK19" s="19">
        <f>+BIE_c20150910131257!CK19</f>
        <v>3.4805187630999997E-2</v>
      </c>
      <c r="CL19" s="19">
        <f>+BIE_c20150910131257!CL19</f>
        <v>3.8700455814000001E-2</v>
      </c>
      <c r="CM19" s="19">
        <f>+BIE_c20150910131257!CM19</f>
        <v>2.5874761768999999E-2</v>
      </c>
      <c r="CN19" s="19">
        <f>+BIE_c20150910131257!CN19</f>
        <v>1.1375987549000001E-2</v>
      </c>
      <c r="CO19" s="19">
        <f>+BIE_c20150910131257!CO19</f>
        <v>-3.6428877470000001E-3</v>
      </c>
      <c r="CP19" s="19">
        <f>+BIE_c20150910131257!CP19</f>
        <v>-2.2684002976000001E-2</v>
      </c>
      <c r="CQ19" s="19">
        <f>+BIE_c20150910131257!CQ19</f>
        <v>-2.4672563783E-2</v>
      </c>
      <c r="CR19" s="19">
        <f>+BIE_c20150910131257!CR19</f>
        <v>-2.7627053041000001E-2</v>
      </c>
      <c r="CS19" s="19">
        <f>+BIE_c20150910131257!CS19</f>
        <v>-5.0566242402E-2</v>
      </c>
      <c r="CT19" s="19">
        <f>+BIE_c20150910131257!CT19</f>
        <v>-0.11337506366199999</v>
      </c>
      <c r="CU19" s="19">
        <f>+BIE_c20150910131257!CU19</f>
        <v>-0.208947649974</v>
      </c>
      <c r="CV19" s="19">
        <f>+BIE_c20150910131257!CV19</f>
        <v>-0.32509759604799998</v>
      </c>
      <c r="CW19" s="19">
        <f>+BIE_c20150910131257!CW19</f>
        <v>-0.43970326671999999</v>
      </c>
      <c r="CX19" s="19">
        <f>+BIE_c20150910131257!CX19</f>
        <v>-0.50826157505500003</v>
      </c>
      <c r="CY19" s="19">
        <f>+BIE_c20150910131257!CY19</f>
        <v>-0.519643486707</v>
      </c>
      <c r="CZ19" s="19">
        <f>+BIE_c20150910131257!CZ19</f>
        <v>-0.48286727982299998</v>
      </c>
      <c r="DA19" s="19">
        <f>+BIE_c20150910131257!DA19</f>
        <v>-0.42269060926399998</v>
      </c>
      <c r="DB19" s="19">
        <f>+BIE_c20150910131257!DB19</f>
        <v>-0.36775560837499999</v>
      </c>
      <c r="DC19" s="19">
        <f>+BIE_c20150910131257!DC19</f>
        <v>-0.31545539076899998</v>
      </c>
      <c r="DD19" s="19">
        <f>+BIE_c20150910131257!DD19</f>
        <v>-0.25877208501900001</v>
      </c>
      <c r="DE19" s="19">
        <f>+BIE_c20150910131257!DE19</f>
        <v>-0.229716730304</v>
      </c>
      <c r="DF19" s="19">
        <f>+BIE_c20150910131257!DF19</f>
        <v>-0.186892248022</v>
      </c>
      <c r="DG19" s="19">
        <f>+BIE_c20150910131257!DG19</f>
        <v>-0.12566063495400001</v>
      </c>
      <c r="DH19" s="19">
        <f>+BIE_c20150910131257!DH19</f>
        <v>-5.2699899784999997E-2</v>
      </c>
      <c r="DI19" s="19">
        <f>+BIE_c20150910131257!DI19</f>
        <v>9.3888248350000002E-3</v>
      </c>
      <c r="DJ19" s="19">
        <f>+BIE_c20150910131257!DJ19</f>
        <v>3.6587288528999999E-2</v>
      </c>
      <c r="DK19" s="19">
        <f>+BIE_c20150910131257!DK19</f>
        <v>6.0680799260000001E-2</v>
      </c>
      <c r="DL19" s="19">
        <f>+BIE_c20150910131257!DL19</f>
        <v>3.9921999838000002E-2</v>
      </c>
      <c r="DM19" s="19">
        <f>+BIE_c20150910131257!DM19</f>
        <v>-2.0366486553E-2</v>
      </c>
      <c r="DN19" s="19">
        <f>+BIE_c20150910131257!DN19</f>
        <v>-3.8745439620000002E-2</v>
      </c>
      <c r="DO19" s="19">
        <f>+BIE_c20150910131257!DO19</f>
        <v>-1.7324185815999999E-2</v>
      </c>
      <c r="DP19" s="19">
        <f>+BIE_c20150910131257!DP19</f>
        <v>4.3137885932999998E-2</v>
      </c>
      <c r="DQ19" s="19">
        <f>+BIE_c20150910131257!DQ19</f>
        <v>0.106495350191</v>
      </c>
      <c r="DR19" s="19">
        <f>+BIE_c20150910131257!DR19</f>
        <v>0.17129881839300001</v>
      </c>
      <c r="DS19" s="19">
        <f>+BIE_c20150910131257!DS19</f>
        <v>0.21885174181700001</v>
      </c>
      <c r="DT19" s="19">
        <f>+BIE_c20150910131257!DT19</f>
        <v>0.257690829791</v>
      </c>
      <c r="DU19" s="19">
        <f>+BIE_c20150910131257!DU19</f>
        <v>0.28973004786899997</v>
      </c>
      <c r="DV19" s="19">
        <f>+BIE_c20150910131257!DV19</f>
        <v>0.31309166794600002</v>
      </c>
      <c r="DW19" s="19">
        <f>+BIE_c20150910131257!DW19</f>
        <v>0.311883572878</v>
      </c>
      <c r="DX19" s="19">
        <f>+BIE_c20150910131257!DX19</f>
        <v>0.294106947831</v>
      </c>
      <c r="DY19" s="19">
        <f>+BIE_c20150910131257!DY19</f>
        <v>0.28232453570299998</v>
      </c>
      <c r="DZ19" s="19">
        <f>+BIE_c20150910131257!DZ19</f>
        <v>0.25949387403200003</v>
      </c>
      <c r="EA19" s="19">
        <f>+BIE_c20150910131257!EA19</f>
        <v>0.215537693118</v>
      </c>
      <c r="EB19" s="19">
        <f>+BIE_c20150910131257!EB19</f>
        <v>0.16614947723699999</v>
      </c>
      <c r="EC19" s="19">
        <f>+BIE_c20150910131257!EC19</f>
        <v>0.124309983662</v>
      </c>
      <c r="ED19" s="19">
        <f>+BIE_c20150910131257!ED19</f>
        <v>8.5287091273000007E-2</v>
      </c>
      <c r="EE19" s="19">
        <f>+BIE_c20150910131257!EE19</f>
        <v>4.3781873912000002E-2</v>
      </c>
      <c r="EF19" s="19">
        <f>+BIE_c20150910131257!EF19</f>
        <v>-6.7935063830000001E-3</v>
      </c>
      <c r="EG19" s="19">
        <f>+BIE_c20150910131257!EG19</f>
        <v>-3.3461674789000001E-2</v>
      </c>
      <c r="EH19" s="19">
        <f>+BIE_c20150910131257!EH19</f>
        <v>-2.0856769091E-2</v>
      </c>
      <c r="EI19" s="19">
        <f>+BIE_c20150910131257!EI19</f>
        <v>5.76470933E-4</v>
      </c>
      <c r="EJ19" s="19">
        <f>+BIE_c20150910131257!EJ19</f>
        <v>-9.5947143900000002E-4</v>
      </c>
      <c r="EK19" s="19">
        <f>+BIE_c20150910131257!EK19</f>
        <v>-1.2397078237E-2</v>
      </c>
      <c r="EL19" s="19">
        <f>+BIE_c20150910131257!EL19</f>
        <v>-9.8939169930000008E-3</v>
      </c>
      <c r="EM19" s="19">
        <f>+BIE_c20150910131257!EM19</f>
        <v>1.7563140503999999E-2</v>
      </c>
      <c r="EN19" s="19">
        <f>+BIE_c20150910131257!EN19</f>
        <v>5.7463232341000002E-2</v>
      </c>
      <c r="EO19" s="19">
        <f>+BIE_c20150910131257!EO19</f>
        <v>0.11109487112499999</v>
      </c>
      <c r="EP19" s="19">
        <f>+BIE_c20150910131257!EP19</f>
        <v>0.15920015619899999</v>
      </c>
      <c r="EQ19" s="19">
        <f>+BIE_c20150910131257!EQ19</f>
        <v>0.16466596810699999</v>
      </c>
      <c r="ER19" s="19">
        <f>+BIE_c20150910131257!ER19</f>
        <v>0.14245893418399999</v>
      </c>
      <c r="ES19" s="19">
        <f>+BIE_c20150910131257!ES19</f>
        <v>0.109715827682</v>
      </c>
      <c r="ET19" s="19">
        <f>+BIE_c20150910131257!ET19</f>
        <v>5.5608051354000002E-2</v>
      </c>
      <c r="EU19" s="19">
        <f>+BIE_c20150910131257!EU19</f>
        <v>1.3834004916E-2</v>
      </c>
      <c r="EV19" s="19">
        <f>+BIE_c20150910131257!EV19</f>
        <v>1.4015105030000001E-3</v>
      </c>
      <c r="EW19" s="19">
        <f>+BIE_c20150910131257!EW19</f>
        <v>-2.4572424949999999E-3</v>
      </c>
      <c r="EX19" s="19">
        <f>+BIE_c20150910131257!EX19</f>
        <v>8.8213399259999999E-3</v>
      </c>
      <c r="EY19" s="19">
        <f>+BIE_c20150910131257!EY19</f>
        <v>4.9077543422999997E-2</v>
      </c>
      <c r="EZ19" s="19">
        <f>+BIE_c20150910131257!EZ19</f>
        <v>6.8989071198999996E-2</v>
      </c>
      <c r="FA19" s="19">
        <f>+BIE_c20150910131257!FA19</f>
        <v>6.5535873194000005E-2</v>
      </c>
      <c r="FB19" s="19">
        <f>+BIE_c20150910131257!FB19</f>
        <v>1.8534748484999999E-2</v>
      </c>
      <c r="FC19" s="19">
        <f>+BIE_c20150910131257!FC19</f>
        <v>-4.4709890661E-2</v>
      </c>
      <c r="FD19" s="19">
        <f>+BIE_c20150910131257!FD19</f>
        <v>-9.2546613799000005E-2</v>
      </c>
      <c r="FE19" s="19">
        <f>+BIE_c20150910131257!FE19</f>
        <v>-0.118409269562</v>
      </c>
      <c r="FF19" s="19">
        <f>+BIE_c20150910131257!FF19</f>
        <v>-0.13115217007800001</v>
      </c>
      <c r="FG19" s="19">
        <f>+BIE_c20150910131257!FG19</f>
        <v>-0.135485948455</v>
      </c>
      <c r="FH19" s="19">
        <f>+BIE_c20150910131257!FH19</f>
        <v>-0.137301253614</v>
      </c>
      <c r="FI19" s="19">
        <f>+BIE_c20150910131257!FI19</f>
        <v>-0.18790550356800001</v>
      </c>
      <c r="FJ19" s="19">
        <f>+BIE_c20150910131257!FJ19</f>
        <v>-0.26639612331399998</v>
      </c>
      <c r="FK19" s="19">
        <f>+BIE_c20150910131257!FK19</f>
        <v>-0.31859489993899998</v>
      </c>
      <c r="FL19" s="19">
        <f>+BIE_c20150910131257!FL19</f>
        <v>-0.32820098154600003</v>
      </c>
      <c r="FM19" s="19">
        <f>+BIE_c20150910131257!FM19</f>
        <v>-0.28250193836800003</v>
      </c>
      <c r="FN19" s="19">
        <f>+BIE_c20150910131257!FN19</f>
        <v>-0.189565866296</v>
      </c>
      <c r="FO19" s="19">
        <f>+BIE_c20150910131257!FO19</f>
        <v>-4.8186820003000001E-2</v>
      </c>
      <c r="FP19" s="19">
        <f>+BIE_c20150910131257!FP19</f>
        <v>6.0089295748000003E-2</v>
      </c>
      <c r="FQ19" s="19">
        <f>+BIE_c20150910131257!FQ19</f>
        <v>0.106679668297</v>
      </c>
      <c r="FR19" s="19">
        <f>+BIE_c20150910131257!FR19</f>
        <v>0.110036928837</v>
      </c>
      <c r="FS19" s="19">
        <f>+BIE_c20150910131257!FS19</f>
        <v>0.101559454928</v>
      </c>
      <c r="FT19" s="19">
        <f>+BIE_c20150910131257!FT19</f>
        <v>0.106018555615</v>
      </c>
      <c r="FU19" s="19">
        <f>+BIE_c20150910131257!FU19</f>
        <v>0.12134263640200001</v>
      </c>
      <c r="FV19" s="19">
        <f>+BIE_c20150910131257!FV19</f>
        <v>0.133291512779</v>
      </c>
      <c r="FW19" s="19">
        <f>+BIE_c20150910131257!FW19</f>
        <v>0.122327448229</v>
      </c>
      <c r="FX19" s="19">
        <f>+BIE_c20150910131257!FX19</f>
        <v>9.7904692498999996E-2</v>
      </c>
      <c r="FY19" s="19">
        <f>+BIE_c20150910131257!FY19</f>
        <v>5.5955921707999998E-2</v>
      </c>
      <c r="FZ19" s="19">
        <f>+BIE_c20150910131257!FZ19</f>
        <v>2.5377963715E-2</v>
      </c>
      <c r="GA19" s="19">
        <f>+BIE_c20150910131257!GA19</f>
        <v>1.3472767094000001E-2</v>
      </c>
      <c r="GB19" s="19">
        <f>+BIE_c20150910131257!GB19</f>
        <v>-8.6213490539999993E-3</v>
      </c>
      <c r="GC19" s="19">
        <f>+BIE_c20150910131257!GC19</f>
        <v>-3.4866235152999997E-2</v>
      </c>
      <c r="GD19" s="19">
        <f>+BIE_c20150910131257!GD19</f>
        <v>-4.3704736543E-2</v>
      </c>
      <c r="GE19" s="19">
        <f>+BIE_c20150910131257!GE19</f>
        <v>-4.3750955017999998E-2</v>
      </c>
      <c r="GF19" s="19">
        <f>+BIE_c20150910131257!GF19</f>
        <v>-4.3903087588000003E-2</v>
      </c>
      <c r="GG19" s="19">
        <f>+BIE_c20150910131257!GG19</f>
        <v>-2.6090938636E-2</v>
      </c>
      <c r="GH19" s="27">
        <f>+BIE_c20150910131257!GH19</f>
        <v>3.3880236939999998E-3</v>
      </c>
      <c r="GI19" s="27">
        <f>+BIE_c20150910131257!GI19</f>
        <v>2.3137340406999999E-2</v>
      </c>
      <c r="GJ19" s="27">
        <f>+BIE_c20150910131257!GJ19</f>
        <v>1.3922246793E-2</v>
      </c>
      <c r="GK19" s="27">
        <f>+BIE_c20150910131257!GK19</f>
        <v>-1.8636670925000001E-2</v>
      </c>
      <c r="GL19" s="27">
        <f>+BIE_c20150910131257!GL19</f>
        <v>-5.1815241355E-2</v>
      </c>
      <c r="GM19" s="27">
        <f>+BIE_c20150910131257!GM19</f>
        <v>-8.0825641843000007E-2</v>
      </c>
      <c r="GN19" s="27">
        <f>+BIE_c20150910131257!GN19</f>
        <v>-8.8080062378999999E-2</v>
      </c>
      <c r="GO19" s="27">
        <f>+BIE_c20150910131257!GO19</f>
        <v>-7.1331615060999998E-2</v>
      </c>
      <c r="GP19" s="27">
        <f>+BIE_c20150910131257!GP19</f>
        <v>-5.0782604508999997E-2</v>
      </c>
      <c r="GQ19" s="27">
        <f>+BIE_c20150910131257!GQ19</f>
        <v>0</v>
      </c>
      <c r="GR19" s="27">
        <f>+BIE_c20150910131257!GR19</f>
        <v>0</v>
      </c>
      <c r="GS19" s="19">
        <f>+BIE_c20150910131257!GY19</f>
        <v>0</v>
      </c>
      <c r="GT19" s="19">
        <f>+BIE_c20150910131257!GZ19</f>
        <v>0</v>
      </c>
      <c r="GU19" s="19">
        <f>+BIE_c20150910131257!HA19</f>
        <v>0</v>
      </c>
      <c r="GV19" s="19">
        <f>+BIE_c20150910131257!HB19</f>
        <v>0</v>
      </c>
      <c r="GW19" s="19">
        <f>+BIE_c20150910131257!HC19</f>
        <v>0</v>
      </c>
      <c r="GX19" s="19">
        <f>+BIE_c20150910131257!HD19</f>
        <v>0</v>
      </c>
      <c r="GY19" s="19">
        <f>+BIE_c20150910131257!HE19</f>
        <v>0</v>
      </c>
      <c r="GZ19" s="19">
        <f>+BIE_c20150910131257!HF19</f>
        <v>0</v>
      </c>
      <c r="HA19" s="19">
        <f>+BIE_c20150910131257!HG19</f>
        <v>0</v>
      </c>
      <c r="HB19" s="19">
        <f>+BIE_c20150910131257!HH19</f>
        <v>0</v>
      </c>
      <c r="HC19" s="19">
        <f>+BIE_c20150910131257!HI19</f>
        <v>0</v>
      </c>
      <c r="HD19" s="19">
        <f>+BIE_c20150910131257!HJ19</f>
        <v>0</v>
      </c>
      <c r="HE19" s="19">
        <f>+BIE_c20150910131257!HK19</f>
        <v>0</v>
      </c>
      <c r="HF19" s="19">
        <f>+BIE_c20150910131257!HL19</f>
        <v>0</v>
      </c>
      <c r="HG19" s="19">
        <f>+BIE_c20150910131257!HM19</f>
        <v>0</v>
      </c>
      <c r="HH19" s="19">
        <f>+BIE_c20150910131257!HN19</f>
        <v>0</v>
      </c>
      <c r="HI19" s="19">
        <f>+BIE_c20150910131257!HO19</f>
        <v>0</v>
      </c>
      <c r="HJ19" s="19">
        <f>+BIE_c20150910131257!HP19</f>
        <v>0</v>
      </c>
      <c r="HK19" s="19">
        <f>+BIE_c20150910131257!HQ19</f>
        <v>0</v>
      </c>
      <c r="HL19" s="19">
        <f>+BIE_c20150910131257!HR19</f>
        <v>0</v>
      </c>
      <c r="HM19" s="19">
        <f>+BIE_c20150910131257!HS19</f>
        <v>0</v>
      </c>
      <c r="HN19" s="19">
        <f>+BIE_c20150910131257!HT19</f>
        <v>0</v>
      </c>
      <c r="HO19" s="19">
        <f>+BIE_c20150910131257!HU19</f>
        <v>0</v>
      </c>
      <c r="HP19" s="19">
        <f>+BIE_c20150910131257!HV19</f>
        <v>0</v>
      </c>
      <c r="HQ19" s="19">
        <f>+BIE_c20150910131257!HW19</f>
        <v>0</v>
      </c>
      <c r="HR19" s="19">
        <f>+BIE_c20150910131257!HX19</f>
        <v>0</v>
      </c>
      <c r="HS19" s="19">
        <f>+BIE_c20150910131257!HY19</f>
        <v>0</v>
      </c>
      <c r="HT19" s="19">
        <f>+BIE_c20150910131257!HZ19</f>
        <v>0</v>
      </c>
      <c r="HU19" s="19">
        <f>+BIE_c20150910131257!IA19</f>
        <v>0</v>
      </c>
      <c r="HV19" s="19">
        <f>+BIE_c20150910131257!IB19</f>
        <v>0</v>
      </c>
      <c r="HW19" s="19">
        <f>+BIE_c20150910131257!IC19</f>
        <v>0</v>
      </c>
      <c r="HX19" s="19">
        <f>+BIE_c20150910131257!ID19</f>
        <v>0</v>
      </c>
      <c r="HY19" s="19">
        <f>+BIE_c20150910131257!IE19</f>
        <v>0</v>
      </c>
      <c r="HZ19" s="19">
        <f>+BIE_c20150910131257!IH19</f>
        <v>0</v>
      </c>
      <c r="IA19" s="19">
        <f>+BIE_c20150910131257!II19</f>
        <v>0</v>
      </c>
      <c r="IB19" s="19">
        <f>+BIE_c20150910131257!IJ19</f>
        <v>0</v>
      </c>
      <c r="IC19" s="19">
        <f>+BIE_c20150910131257!IK19</f>
        <v>0</v>
      </c>
      <c r="ID19" s="19">
        <f>+BIE_c20150910131257!IL19</f>
        <v>0</v>
      </c>
      <c r="IE19" s="19">
        <f>+BIE_c20150910131257!IM19</f>
        <v>0</v>
      </c>
      <c r="IF19" s="19">
        <f>+BIE_c20150910131257!IN19</f>
        <v>0</v>
      </c>
      <c r="IG19" s="19">
        <f>+BIE_c20150910131257!IO19</f>
        <v>0</v>
      </c>
      <c r="IH19" s="19">
        <f>+BIE_c20150910131257!IP19</f>
        <v>0</v>
      </c>
      <c r="II19" s="19">
        <f>+BIE_c20150910131257!IQ19</f>
        <v>0</v>
      </c>
      <c r="IJ19" s="19">
        <f>+BIE_c20150910131257!IR19</f>
        <v>0</v>
      </c>
      <c r="IK19" s="19">
        <f>+BIE_c20150910131257!IS19</f>
        <v>0</v>
      </c>
      <c r="IL19" s="19">
        <f>+BIE_c20150910131257!IT19</f>
        <v>0</v>
      </c>
      <c r="IM19" s="19">
        <f>+BIE_c20150910131257!IU19</f>
        <v>0</v>
      </c>
      <c r="IN19" s="19">
        <f>+BIE_c20150910131257!IV19</f>
        <v>0</v>
      </c>
      <c r="IO19" s="19">
        <f>+BIE_c20150910131257!IW19</f>
        <v>0</v>
      </c>
      <c r="IP19" s="19">
        <f>+BIE_c20150910131257!IX19</f>
        <v>0</v>
      </c>
      <c r="IQ19" s="19">
        <f>+BIE_c20150910131257!IY19</f>
        <v>0</v>
      </c>
      <c r="IR19" s="19">
        <f>+BIE_c20150910131257!IZ19</f>
        <v>0</v>
      </c>
      <c r="IS19" s="19">
        <f>+BIE_c20150910131257!JA19</f>
        <v>0</v>
      </c>
      <c r="IT19" s="14"/>
    </row>
    <row r="20" spans="1:254" x14ac:dyDescent="0.25">
      <c r="A20" s="32"/>
      <c r="B20" s="32"/>
      <c r="C20" s="32"/>
      <c r="D20" s="32"/>
      <c r="E20" s="32"/>
      <c r="F20" s="32"/>
      <c r="G20" s="32"/>
      <c r="H20" s="32"/>
      <c r="I20" s="32"/>
      <c r="J20" s="32"/>
      <c r="K20" s="32"/>
      <c r="L20" s="32"/>
      <c r="M20" s="32"/>
      <c r="N20" s="32"/>
      <c r="O20" s="32"/>
      <c r="P20" s="32"/>
      <c r="Q20" s="32"/>
    </row>
    <row r="21" spans="1:254" x14ac:dyDescent="0.25">
      <c r="A21" s="29"/>
      <c r="B21" s="29"/>
      <c r="C21" s="29"/>
      <c r="D21" s="29"/>
      <c r="E21" s="29"/>
      <c r="F21" s="29"/>
      <c r="G21" s="29"/>
      <c r="H21" s="29"/>
      <c r="I21" s="29"/>
      <c r="J21" s="29"/>
      <c r="K21" s="29"/>
      <c r="L21" s="29"/>
      <c r="M21" s="29"/>
      <c r="N21" s="29"/>
      <c r="O21" s="29"/>
      <c r="P21" s="29"/>
      <c r="Q21" s="29"/>
    </row>
    <row r="22" spans="1:254" ht="15" customHeight="1" x14ac:dyDescent="0.25">
      <c r="A22" s="30" t="s">
        <v>208</v>
      </c>
      <c r="B22" s="30"/>
      <c r="C22" s="30"/>
      <c r="D22" s="30"/>
      <c r="E22" s="30"/>
      <c r="F22" s="30"/>
      <c r="G22" s="30"/>
      <c r="H22" s="30"/>
      <c r="I22" s="30"/>
      <c r="J22" s="30"/>
      <c r="K22" s="30"/>
      <c r="L22" s="30"/>
      <c r="M22" s="30"/>
      <c r="N22" s="30"/>
      <c r="O22" s="30"/>
      <c r="P22" s="30"/>
      <c r="Q22" s="30"/>
    </row>
    <row r="23" spans="1:254" x14ac:dyDescent="0.25">
      <c r="A23" s="2"/>
    </row>
    <row r="24" spans="1:254" ht="15" customHeight="1" x14ac:dyDescent="0.25">
      <c r="A24" s="29" t="s">
        <v>295</v>
      </c>
      <c r="B24" s="29"/>
    </row>
    <row r="25" spans="1:254" x14ac:dyDescent="0.25">
      <c r="A25" s="2"/>
    </row>
  </sheetData>
  <mergeCells count="6">
    <mergeCell ref="A24:B24"/>
    <mergeCell ref="A1:Q1"/>
    <mergeCell ref="A2:Q2"/>
    <mergeCell ref="A20:Q20"/>
    <mergeCell ref="A21:Q21"/>
    <mergeCell ref="A22:Q22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tabColor rgb="FF00B0F0"/>
  </sheetPr>
  <dimension ref="A1:IT32"/>
  <sheetViews>
    <sheetView tabSelected="1" zoomScale="85" zoomScaleNormal="85" workbookViewId="0">
      <pane xSplit="1" topLeftCell="GK1" activePane="topRight" state="frozen"/>
      <selection pane="topRight" activeCell="GK1" sqref="GJ1:GK1048576"/>
    </sheetView>
  </sheetViews>
  <sheetFormatPr baseColWidth="10" defaultColWidth="9.140625" defaultRowHeight="15" x14ac:dyDescent="0.25"/>
  <cols>
    <col min="1" max="1" width="199.42578125" bestFit="1" customWidth="1"/>
    <col min="2" max="253" width="8.140625" customWidth="1"/>
  </cols>
  <sheetData>
    <row r="1" spans="1:254" x14ac:dyDescent="0.25">
      <c r="A1" s="29"/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29"/>
      <c r="O1" s="29"/>
      <c r="P1" s="29"/>
      <c r="Q1" s="29"/>
    </row>
    <row r="2" spans="1:254" ht="15.75" thickBot="1" x14ac:dyDescent="0.3">
      <c r="A2" s="31" t="s">
        <v>0</v>
      </c>
      <c r="B2" s="31"/>
      <c r="C2" s="31"/>
      <c r="D2" s="31"/>
      <c r="E2" s="31"/>
      <c r="F2" s="31"/>
      <c r="G2" s="31"/>
      <c r="H2" s="31"/>
      <c r="I2" s="31"/>
      <c r="J2" s="31"/>
      <c r="K2" s="31"/>
      <c r="L2" s="31"/>
      <c r="M2" s="31"/>
      <c r="N2" s="31"/>
      <c r="O2" s="31"/>
      <c r="P2" s="31"/>
      <c r="Q2" s="31"/>
    </row>
    <row r="3" spans="1:254" x14ac:dyDescent="0.25">
      <c r="A3" s="3" t="s">
        <v>1</v>
      </c>
      <c r="B3" s="4" t="s">
        <v>2</v>
      </c>
      <c r="C3" s="4" t="s">
        <v>3</v>
      </c>
      <c r="D3" s="4" t="s">
        <v>4</v>
      </c>
      <c r="E3" s="4" t="s">
        <v>5</v>
      </c>
      <c r="F3" s="4" t="s">
        <v>6</v>
      </c>
      <c r="G3" s="4" t="s">
        <v>7</v>
      </c>
      <c r="H3" s="4" t="s">
        <v>8</v>
      </c>
      <c r="I3" s="4" t="s">
        <v>9</v>
      </c>
      <c r="J3" s="4" t="s">
        <v>10</v>
      </c>
      <c r="K3" s="4" t="s">
        <v>11</v>
      </c>
      <c r="L3" s="4" t="s">
        <v>12</v>
      </c>
      <c r="M3" s="4" t="s">
        <v>13</v>
      </c>
      <c r="N3" s="4" t="s">
        <v>14</v>
      </c>
      <c r="O3" s="4" t="s">
        <v>15</v>
      </c>
      <c r="P3" s="4" t="s">
        <v>16</v>
      </c>
      <c r="Q3" s="4" t="s">
        <v>17</v>
      </c>
      <c r="R3" s="4" t="s">
        <v>18</v>
      </c>
      <c r="S3" s="4" t="s">
        <v>19</v>
      </c>
      <c r="T3" s="4" t="s">
        <v>20</v>
      </c>
      <c r="U3" s="4" t="s">
        <v>21</v>
      </c>
      <c r="V3" s="4" t="s">
        <v>22</v>
      </c>
      <c r="W3" s="4" t="s">
        <v>23</v>
      </c>
      <c r="X3" s="4" t="s">
        <v>24</v>
      </c>
      <c r="Y3" s="4" t="s">
        <v>25</v>
      </c>
      <c r="Z3" s="4" t="s">
        <v>26</v>
      </c>
      <c r="AA3" s="4" t="s">
        <v>27</v>
      </c>
      <c r="AB3" s="4" t="s">
        <v>28</v>
      </c>
      <c r="AC3" s="4" t="s">
        <v>29</v>
      </c>
      <c r="AD3" s="4" t="s">
        <v>30</v>
      </c>
      <c r="AE3" s="4" t="s">
        <v>31</v>
      </c>
      <c r="AF3" s="4" t="s">
        <v>32</v>
      </c>
      <c r="AG3" s="4" t="s">
        <v>33</v>
      </c>
      <c r="AH3" s="4" t="s">
        <v>34</v>
      </c>
      <c r="AI3" s="4" t="s">
        <v>35</v>
      </c>
      <c r="AJ3" s="4" t="s">
        <v>36</v>
      </c>
      <c r="AK3" s="4" t="s">
        <v>37</v>
      </c>
      <c r="AL3" s="4" t="s">
        <v>38</v>
      </c>
      <c r="AM3" s="4" t="s">
        <v>39</v>
      </c>
      <c r="AN3" s="4" t="s">
        <v>40</v>
      </c>
      <c r="AO3" s="4" t="s">
        <v>41</v>
      </c>
      <c r="AP3" s="4" t="s">
        <v>42</v>
      </c>
      <c r="AQ3" s="4" t="s">
        <v>43</v>
      </c>
      <c r="AR3" s="4" t="s">
        <v>44</v>
      </c>
      <c r="AS3" s="4" t="s">
        <v>45</v>
      </c>
      <c r="AT3" s="4" t="s">
        <v>46</v>
      </c>
      <c r="AU3" s="4" t="s">
        <v>47</v>
      </c>
      <c r="AV3" s="4" t="s">
        <v>48</v>
      </c>
      <c r="AW3" s="4" t="s">
        <v>49</v>
      </c>
      <c r="AX3" s="4" t="s">
        <v>50</v>
      </c>
      <c r="AY3" s="4" t="s">
        <v>51</v>
      </c>
      <c r="AZ3" s="4" t="s">
        <v>52</v>
      </c>
      <c r="BA3" s="4" t="s">
        <v>53</v>
      </c>
      <c r="BB3" s="4" t="s">
        <v>54</v>
      </c>
      <c r="BC3" s="4" t="s">
        <v>55</v>
      </c>
      <c r="BD3" s="4" t="s">
        <v>56</v>
      </c>
      <c r="BE3" s="4" t="s">
        <v>57</v>
      </c>
      <c r="BF3" s="4" t="s">
        <v>58</v>
      </c>
      <c r="BG3" s="4" t="s">
        <v>59</v>
      </c>
      <c r="BH3" s="4" t="s">
        <v>60</v>
      </c>
      <c r="BI3" s="4" t="s">
        <v>61</v>
      </c>
      <c r="BJ3" s="4" t="s">
        <v>62</v>
      </c>
      <c r="BK3" s="4" t="s">
        <v>63</v>
      </c>
      <c r="BL3" s="4" t="s">
        <v>64</v>
      </c>
      <c r="BM3" s="4" t="s">
        <v>65</v>
      </c>
      <c r="BN3" s="4" t="s">
        <v>66</v>
      </c>
      <c r="BO3" s="4" t="s">
        <v>67</v>
      </c>
      <c r="BP3" s="4" t="s">
        <v>68</v>
      </c>
      <c r="BQ3" s="4" t="s">
        <v>69</v>
      </c>
      <c r="BR3" s="4" t="s">
        <v>70</v>
      </c>
      <c r="BS3" s="4" t="s">
        <v>71</v>
      </c>
      <c r="BT3" s="4" t="s">
        <v>72</v>
      </c>
      <c r="BU3" s="4" t="s">
        <v>73</v>
      </c>
      <c r="BV3" s="4" t="s">
        <v>74</v>
      </c>
      <c r="BW3" s="4" t="s">
        <v>75</v>
      </c>
      <c r="BX3" s="4" t="s">
        <v>76</v>
      </c>
      <c r="BY3" s="4" t="s">
        <v>77</v>
      </c>
      <c r="BZ3" s="4" t="s">
        <v>78</v>
      </c>
      <c r="CA3" s="4" t="s">
        <v>79</v>
      </c>
      <c r="CB3" s="4" t="s">
        <v>80</v>
      </c>
      <c r="CC3" s="4" t="s">
        <v>81</v>
      </c>
      <c r="CD3" s="4" t="s">
        <v>82</v>
      </c>
      <c r="CE3" s="4" t="s">
        <v>83</v>
      </c>
      <c r="CF3" s="4" t="s">
        <v>84</v>
      </c>
      <c r="CG3" s="4" t="s">
        <v>85</v>
      </c>
      <c r="CH3" s="4" t="s">
        <v>86</v>
      </c>
      <c r="CI3" s="4" t="s">
        <v>87</v>
      </c>
      <c r="CJ3" s="4" t="s">
        <v>88</v>
      </c>
      <c r="CK3" s="4" t="s">
        <v>89</v>
      </c>
      <c r="CL3" s="4" t="s">
        <v>90</v>
      </c>
      <c r="CM3" s="4" t="s">
        <v>91</v>
      </c>
      <c r="CN3" s="4" t="s">
        <v>92</v>
      </c>
      <c r="CO3" s="4" t="s">
        <v>93</v>
      </c>
      <c r="CP3" s="4" t="s">
        <v>94</v>
      </c>
      <c r="CQ3" s="4" t="s">
        <v>95</v>
      </c>
      <c r="CR3" s="4" t="s">
        <v>96</v>
      </c>
      <c r="CS3" s="4" t="s">
        <v>97</v>
      </c>
      <c r="CT3" s="4" t="s">
        <v>98</v>
      </c>
      <c r="CU3" s="4" t="s">
        <v>99</v>
      </c>
      <c r="CV3" s="4" t="s">
        <v>100</v>
      </c>
      <c r="CW3" s="4" t="s">
        <v>101</v>
      </c>
      <c r="CX3" s="4" t="s">
        <v>102</v>
      </c>
      <c r="CY3" s="4" t="s">
        <v>103</v>
      </c>
      <c r="CZ3" s="4" t="s">
        <v>104</v>
      </c>
      <c r="DA3" s="4" t="s">
        <v>105</v>
      </c>
      <c r="DB3" s="4" t="s">
        <v>106</v>
      </c>
      <c r="DC3" s="4" t="s">
        <v>107</v>
      </c>
      <c r="DD3" s="4" t="s">
        <v>108</v>
      </c>
      <c r="DE3" s="4" t="s">
        <v>109</v>
      </c>
      <c r="DF3" s="4" t="s">
        <v>110</v>
      </c>
      <c r="DG3" s="4" t="s">
        <v>111</v>
      </c>
      <c r="DH3" s="4" t="s">
        <v>112</v>
      </c>
      <c r="DI3" s="4" t="s">
        <v>113</v>
      </c>
      <c r="DJ3" s="4" t="s">
        <v>114</v>
      </c>
      <c r="DK3" s="4" t="s">
        <v>115</v>
      </c>
      <c r="DL3" s="4" t="s">
        <v>116</v>
      </c>
      <c r="DM3" s="4" t="s">
        <v>117</v>
      </c>
      <c r="DN3" s="4" t="s">
        <v>118</v>
      </c>
      <c r="DO3" s="4" t="s">
        <v>119</v>
      </c>
      <c r="DP3" s="4" t="s">
        <v>120</v>
      </c>
      <c r="DQ3" s="4" t="s">
        <v>121</v>
      </c>
      <c r="DR3" s="4" t="s">
        <v>122</v>
      </c>
      <c r="DS3" s="4" t="s">
        <v>123</v>
      </c>
      <c r="DT3" s="4" t="s">
        <v>124</v>
      </c>
      <c r="DU3" s="4" t="s">
        <v>125</v>
      </c>
      <c r="DV3" s="4" t="s">
        <v>126</v>
      </c>
      <c r="DW3" s="4" t="s">
        <v>127</v>
      </c>
      <c r="DX3" s="4" t="s">
        <v>128</v>
      </c>
      <c r="DY3" s="4" t="s">
        <v>129</v>
      </c>
      <c r="DZ3" s="4" t="s">
        <v>130</v>
      </c>
      <c r="EA3" s="4" t="s">
        <v>131</v>
      </c>
      <c r="EB3" s="4" t="s">
        <v>132</v>
      </c>
      <c r="EC3" s="4" t="s">
        <v>133</v>
      </c>
      <c r="ED3" s="4" t="s">
        <v>134</v>
      </c>
      <c r="EE3" s="4" t="s">
        <v>135</v>
      </c>
      <c r="EF3" s="4" t="s">
        <v>136</v>
      </c>
      <c r="EG3" s="4" t="s">
        <v>137</v>
      </c>
      <c r="EH3" s="4" t="s">
        <v>138</v>
      </c>
      <c r="EI3" s="4" t="s">
        <v>139</v>
      </c>
      <c r="EJ3" s="4" t="s">
        <v>140</v>
      </c>
      <c r="EK3" s="4" t="s">
        <v>141</v>
      </c>
      <c r="EL3" s="4" t="s">
        <v>142</v>
      </c>
      <c r="EM3" s="4" t="s">
        <v>143</v>
      </c>
      <c r="EN3" s="4" t="s">
        <v>144</v>
      </c>
      <c r="EO3" s="4" t="s">
        <v>145</v>
      </c>
      <c r="EP3" s="4" t="s">
        <v>146</v>
      </c>
      <c r="EQ3" s="4" t="s">
        <v>147</v>
      </c>
      <c r="ER3" s="4" t="s">
        <v>148</v>
      </c>
      <c r="ES3" s="4" t="s">
        <v>149</v>
      </c>
      <c r="ET3" s="4" t="s">
        <v>150</v>
      </c>
      <c r="EU3" s="4" t="s">
        <v>151</v>
      </c>
      <c r="EV3" s="4" t="s">
        <v>152</v>
      </c>
      <c r="EW3" s="4" t="s">
        <v>153</v>
      </c>
      <c r="EX3" s="4" t="s">
        <v>154</v>
      </c>
      <c r="EY3" s="4" t="s">
        <v>155</v>
      </c>
      <c r="EZ3" s="4" t="s">
        <v>156</v>
      </c>
      <c r="FA3" s="4" t="s">
        <v>157</v>
      </c>
      <c r="FB3" s="4" t="s">
        <v>158</v>
      </c>
      <c r="FC3" s="4" t="s">
        <v>159</v>
      </c>
      <c r="FD3" s="4" t="s">
        <v>160</v>
      </c>
      <c r="FE3" s="4" t="s">
        <v>161</v>
      </c>
      <c r="FF3" s="4" t="s">
        <v>162</v>
      </c>
      <c r="FG3" s="4" t="s">
        <v>163</v>
      </c>
      <c r="FH3" s="4" t="s">
        <v>164</v>
      </c>
      <c r="FI3" s="4" t="s">
        <v>165</v>
      </c>
      <c r="FJ3" s="4" t="s">
        <v>166</v>
      </c>
      <c r="FK3" s="4" t="s">
        <v>167</v>
      </c>
      <c r="FL3" s="4" t="s">
        <v>168</v>
      </c>
      <c r="FM3" s="4" t="s">
        <v>169</v>
      </c>
      <c r="FN3" s="4" t="s">
        <v>170</v>
      </c>
      <c r="FO3" s="4" t="s">
        <v>171</v>
      </c>
      <c r="FP3" s="4" t="s">
        <v>172</v>
      </c>
      <c r="FQ3" s="4" t="s">
        <v>173</v>
      </c>
      <c r="FR3" s="4" t="s">
        <v>174</v>
      </c>
      <c r="FS3" s="4" t="s">
        <v>175</v>
      </c>
      <c r="FT3" s="4" t="s">
        <v>176</v>
      </c>
      <c r="FU3" s="4" t="s">
        <v>177</v>
      </c>
      <c r="FV3" s="4" t="s">
        <v>178</v>
      </c>
      <c r="FW3" s="4" t="s">
        <v>179</v>
      </c>
      <c r="FX3" s="4" t="s">
        <v>180</v>
      </c>
      <c r="FY3" s="4" t="s">
        <v>181</v>
      </c>
      <c r="FZ3" s="4" t="s">
        <v>182</v>
      </c>
      <c r="GA3" s="4" t="s">
        <v>183</v>
      </c>
      <c r="GB3" s="4" t="s">
        <v>184</v>
      </c>
      <c r="GC3" s="4" t="s">
        <v>185</v>
      </c>
      <c r="GD3" s="4" t="s">
        <v>186</v>
      </c>
      <c r="GE3" s="4" t="s">
        <v>187</v>
      </c>
      <c r="GF3" s="4" t="s">
        <v>188</v>
      </c>
      <c r="GG3" s="4" t="s">
        <v>189</v>
      </c>
      <c r="GH3" s="4" t="s">
        <v>210</v>
      </c>
      <c r="GI3" s="4" t="s">
        <v>211</v>
      </c>
      <c r="GJ3" s="4" t="s">
        <v>212</v>
      </c>
      <c r="GK3" s="4" t="s">
        <v>213</v>
      </c>
      <c r="GL3" s="4" t="s">
        <v>214</v>
      </c>
      <c r="GM3" s="4" t="s">
        <v>215</v>
      </c>
      <c r="GN3" s="4" t="s">
        <v>216</v>
      </c>
      <c r="GO3" s="4" t="s">
        <v>217</v>
      </c>
      <c r="GP3" s="4" t="s">
        <v>218</v>
      </c>
      <c r="GQ3" s="4" t="s">
        <v>219</v>
      </c>
      <c r="GR3" s="4" t="s">
        <v>220</v>
      </c>
      <c r="GS3" s="4" t="s">
        <v>221</v>
      </c>
      <c r="GT3" s="4" t="s">
        <v>222</v>
      </c>
      <c r="GU3" s="4" t="s">
        <v>223</v>
      </c>
      <c r="GV3" s="4" t="s">
        <v>224</v>
      </c>
      <c r="GW3" s="4" t="s">
        <v>225</v>
      </c>
      <c r="GX3" s="4" t="s">
        <v>226</v>
      </c>
      <c r="GY3" s="4" t="s">
        <v>227</v>
      </c>
      <c r="GZ3" s="4" t="s">
        <v>228</v>
      </c>
      <c r="HA3" s="4" t="s">
        <v>229</v>
      </c>
      <c r="HB3" s="4" t="s">
        <v>230</v>
      </c>
      <c r="HC3" s="4" t="s">
        <v>231</v>
      </c>
      <c r="HD3" s="4" t="s">
        <v>232</v>
      </c>
      <c r="HE3" s="4" t="s">
        <v>233</v>
      </c>
      <c r="HF3" s="4" t="s">
        <v>234</v>
      </c>
      <c r="HG3" s="4" t="s">
        <v>235</v>
      </c>
      <c r="HH3" s="4" t="s">
        <v>236</v>
      </c>
      <c r="HI3" s="4" t="s">
        <v>237</v>
      </c>
      <c r="HJ3" s="4" t="s">
        <v>238</v>
      </c>
      <c r="HK3" s="4" t="s">
        <v>239</v>
      </c>
      <c r="HL3" s="4" t="s">
        <v>240</v>
      </c>
      <c r="HM3" s="4" t="s">
        <v>241</v>
      </c>
      <c r="HN3" s="4" t="s">
        <v>242</v>
      </c>
      <c r="HO3" s="4" t="s">
        <v>243</v>
      </c>
      <c r="HP3" s="4" t="s">
        <v>244</v>
      </c>
      <c r="HQ3" s="4" t="s">
        <v>245</v>
      </c>
      <c r="HR3" s="4" t="s">
        <v>246</v>
      </c>
      <c r="HS3" s="4" t="s">
        <v>247</v>
      </c>
      <c r="HT3" s="4" t="s">
        <v>248</v>
      </c>
      <c r="HU3" s="4" t="s">
        <v>249</v>
      </c>
      <c r="HV3" s="4" t="s">
        <v>250</v>
      </c>
      <c r="HW3" s="4" t="s">
        <v>251</v>
      </c>
      <c r="HX3" s="4" t="s">
        <v>252</v>
      </c>
      <c r="HY3" s="4" t="s">
        <v>253</v>
      </c>
      <c r="HZ3" s="4" t="s">
        <v>254</v>
      </c>
      <c r="IA3" s="4" t="s">
        <v>255</v>
      </c>
      <c r="IB3" s="4" t="s">
        <v>256</v>
      </c>
      <c r="IC3" s="4" t="s">
        <v>257</v>
      </c>
      <c r="ID3" s="4" t="s">
        <v>258</v>
      </c>
      <c r="IE3" s="4" t="s">
        <v>259</v>
      </c>
      <c r="IF3" s="4" t="s">
        <v>260</v>
      </c>
      <c r="IG3" s="4" t="s">
        <v>261</v>
      </c>
      <c r="IH3" s="4" t="s">
        <v>262</v>
      </c>
      <c r="II3" s="4" t="s">
        <v>263</v>
      </c>
      <c r="IJ3" s="4" t="s">
        <v>264</v>
      </c>
      <c r="IK3" s="4" t="s">
        <v>265</v>
      </c>
      <c r="IL3" s="4" t="s">
        <v>266</v>
      </c>
      <c r="IM3" s="4" t="s">
        <v>267</v>
      </c>
      <c r="IN3" s="4" t="s">
        <v>268</v>
      </c>
      <c r="IO3" s="4" t="s">
        <v>269</v>
      </c>
      <c r="IP3" s="4" t="s">
        <v>270</v>
      </c>
      <c r="IQ3" s="4" t="s">
        <v>271</v>
      </c>
      <c r="IR3" s="4" t="s">
        <v>272</v>
      </c>
      <c r="IS3" s="4" t="s">
        <v>273</v>
      </c>
      <c r="IT3" s="14"/>
    </row>
    <row r="4" spans="1:254" ht="30" x14ac:dyDescent="0.25">
      <c r="A4" s="11" t="s">
        <v>190</v>
      </c>
      <c r="B4" s="1" t="str">
        <f>IF(AND('Cambios Auto'!B4&gt;0,'Indices Auto'!C4&gt;100),"V",IF(AND('Cambios Auto'!B4&gt;0,'Indices Auto'!C4&lt;100),"A",IF(AND('Cambios Auto'!B4&lt;0,'Indices Auto'!C4&gt;100),"N",IF(AND('Cambios Auto'!B4&lt;0,'Indices Auto'!C4&lt;100),"R","NULL"))))</f>
        <v>V</v>
      </c>
      <c r="C4" s="2" t="str">
        <f>IF(AND('Cambios Auto'!C4&gt;0,'Indices Auto'!D4&gt;100),"V",IF(AND('Cambios Auto'!C4&gt;0,'Indices Auto'!D4&lt;100),"A",IF(AND('Cambios Auto'!C4&lt;0,'Indices Auto'!D4&gt;100),"N",IF(AND('Cambios Auto'!C4&lt;0,'Indices Auto'!D4&lt;100),"R","NULL"))))</f>
        <v>V</v>
      </c>
      <c r="D4" s="2" t="str">
        <f>IF(AND('Cambios Auto'!D4&gt;0,'Indices Auto'!E4&gt;100),"V",IF(AND('Cambios Auto'!D4&gt;0,'Indices Auto'!E4&lt;100),"A",IF(AND('Cambios Auto'!D4&lt;0,'Indices Auto'!E4&gt;100),"N",IF(AND('Cambios Auto'!D4&lt;0,'Indices Auto'!E4&lt;100),"R","NULL"))))</f>
        <v>V</v>
      </c>
      <c r="E4" s="2" t="str">
        <f>IF(AND('Cambios Auto'!E4&gt;0,'Indices Auto'!F4&gt;100),"V",IF(AND('Cambios Auto'!E4&gt;0,'Indices Auto'!F4&lt;100),"A",IF(AND('Cambios Auto'!E4&lt;0,'Indices Auto'!F4&gt;100),"N",IF(AND('Cambios Auto'!E4&lt;0,'Indices Auto'!F4&lt;100),"R","NULL"))))</f>
        <v>V</v>
      </c>
      <c r="F4" s="2" t="str">
        <f>IF(AND('Cambios Auto'!F4&gt;0,'Indices Auto'!G4&gt;100),"V",IF(AND('Cambios Auto'!F4&gt;0,'Indices Auto'!G4&lt;100),"A",IF(AND('Cambios Auto'!F4&lt;0,'Indices Auto'!G4&gt;100),"N",IF(AND('Cambios Auto'!F4&lt;0,'Indices Auto'!G4&lt;100),"R","NULL"))))</f>
        <v>V</v>
      </c>
      <c r="G4" s="2" t="str">
        <f>IF(AND('Cambios Auto'!G4&gt;0,'Indices Auto'!H4&gt;100),"V",IF(AND('Cambios Auto'!G4&gt;0,'Indices Auto'!H4&lt;100),"A",IF(AND('Cambios Auto'!G4&lt;0,'Indices Auto'!H4&gt;100),"N",IF(AND('Cambios Auto'!G4&lt;0,'Indices Auto'!H4&lt;100),"R","NULL"))))</f>
        <v>V</v>
      </c>
      <c r="H4" s="2" t="str">
        <f>IF(AND('Cambios Auto'!H4&gt;0,'Indices Auto'!I4&gt;100),"V",IF(AND('Cambios Auto'!H4&gt;0,'Indices Auto'!I4&lt;100),"A",IF(AND('Cambios Auto'!H4&lt;0,'Indices Auto'!I4&gt;100),"N",IF(AND('Cambios Auto'!H4&lt;0,'Indices Auto'!I4&lt;100),"R","NULL"))))</f>
        <v>V</v>
      </c>
      <c r="I4" s="2" t="str">
        <f>IF(AND('Cambios Auto'!I4&gt;0,'Indices Auto'!J4&gt;100),"V",IF(AND('Cambios Auto'!I4&gt;0,'Indices Auto'!J4&lt;100),"A",IF(AND('Cambios Auto'!I4&lt;0,'Indices Auto'!J4&gt;100),"N",IF(AND('Cambios Auto'!I4&lt;0,'Indices Auto'!J4&lt;100),"R","NULL"))))</f>
        <v>V</v>
      </c>
      <c r="J4" s="2" t="str">
        <f>IF(AND('Cambios Auto'!J4&gt;0,'Indices Auto'!K4&gt;100),"V",IF(AND('Cambios Auto'!J4&gt;0,'Indices Auto'!K4&lt;100),"A",IF(AND('Cambios Auto'!J4&lt;0,'Indices Auto'!K4&gt;100),"N",IF(AND('Cambios Auto'!J4&lt;0,'Indices Auto'!K4&lt;100),"R","NULL"))))</f>
        <v>N</v>
      </c>
      <c r="K4" s="2" t="str">
        <f>IF(AND('Cambios Auto'!K4&gt;0,'Indices Auto'!L4&gt;100),"V",IF(AND('Cambios Auto'!K4&gt;0,'Indices Auto'!L4&lt;100),"A",IF(AND('Cambios Auto'!K4&lt;0,'Indices Auto'!L4&gt;100),"N",IF(AND('Cambios Auto'!K4&lt;0,'Indices Auto'!L4&lt;100),"R","NULL"))))</f>
        <v>N</v>
      </c>
      <c r="L4" s="2" t="str">
        <f>IF(AND('Cambios Auto'!L4&gt;0,'Indices Auto'!M4&gt;100),"V",IF(AND('Cambios Auto'!L4&gt;0,'Indices Auto'!M4&lt;100),"A",IF(AND('Cambios Auto'!L4&lt;0,'Indices Auto'!M4&gt;100),"N",IF(AND('Cambios Auto'!L4&lt;0,'Indices Auto'!M4&lt;100),"R","NULL"))))</f>
        <v>N</v>
      </c>
      <c r="M4" s="2" t="str">
        <f>IF(AND('Cambios Auto'!M4&gt;0,'Indices Auto'!N4&gt;100),"V",IF(AND('Cambios Auto'!M4&gt;0,'Indices Auto'!N4&lt;100),"A",IF(AND('Cambios Auto'!M4&lt;0,'Indices Auto'!N4&gt;100),"N",IF(AND('Cambios Auto'!M4&lt;0,'Indices Auto'!N4&lt;100),"R","NULL"))))</f>
        <v>N</v>
      </c>
      <c r="N4" s="2" t="str">
        <f>IF(AND('Cambios Auto'!N4&gt;0,'Indices Auto'!O4&gt;100),"V",IF(AND('Cambios Auto'!N4&gt;0,'Indices Auto'!O4&lt;100),"A",IF(AND('Cambios Auto'!N4&lt;0,'Indices Auto'!O4&gt;100),"N",IF(AND('Cambios Auto'!N4&lt;0,'Indices Auto'!O4&lt;100),"R","NULL"))))</f>
        <v>N</v>
      </c>
      <c r="O4" s="2" t="str">
        <f>IF(AND('Cambios Auto'!O4&gt;0,'Indices Auto'!P4&gt;100),"V",IF(AND('Cambios Auto'!O4&gt;0,'Indices Auto'!P4&lt;100),"A",IF(AND('Cambios Auto'!O4&lt;0,'Indices Auto'!P4&gt;100),"N",IF(AND('Cambios Auto'!O4&lt;0,'Indices Auto'!P4&lt;100),"R","NULL"))))</f>
        <v>N</v>
      </c>
      <c r="P4" s="2" t="str">
        <f>IF(AND('Cambios Auto'!P4&gt;0,'Indices Auto'!Q4&gt;100),"V",IF(AND('Cambios Auto'!P4&gt;0,'Indices Auto'!Q4&lt;100),"A",IF(AND('Cambios Auto'!P4&lt;0,'Indices Auto'!Q4&gt;100),"N",IF(AND('Cambios Auto'!P4&lt;0,'Indices Auto'!Q4&lt;100),"R","NULL"))))</f>
        <v>N</v>
      </c>
      <c r="Q4" s="2" t="str">
        <f>IF(AND('Cambios Auto'!Q4&gt;0,'Indices Auto'!R4&gt;100),"V",IF(AND('Cambios Auto'!Q4&gt;0,'Indices Auto'!R4&lt;100),"A",IF(AND('Cambios Auto'!Q4&lt;0,'Indices Auto'!R4&gt;100),"N",IF(AND('Cambios Auto'!Q4&lt;0,'Indices Auto'!R4&lt;100),"R","NULL"))))</f>
        <v>N</v>
      </c>
      <c r="R4" s="2" t="str">
        <f>IF(AND('Cambios Auto'!R4&gt;0,'Indices Auto'!S4&gt;100),"V",IF(AND('Cambios Auto'!R4&gt;0,'Indices Auto'!S4&lt;100),"A",IF(AND('Cambios Auto'!R4&lt;0,'Indices Auto'!S4&gt;100),"N",IF(AND('Cambios Auto'!R4&lt;0,'Indices Auto'!S4&lt;100),"R","NULL"))))</f>
        <v>N</v>
      </c>
      <c r="S4" s="2" t="str">
        <f>IF(AND('Cambios Auto'!S4&gt;0,'Indices Auto'!T4&gt;100),"V",IF(AND('Cambios Auto'!S4&gt;0,'Indices Auto'!T4&lt;100),"A",IF(AND('Cambios Auto'!S4&lt;0,'Indices Auto'!T4&gt;100),"N",IF(AND('Cambios Auto'!S4&lt;0,'Indices Auto'!T4&lt;100),"R","NULL"))))</f>
        <v>N</v>
      </c>
      <c r="T4" s="2" t="str">
        <f>IF(AND('Cambios Auto'!T4&gt;0,'Indices Auto'!U4&gt;100),"V",IF(AND('Cambios Auto'!T4&gt;0,'Indices Auto'!U4&lt;100),"A",IF(AND('Cambios Auto'!T4&lt;0,'Indices Auto'!U4&gt;100),"N",IF(AND('Cambios Auto'!T4&lt;0,'Indices Auto'!U4&lt;100),"R","NULL"))))</f>
        <v>N</v>
      </c>
      <c r="U4" s="2" t="str">
        <f>IF(AND('Cambios Auto'!U4&gt;0,'Indices Auto'!V4&gt;100),"V",IF(AND('Cambios Auto'!U4&gt;0,'Indices Auto'!V4&lt;100),"A",IF(AND('Cambios Auto'!U4&lt;0,'Indices Auto'!V4&gt;100),"N",IF(AND('Cambios Auto'!U4&lt;0,'Indices Auto'!V4&lt;100),"R","NULL"))))</f>
        <v>N</v>
      </c>
      <c r="V4" s="2" t="str">
        <f>IF(AND('Cambios Auto'!V4&gt;0,'Indices Auto'!W4&gt;100),"V",IF(AND('Cambios Auto'!V4&gt;0,'Indices Auto'!W4&lt;100),"A",IF(AND('Cambios Auto'!V4&lt;0,'Indices Auto'!W4&gt;100),"N",IF(AND('Cambios Auto'!V4&lt;0,'Indices Auto'!W4&lt;100),"R","NULL"))))</f>
        <v>R</v>
      </c>
      <c r="W4" s="2" t="str">
        <f>IF(AND('Cambios Auto'!W4&gt;0,'Indices Auto'!X4&gt;100),"V",IF(AND('Cambios Auto'!W4&gt;0,'Indices Auto'!X4&lt;100),"A",IF(AND('Cambios Auto'!W4&lt;0,'Indices Auto'!X4&gt;100),"N",IF(AND('Cambios Auto'!W4&lt;0,'Indices Auto'!X4&lt;100),"R","NULL"))))</f>
        <v>R</v>
      </c>
      <c r="X4" s="2" t="str">
        <f>IF(AND('Cambios Auto'!X4&gt;0,'Indices Auto'!Y4&gt;100),"V",IF(AND('Cambios Auto'!X4&gt;0,'Indices Auto'!Y4&lt;100),"A",IF(AND('Cambios Auto'!X4&lt;0,'Indices Auto'!Y4&gt;100),"N",IF(AND('Cambios Auto'!X4&lt;0,'Indices Auto'!Y4&lt;100),"R","NULL"))))</f>
        <v>R</v>
      </c>
      <c r="Y4" s="2" t="str">
        <f>IF(AND('Cambios Auto'!Y4&gt;0,'Indices Auto'!Z4&gt;100),"V",IF(AND('Cambios Auto'!Y4&gt;0,'Indices Auto'!Z4&lt;100),"A",IF(AND('Cambios Auto'!Y4&lt;0,'Indices Auto'!Z4&gt;100),"N",IF(AND('Cambios Auto'!Y4&lt;0,'Indices Auto'!Z4&lt;100),"R","NULL"))))</f>
        <v>R</v>
      </c>
      <c r="Z4" s="2" t="str">
        <f>IF(AND('Cambios Auto'!Z4&gt;0,'Indices Auto'!AA4&gt;100),"V",IF(AND('Cambios Auto'!Z4&gt;0,'Indices Auto'!AA4&lt;100),"A",IF(AND('Cambios Auto'!Z4&lt;0,'Indices Auto'!AA4&gt;100),"N",IF(AND('Cambios Auto'!Z4&lt;0,'Indices Auto'!AA4&lt;100),"R","NULL"))))</f>
        <v>R</v>
      </c>
      <c r="AA4" s="2" t="str">
        <f>IF(AND('Cambios Auto'!AA4&gt;0,'Indices Auto'!AB4&gt;100),"V",IF(AND('Cambios Auto'!AA4&gt;0,'Indices Auto'!AB4&lt;100),"A",IF(AND('Cambios Auto'!AA4&lt;0,'Indices Auto'!AB4&gt;100),"N",IF(AND('Cambios Auto'!AA4&lt;0,'Indices Auto'!AB4&lt;100),"R","NULL"))))</f>
        <v>R</v>
      </c>
      <c r="AB4" s="2" t="str">
        <f>IF(AND('Cambios Auto'!AB4&gt;0,'Indices Auto'!AC4&gt;100),"V",IF(AND('Cambios Auto'!AB4&gt;0,'Indices Auto'!AC4&lt;100),"A",IF(AND('Cambios Auto'!AB4&lt;0,'Indices Auto'!AC4&gt;100),"N",IF(AND('Cambios Auto'!AB4&lt;0,'Indices Auto'!AC4&lt;100),"R","NULL"))))</f>
        <v>R</v>
      </c>
      <c r="AC4" s="2" t="str">
        <f>IF(AND('Cambios Auto'!AC4&gt;0,'Indices Auto'!AD4&gt;100),"V",IF(AND('Cambios Auto'!AC4&gt;0,'Indices Auto'!AD4&lt;100),"A",IF(AND('Cambios Auto'!AC4&lt;0,'Indices Auto'!AD4&gt;100),"N",IF(AND('Cambios Auto'!AC4&lt;0,'Indices Auto'!AD4&lt;100),"R","NULL"))))</f>
        <v>A</v>
      </c>
      <c r="AD4" s="2" t="str">
        <f>IF(AND('Cambios Auto'!AD4&gt;0,'Indices Auto'!AE4&gt;100),"V",IF(AND('Cambios Auto'!AD4&gt;0,'Indices Auto'!AE4&lt;100),"A",IF(AND('Cambios Auto'!AD4&lt;0,'Indices Auto'!AE4&gt;100),"N",IF(AND('Cambios Auto'!AD4&lt;0,'Indices Auto'!AE4&lt;100),"R","NULL"))))</f>
        <v>A</v>
      </c>
      <c r="AE4" s="2" t="str">
        <f>IF(AND('Cambios Auto'!AE4&gt;0,'Indices Auto'!AF4&gt;100),"V",IF(AND('Cambios Auto'!AE4&gt;0,'Indices Auto'!AF4&lt;100),"A",IF(AND('Cambios Auto'!AE4&lt;0,'Indices Auto'!AF4&gt;100),"N",IF(AND('Cambios Auto'!AE4&lt;0,'Indices Auto'!AF4&lt;100),"R","NULL"))))</f>
        <v>A</v>
      </c>
      <c r="AF4" s="2" t="str">
        <f>IF(AND('Cambios Auto'!AF4&gt;0,'Indices Auto'!AG4&gt;100),"V",IF(AND('Cambios Auto'!AF4&gt;0,'Indices Auto'!AG4&lt;100),"A",IF(AND('Cambios Auto'!AF4&lt;0,'Indices Auto'!AG4&gt;100),"N",IF(AND('Cambios Auto'!AF4&lt;0,'Indices Auto'!AG4&lt;100),"R","NULL"))))</f>
        <v>R</v>
      </c>
      <c r="AG4" s="2" t="str">
        <f>IF(AND('Cambios Auto'!AG4&gt;0,'Indices Auto'!AH4&gt;100),"V",IF(AND('Cambios Auto'!AG4&gt;0,'Indices Auto'!AH4&lt;100),"A",IF(AND('Cambios Auto'!AG4&lt;0,'Indices Auto'!AH4&gt;100),"N",IF(AND('Cambios Auto'!AG4&lt;0,'Indices Auto'!AH4&lt;100),"R","NULL"))))</f>
        <v>R</v>
      </c>
      <c r="AH4" s="2" t="str">
        <f>IF(AND('Cambios Auto'!AH4&gt;0,'Indices Auto'!AI4&gt;100),"V",IF(AND('Cambios Auto'!AH4&gt;0,'Indices Auto'!AI4&lt;100),"A",IF(AND('Cambios Auto'!AH4&lt;0,'Indices Auto'!AI4&gt;100),"N",IF(AND('Cambios Auto'!AH4&lt;0,'Indices Auto'!AI4&lt;100),"R","NULL"))))</f>
        <v>R</v>
      </c>
      <c r="AI4" s="2" t="str">
        <f>IF(AND('Cambios Auto'!AI4&gt;0,'Indices Auto'!AJ4&gt;100),"V",IF(AND('Cambios Auto'!AI4&gt;0,'Indices Auto'!AJ4&lt;100),"A",IF(AND('Cambios Auto'!AI4&lt;0,'Indices Auto'!AJ4&gt;100),"N",IF(AND('Cambios Auto'!AI4&lt;0,'Indices Auto'!AJ4&lt;100),"R","NULL"))))</f>
        <v>R</v>
      </c>
      <c r="AJ4" s="2" t="str">
        <f>IF(AND('Cambios Auto'!AJ4&gt;0,'Indices Auto'!AK4&gt;100),"V",IF(AND('Cambios Auto'!AJ4&gt;0,'Indices Auto'!AK4&lt;100),"A",IF(AND('Cambios Auto'!AJ4&lt;0,'Indices Auto'!AK4&gt;100),"N",IF(AND('Cambios Auto'!AJ4&lt;0,'Indices Auto'!AK4&lt;100),"R","NULL"))))</f>
        <v>R</v>
      </c>
      <c r="AK4" s="2" t="str">
        <f>IF(AND('Cambios Auto'!AK4&gt;0,'Indices Auto'!AL4&gt;100),"V",IF(AND('Cambios Auto'!AK4&gt;0,'Indices Auto'!AL4&lt;100),"A",IF(AND('Cambios Auto'!AK4&lt;0,'Indices Auto'!AL4&gt;100),"N",IF(AND('Cambios Auto'!AK4&lt;0,'Indices Auto'!AL4&lt;100),"R","NULL"))))</f>
        <v>R</v>
      </c>
      <c r="AL4" s="2" t="str">
        <f>IF(AND('Cambios Auto'!AL4&gt;0,'Indices Auto'!AM4&gt;100),"V",IF(AND('Cambios Auto'!AL4&gt;0,'Indices Auto'!AM4&lt;100),"A",IF(AND('Cambios Auto'!AL4&lt;0,'Indices Auto'!AM4&gt;100),"N",IF(AND('Cambios Auto'!AL4&lt;0,'Indices Auto'!AM4&lt;100),"R","NULL"))))</f>
        <v>R</v>
      </c>
      <c r="AM4" s="2" t="str">
        <f>IF(AND('Cambios Auto'!AM4&gt;0,'Indices Auto'!AN4&gt;100),"V",IF(AND('Cambios Auto'!AM4&gt;0,'Indices Auto'!AN4&lt;100),"A",IF(AND('Cambios Auto'!AM4&lt;0,'Indices Auto'!AN4&gt;100),"N",IF(AND('Cambios Auto'!AM4&lt;0,'Indices Auto'!AN4&lt;100),"R","NULL"))))</f>
        <v>R</v>
      </c>
      <c r="AN4" s="2" t="str">
        <f>IF(AND('Cambios Auto'!AN4&gt;0,'Indices Auto'!AO4&gt;100),"V",IF(AND('Cambios Auto'!AN4&gt;0,'Indices Auto'!AO4&lt;100),"A",IF(AND('Cambios Auto'!AN4&lt;0,'Indices Auto'!AO4&gt;100),"N",IF(AND('Cambios Auto'!AN4&lt;0,'Indices Auto'!AO4&lt;100),"R","NULL"))))</f>
        <v>R</v>
      </c>
      <c r="AO4" s="2" t="str">
        <f>IF(AND('Cambios Auto'!AO4&gt;0,'Indices Auto'!AP4&gt;100),"V",IF(AND('Cambios Auto'!AO4&gt;0,'Indices Auto'!AP4&lt;100),"A",IF(AND('Cambios Auto'!AO4&lt;0,'Indices Auto'!AP4&gt;100),"N",IF(AND('Cambios Auto'!AO4&lt;0,'Indices Auto'!AP4&lt;100),"R","NULL"))))</f>
        <v>R</v>
      </c>
      <c r="AP4" s="2" t="str">
        <f>IF(AND('Cambios Auto'!AP4&gt;0,'Indices Auto'!AQ4&gt;100),"V",IF(AND('Cambios Auto'!AP4&gt;0,'Indices Auto'!AQ4&lt;100),"A",IF(AND('Cambios Auto'!AP4&lt;0,'Indices Auto'!AQ4&gt;100),"N",IF(AND('Cambios Auto'!AP4&lt;0,'Indices Auto'!AQ4&lt;100),"R","NULL"))))</f>
        <v>R</v>
      </c>
      <c r="AQ4" s="2" t="str">
        <f>IF(AND('Cambios Auto'!AQ4&gt;0,'Indices Auto'!AR4&gt;100),"V",IF(AND('Cambios Auto'!AQ4&gt;0,'Indices Auto'!AR4&lt;100),"A",IF(AND('Cambios Auto'!AQ4&lt;0,'Indices Auto'!AR4&gt;100),"N",IF(AND('Cambios Auto'!AQ4&lt;0,'Indices Auto'!AR4&lt;100),"R","NULL"))))</f>
        <v>R</v>
      </c>
      <c r="AR4" s="2" t="str">
        <f>IF(AND('Cambios Auto'!AR4&gt;0,'Indices Auto'!AS4&gt;100),"V",IF(AND('Cambios Auto'!AR4&gt;0,'Indices Auto'!AS4&lt;100),"A",IF(AND('Cambios Auto'!AR4&lt;0,'Indices Auto'!AS4&gt;100),"N",IF(AND('Cambios Auto'!AR4&lt;0,'Indices Auto'!AS4&lt;100),"R","NULL"))))</f>
        <v>R</v>
      </c>
      <c r="AS4" s="2" t="str">
        <f>IF(AND('Cambios Auto'!AS4&gt;0,'Indices Auto'!AT4&gt;100),"V",IF(AND('Cambios Auto'!AS4&gt;0,'Indices Auto'!AT4&lt;100),"A",IF(AND('Cambios Auto'!AS4&lt;0,'Indices Auto'!AT4&gt;100),"N",IF(AND('Cambios Auto'!AS4&lt;0,'Indices Auto'!AT4&lt;100),"R","NULL"))))</f>
        <v>R</v>
      </c>
      <c r="AT4" s="2" t="str">
        <f>IF(AND('Cambios Auto'!AT4&gt;0,'Indices Auto'!AU4&gt;100),"V",IF(AND('Cambios Auto'!AT4&gt;0,'Indices Auto'!AU4&lt;100),"A",IF(AND('Cambios Auto'!AT4&lt;0,'Indices Auto'!AU4&gt;100),"N",IF(AND('Cambios Auto'!AT4&lt;0,'Indices Auto'!AU4&lt;100),"R","NULL"))))</f>
        <v>R</v>
      </c>
      <c r="AU4" s="2" t="str">
        <f>IF(AND('Cambios Auto'!AU4&gt;0,'Indices Auto'!AV4&gt;100),"V",IF(AND('Cambios Auto'!AU4&gt;0,'Indices Auto'!AV4&lt;100),"A",IF(AND('Cambios Auto'!AU4&lt;0,'Indices Auto'!AV4&gt;100),"N",IF(AND('Cambios Auto'!AU4&lt;0,'Indices Auto'!AV4&lt;100),"R","NULL"))))</f>
        <v>A</v>
      </c>
      <c r="AV4" s="2" t="str">
        <f>IF(AND('Cambios Auto'!AV4&gt;0,'Indices Auto'!AW4&gt;100),"V",IF(AND('Cambios Auto'!AV4&gt;0,'Indices Auto'!AW4&lt;100),"A",IF(AND('Cambios Auto'!AV4&lt;0,'Indices Auto'!AW4&gt;100),"N",IF(AND('Cambios Auto'!AV4&lt;0,'Indices Auto'!AW4&lt;100),"R","NULL"))))</f>
        <v>A</v>
      </c>
      <c r="AW4" s="2" t="str">
        <f>IF(AND('Cambios Auto'!AW4&gt;0,'Indices Auto'!AX4&gt;100),"V",IF(AND('Cambios Auto'!AW4&gt;0,'Indices Auto'!AX4&lt;100),"A",IF(AND('Cambios Auto'!AW4&lt;0,'Indices Auto'!AX4&gt;100),"N",IF(AND('Cambios Auto'!AW4&lt;0,'Indices Auto'!AX4&lt;100),"R","NULL"))))</f>
        <v>A</v>
      </c>
      <c r="AX4" s="2" t="str">
        <f>IF(AND('Cambios Auto'!AX4&gt;0,'Indices Auto'!AY4&gt;100),"V",IF(AND('Cambios Auto'!AX4&gt;0,'Indices Auto'!AY4&lt;100),"A",IF(AND('Cambios Auto'!AX4&lt;0,'Indices Auto'!AY4&gt;100),"N",IF(AND('Cambios Auto'!AX4&lt;0,'Indices Auto'!AY4&lt;100),"R","NULL"))))</f>
        <v>A</v>
      </c>
      <c r="AY4" s="2" t="str">
        <f>IF(AND('Cambios Auto'!AY4&gt;0,'Indices Auto'!AZ4&gt;100),"V",IF(AND('Cambios Auto'!AY4&gt;0,'Indices Auto'!AZ4&lt;100),"A",IF(AND('Cambios Auto'!AY4&lt;0,'Indices Auto'!AZ4&gt;100),"N",IF(AND('Cambios Auto'!AY4&lt;0,'Indices Auto'!AZ4&lt;100),"R","NULL"))))</f>
        <v>A</v>
      </c>
      <c r="AZ4" s="2" t="str">
        <f>IF(AND('Cambios Auto'!AZ4&gt;0,'Indices Auto'!BA4&gt;100),"V",IF(AND('Cambios Auto'!AZ4&gt;0,'Indices Auto'!BA4&lt;100),"A",IF(AND('Cambios Auto'!AZ4&lt;0,'Indices Auto'!BA4&gt;100),"N",IF(AND('Cambios Auto'!AZ4&lt;0,'Indices Auto'!BA4&lt;100),"R","NULL"))))</f>
        <v>A</v>
      </c>
      <c r="BA4" s="2" t="str">
        <f>IF(AND('Cambios Auto'!BA4&gt;0,'Indices Auto'!BB4&gt;100),"V",IF(AND('Cambios Auto'!BA4&gt;0,'Indices Auto'!BB4&lt;100),"A",IF(AND('Cambios Auto'!BA4&lt;0,'Indices Auto'!BB4&gt;100),"N",IF(AND('Cambios Auto'!BA4&lt;0,'Indices Auto'!BB4&lt;100),"R","NULL"))))</f>
        <v>A</v>
      </c>
      <c r="BB4" s="2" t="str">
        <f>IF(AND('Cambios Auto'!BB4&gt;0,'Indices Auto'!BC4&gt;100),"V",IF(AND('Cambios Auto'!BB4&gt;0,'Indices Auto'!BC4&lt;100),"A",IF(AND('Cambios Auto'!BB4&lt;0,'Indices Auto'!BC4&gt;100),"N",IF(AND('Cambios Auto'!BB4&lt;0,'Indices Auto'!BC4&lt;100),"R","NULL"))))</f>
        <v>A</v>
      </c>
      <c r="BC4" s="2" t="str">
        <f>IF(AND('Cambios Auto'!BC4&gt;0,'Indices Auto'!BD4&gt;100),"V",IF(AND('Cambios Auto'!BC4&gt;0,'Indices Auto'!BD4&lt;100),"A",IF(AND('Cambios Auto'!BC4&lt;0,'Indices Auto'!BD4&gt;100),"N",IF(AND('Cambios Auto'!BC4&lt;0,'Indices Auto'!BD4&lt;100),"R","NULL"))))</f>
        <v>A</v>
      </c>
      <c r="BD4" s="2" t="str">
        <f>IF(AND('Cambios Auto'!BD4&gt;0,'Indices Auto'!BE4&gt;100),"V",IF(AND('Cambios Auto'!BD4&gt;0,'Indices Auto'!BE4&lt;100),"A",IF(AND('Cambios Auto'!BD4&lt;0,'Indices Auto'!BE4&gt;100),"N",IF(AND('Cambios Auto'!BD4&lt;0,'Indices Auto'!BE4&lt;100),"R","NULL"))))</f>
        <v>A</v>
      </c>
      <c r="BE4" s="2" t="str">
        <f>IF(AND('Cambios Auto'!BE4&gt;0,'Indices Auto'!BF4&gt;100),"V",IF(AND('Cambios Auto'!BE4&gt;0,'Indices Auto'!BF4&lt;100),"A",IF(AND('Cambios Auto'!BE4&lt;0,'Indices Auto'!BF4&gt;100),"N",IF(AND('Cambios Auto'!BE4&lt;0,'Indices Auto'!BF4&lt;100),"R","NULL"))))</f>
        <v>A</v>
      </c>
      <c r="BF4" s="2" t="str">
        <f>IF(AND('Cambios Auto'!BF4&gt;0,'Indices Auto'!BG4&gt;100),"V",IF(AND('Cambios Auto'!BF4&gt;0,'Indices Auto'!BG4&lt;100),"A",IF(AND('Cambios Auto'!BF4&lt;0,'Indices Auto'!BG4&gt;100),"N",IF(AND('Cambios Auto'!BF4&lt;0,'Indices Auto'!BG4&lt;100),"R","NULL"))))</f>
        <v>A</v>
      </c>
      <c r="BG4" s="2" t="str">
        <f>IF(AND('Cambios Auto'!BG4&gt;0,'Indices Auto'!BH4&gt;100),"V",IF(AND('Cambios Auto'!BG4&gt;0,'Indices Auto'!BH4&lt;100),"A",IF(AND('Cambios Auto'!BG4&lt;0,'Indices Auto'!BH4&gt;100),"N",IF(AND('Cambios Auto'!BG4&lt;0,'Indices Auto'!BH4&lt;100),"R","NULL"))))</f>
        <v>A</v>
      </c>
      <c r="BH4" s="2" t="str">
        <f>IF(AND('Cambios Auto'!BH4&gt;0,'Indices Auto'!BI4&gt;100),"V",IF(AND('Cambios Auto'!BH4&gt;0,'Indices Auto'!BI4&lt;100),"A",IF(AND('Cambios Auto'!BH4&lt;0,'Indices Auto'!BI4&gt;100),"N",IF(AND('Cambios Auto'!BH4&lt;0,'Indices Auto'!BI4&lt;100),"R","NULL"))))</f>
        <v>A</v>
      </c>
      <c r="BI4" s="2" t="str">
        <f>IF(AND('Cambios Auto'!BI4&gt;0,'Indices Auto'!BJ4&gt;100),"V",IF(AND('Cambios Auto'!BI4&gt;0,'Indices Auto'!BJ4&lt;100),"A",IF(AND('Cambios Auto'!BI4&lt;0,'Indices Auto'!BJ4&gt;100),"N",IF(AND('Cambios Auto'!BI4&lt;0,'Indices Auto'!BJ4&lt;100),"R","NULL"))))</f>
        <v>A</v>
      </c>
      <c r="BJ4" s="2" t="str">
        <f>IF(AND('Cambios Auto'!BJ4&gt;0,'Indices Auto'!BK4&gt;100),"V",IF(AND('Cambios Auto'!BJ4&gt;0,'Indices Auto'!BK4&lt;100),"A",IF(AND('Cambios Auto'!BJ4&lt;0,'Indices Auto'!BK4&gt;100),"N",IF(AND('Cambios Auto'!BJ4&lt;0,'Indices Auto'!BK4&lt;100),"R","NULL"))))</f>
        <v>A</v>
      </c>
      <c r="BK4" s="2" t="str">
        <f>IF(AND('Cambios Auto'!BK4&gt;0,'Indices Auto'!BL4&gt;100),"V",IF(AND('Cambios Auto'!BK4&gt;0,'Indices Auto'!BL4&lt;100),"A",IF(AND('Cambios Auto'!BK4&lt;0,'Indices Auto'!BL4&gt;100),"N",IF(AND('Cambios Auto'!BK4&lt;0,'Indices Auto'!BL4&lt;100),"R","NULL"))))</f>
        <v>A</v>
      </c>
      <c r="BL4" s="2" t="str">
        <f>IF(AND('Cambios Auto'!BL4&gt;0,'Indices Auto'!BM4&gt;100),"V",IF(AND('Cambios Auto'!BL4&gt;0,'Indices Auto'!BM4&lt;100),"A",IF(AND('Cambios Auto'!BL4&lt;0,'Indices Auto'!BM4&gt;100),"N",IF(AND('Cambios Auto'!BL4&lt;0,'Indices Auto'!BM4&lt;100),"R","NULL"))))</f>
        <v>A</v>
      </c>
      <c r="BM4" s="2" t="str">
        <f>IF(AND('Cambios Auto'!BM4&gt;0,'Indices Auto'!BN4&gt;100),"V",IF(AND('Cambios Auto'!BM4&gt;0,'Indices Auto'!BN4&lt;100),"A",IF(AND('Cambios Auto'!BM4&lt;0,'Indices Auto'!BN4&gt;100),"N",IF(AND('Cambios Auto'!BM4&lt;0,'Indices Auto'!BN4&lt;100),"R","NULL"))))</f>
        <v>R</v>
      </c>
      <c r="BN4" s="2" t="str">
        <f>IF(AND('Cambios Auto'!BN4&gt;0,'Indices Auto'!BO4&gt;100),"V",IF(AND('Cambios Auto'!BN4&gt;0,'Indices Auto'!BO4&lt;100),"A",IF(AND('Cambios Auto'!BN4&lt;0,'Indices Auto'!BO4&gt;100),"N",IF(AND('Cambios Auto'!BN4&lt;0,'Indices Auto'!BO4&lt;100),"R","NULL"))))</f>
        <v>A</v>
      </c>
      <c r="BO4" s="2" t="str">
        <f>IF(AND('Cambios Auto'!BO4&gt;0,'Indices Auto'!BP4&gt;100),"V",IF(AND('Cambios Auto'!BO4&gt;0,'Indices Auto'!BP4&lt;100),"A",IF(AND('Cambios Auto'!BO4&lt;0,'Indices Auto'!BP4&gt;100),"N",IF(AND('Cambios Auto'!BO4&lt;0,'Indices Auto'!BP4&lt;100),"R","NULL"))))</f>
        <v>A</v>
      </c>
      <c r="BP4" s="2" t="str">
        <f>IF(AND('Cambios Auto'!BP4&gt;0,'Indices Auto'!BQ4&gt;100),"V",IF(AND('Cambios Auto'!BP4&gt;0,'Indices Auto'!BQ4&lt;100),"A",IF(AND('Cambios Auto'!BP4&lt;0,'Indices Auto'!BQ4&gt;100),"N",IF(AND('Cambios Auto'!BP4&lt;0,'Indices Auto'!BQ4&lt;100),"R","NULL"))))</f>
        <v>A</v>
      </c>
      <c r="BQ4" s="2" t="str">
        <f>IF(AND('Cambios Auto'!BQ4&gt;0,'Indices Auto'!BR4&gt;100),"V",IF(AND('Cambios Auto'!BQ4&gt;0,'Indices Auto'!BR4&lt;100),"A",IF(AND('Cambios Auto'!BQ4&lt;0,'Indices Auto'!BR4&gt;100),"N",IF(AND('Cambios Auto'!BQ4&lt;0,'Indices Auto'!BR4&lt;100),"R","NULL"))))</f>
        <v>A</v>
      </c>
      <c r="BR4" s="2" t="str">
        <f>IF(AND('Cambios Auto'!BR4&gt;0,'Indices Auto'!BS4&gt;100),"V",IF(AND('Cambios Auto'!BR4&gt;0,'Indices Auto'!BS4&lt;100),"A",IF(AND('Cambios Auto'!BR4&lt;0,'Indices Auto'!BS4&gt;100),"N",IF(AND('Cambios Auto'!BR4&lt;0,'Indices Auto'!BS4&lt;100),"R","NULL"))))</f>
        <v>V</v>
      </c>
      <c r="BS4" s="2" t="str">
        <f>IF(AND('Cambios Auto'!BS4&gt;0,'Indices Auto'!BT4&gt;100),"V",IF(AND('Cambios Auto'!BS4&gt;0,'Indices Auto'!BT4&lt;100),"A",IF(AND('Cambios Auto'!BS4&lt;0,'Indices Auto'!BT4&gt;100),"N",IF(AND('Cambios Auto'!BS4&lt;0,'Indices Auto'!BT4&lt;100),"R","NULL"))))</f>
        <v>V</v>
      </c>
      <c r="BT4" s="2" t="str">
        <f>IF(AND('Cambios Auto'!BT4&gt;0,'Indices Auto'!BU4&gt;100),"V",IF(AND('Cambios Auto'!BT4&gt;0,'Indices Auto'!BU4&lt;100),"A",IF(AND('Cambios Auto'!BT4&lt;0,'Indices Auto'!BU4&gt;100),"N",IF(AND('Cambios Auto'!BT4&lt;0,'Indices Auto'!BU4&lt;100),"R","NULL"))))</f>
        <v>V</v>
      </c>
      <c r="BU4" s="2" t="str">
        <f>IF(AND('Cambios Auto'!BU4&gt;0,'Indices Auto'!BV4&gt;100),"V",IF(AND('Cambios Auto'!BU4&gt;0,'Indices Auto'!BV4&lt;100),"A",IF(AND('Cambios Auto'!BU4&lt;0,'Indices Auto'!BV4&gt;100),"N",IF(AND('Cambios Auto'!BU4&lt;0,'Indices Auto'!BV4&lt;100),"R","NULL"))))</f>
        <v>V</v>
      </c>
      <c r="BV4" s="2" t="str">
        <f>IF(AND('Cambios Auto'!BV4&gt;0,'Indices Auto'!BW4&gt;100),"V",IF(AND('Cambios Auto'!BV4&gt;0,'Indices Auto'!BW4&lt;100),"A",IF(AND('Cambios Auto'!BV4&lt;0,'Indices Auto'!BW4&gt;100),"N",IF(AND('Cambios Auto'!BV4&lt;0,'Indices Auto'!BW4&lt;100),"R","NULL"))))</f>
        <v>V</v>
      </c>
      <c r="BW4" s="2" t="str">
        <f>IF(AND('Cambios Auto'!BW4&gt;0,'Indices Auto'!BX4&gt;100),"V",IF(AND('Cambios Auto'!BW4&gt;0,'Indices Auto'!BX4&lt;100),"A",IF(AND('Cambios Auto'!BW4&lt;0,'Indices Auto'!BX4&gt;100),"N",IF(AND('Cambios Auto'!BW4&lt;0,'Indices Auto'!BX4&lt;100),"R","NULL"))))</f>
        <v>V</v>
      </c>
      <c r="BX4" s="2" t="str">
        <f>IF(AND('Cambios Auto'!BX4&gt;0,'Indices Auto'!BY4&gt;100),"V",IF(AND('Cambios Auto'!BX4&gt;0,'Indices Auto'!BY4&lt;100),"A",IF(AND('Cambios Auto'!BX4&lt;0,'Indices Auto'!BY4&gt;100),"N",IF(AND('Cambios Auto'!BX4&lt;0,'Indices Auto'!BY4&lt;100),"R","NULL"))))</f>
        <v>V</v>
      </c>
      <c r="BY4" s="2" t="str">
        <f>IF(AND('Cambios Auto'!BY4&gt;0,'Indices Auto'!BZ4&gt;100),"V",IF(AND('Cambios Auto'!BY4&gt;0,'Indices Auto'!BZ4&lt;100),"A",IF(AND('Cambios Auto'!BY4&lt;0,'Indices Auto'!BZ4&gt;100),"N",IF(AND('Cambios Auto'!BY4&lt;0,'Indices Auto'!BZ4&lt;100),"R","NULL"))))</f>
        <v>V</v>
      </c>
      <c r="BZ4" s="2" t="str">
        <f>IF(AND('Cambios Auto'!BZ4&gt;0,'Indices Auto'!CA4&gt;100),"V",IF(AND('Cambios Auto'!BZ4&gt;0,'Indices Auto'!CA4&lt;100),"A",IF(AND('Cambios Auto'!BZ4&lt;0,'Indices Auto'!CA4&gt;100),"N",IF(AND('Cambios Auto'!BZ4&lt;0,'Indices Auto'!CA4&lt;100),"R","NULL"))))</f>
        <v>V</v>
      </c>
      <c r="CA4" s="2" t="str">
        <f>IF(AND('Cambios Auto'!CA4&gt;0,'Indices Auto'!CB4&gt;100),"V",IF(AND('Cambios Auto'!CA4&gt;0,'Indices Auto'!CB4&lt;100),"A",IF(AND('Cambios Auto'!CA4&lt;0,'Indices Auto'!CB4&gt;100),"N",IF(AND('Cambios Auto'!CA4&lt;0,'Indices Auto'!CB4&lt;100),"R","NULL"))))</f>
        <v>V</v>
      </c>
      <c r="CB4" s="2" t="str">
        <f>IF(AND('Cambios Auto'!CB4&gt;0,'Indices Auto'!CC4&gt;100),"V",IF(AND('Cambios Auto'!CB4&gt;0,'Indices Auto'!CC4&lt;100),"A",IF(AND('Cambios Auto'!CB4&lt;0,'Indices Auto'!CC4&gt;100),"N",IF(AND('Cambios Auto'!CB4&lt;0,'Indices Auto'!CC4&lt;100),"R","NULL"))))</f>
        <v>N</v>
      </c>
      <c r="CC4" s="2" t="str">
        <f>IF(AND('Cambios Auto'!CC4&gt;0,'Indices Auto'!CD4&gt;100),"V",IF(AND('Cambios Auto'!CC4&gt;0,'Indices Auto'!CD4&lt;100),"A",IF(AND('Cambios Auto'!CC4&lt;0,'Indices Auto'!CD4&gt;100),"N",IF(AND('Cambios Auto'!CC4&lt;0,'Indices Auto'!CD4&lt;100),"R","NULL"))))</f>
        <v>N</v>
      </c>
      <c r="CD4" s="2" t="str">
        <f>IF(AND('Cambios Auto'!CD4&gt;0,'Indices Auto'!CE4&gt;100),"V",IF(AND('Cambios Auto'!CD4&gt;0,'Indices Auto'!CE4&lt;100),"A",IF(AND('Cambios Auto'!CD4&lt;0,'Indices Auto'!CE4&gt;100),"N",IF(AND('Cambios Auto'!CD4&lt;0,'Indices Auto'!CE4&lt;100),"R","NULL"))))</f>
        <v>N</v>
      </c>
      <c r="CE4" s="2" t="str">
        <f>IF(AND('Cambios Auto'!CE4&gt;0,'Indices Auto'!CF4&gt;100),"V",IF(AND('Cambios Auto'!CE4&gt;0,'Indices Auto'!CF4&lt;100),"A",IF(AND('Cambios Auto'!CE4&lt;0,'Indices Auto'!CF4&gt;100),"N",IF(AND('Cambios Auto'!CE4&lt;0,'Indices Auto'!CF4&lt;100),"R","NULL"))))</f>
        <v>N</v>
      </c>
      <c r="CF4" s="2" t="str">
        <f>IF(AND('Cambios Auto'!CF4&gt;0,'Indices Auto'!CG4&gt;100),"V",IF(AND('Cambios Auto'!CF4&gt;0,'Indices Auto'!CG4&lt;100),"A",IF(AND('Cambios Auto'!CF4&lt;0,'Indices Auto'!CG4&gt;100),"N",IF(AND('Cambios Auto'!CF4&lt;0,'Indices Auto'!CG4&lt;100),"R","NULL"))))</f>
        <v>N</v>
      </c>
      <c r="CG4" s="2" t="str">
        <f>IF(AND('Cambios Auto'!CG4&gt;0,'Indices Auto'!CH4&gt;100),"V",IF(AND('Cambios Auto'!CG4&gt;0,'Indices Auto'!CH4&lt;100),"A",IF(AND('Cambios Auto'!CG4&lt;0,'Indices Auto'!CH4&gt;100),"N",IF(AND('Cambios Auto'!CG4&lt;0,'Indices Auto'!CH4&lt;100),"R","NULL"))))</f>
        <v>V</v>
      </c>
      <c r="CH4" s="2" t="str">
        <f>IF(AND('Cambios Auto'!CH4&gt;0,'Indices Auto'!CI4&gt;100),"V",IF(AND('Cambios Auto'!CH4&gt;0,'Indices Auto'!CI4&lt;100),"A",IF(AND('Cambios Auto'!CH4&lt;0,'Indices Auto'!CI4&gt;100),"N",IF(AND('Cambios Auto'!CH4&lt;0,'Indices Auto'!CI4&lt;100),"R","NULL"))))</f>
        <v>V</v>
      </c>
      <c r="CI4" s="2" t="str">
        <f>IF(AND('Cambios Auto'!CI4&gt;0,'Indices Auto'!CJ4&gt;100),"V",IF(AND('Cambios Auto'!CI4&gt;0,'Indices Auto'!CJ4&lt;100),"A",IF(AND('Cambios Auto'!CI4&lt;0,'Indices Auto'!CJ4&gt;100),"N",IF(AND('Cambios Auto'!CI4&lt;0,'Indices Auto'!CJ4&lt;100),"R","NULL"))))</f>
        <v>V</v>
      </c>
      <c r="CJ4" s="2" t="str">
        <f>IF(AND('Cambios Auto'!CJ4&gt;0,'Indices Auto'!CK4&gt;100),"V",IF(AND('Cambios Auto'!CJ4&gt;0,'Indices Auto'!CK4&lt;100),"A",IF(AND('Cambios Auto'!CJ4&lt;0,'Indices Auto'!CK4&gt;100),"N",IF(AND('Cambios Auto'!CJ4&lt;0,'Indices Auto'!CK4&lt;100),"R","NULL"))))</f>
        <v>V</v>
      </c>
      <c r="CK4" s="2" t="str">
        <f>IF(AND('Cambios Auto'!CK4&gt;0,'Indices Auto'!CL4&gt;100),"V",IF(AND('Cambios Auto'!CK4&gt;0,'Indices Auto'!CL4&lt;100),"A",IF(AND('Cambios Auto'!CK4&lt;0,'Indices Auto'!CL4&gt;100),"N",IF(AND('Cambios Auto'!CK4&lt;0,'Indices Auto'!CL4&lt;100),"R","NULL"))))</f>
        <v>V</v>
      </c>
      <c r="CL4" s="2" t="str">
        <f>IF(AND('Cambios Auto'!CL4&gt;0,'Indices Auto'!CM4&gt;100),"V",IF(AND('Cambios Auto'!CL4&gt;0,'Indices Auto'!CM4&lt;100),"A",IF(AND('Cambios Auto'!CL4&lt;0,'Indices Auto'!CM4&gt;100),"N",IF(AND('Cambios Auto'!CL4&lt;0,'Indices Auto'!CM4&lt;100),"R","NULL"))))</f>
        <v>V</v>
      </c>
      <c r="CM4" s="2" t="str">
        <f>IF(AND('Cambios Auto'!CM4&gt;0,'Indices Auto'!CN4&gt;100),"V",IF(AND('Cambios Auto'!CM4&gt;0,'Indices Auto'!CN4&lt;100),"A",IF(AND('Cambios Auto'!CM4&lt;0,'Indices Auto'!CN4&gt;100),"N",IF(AND('Cambios Auto'!CM4&lt;0,'Indices Auto'!CN4&lt;100),"R","NULL"))))</f>
        <v>V</v>
      </c>
      <c r="CN4" s="2" t="str">
        <f>IF(AND('Cambios Auto'!CN4&gt;0,'Indices Auto'!CO4&gt;100),"V",IF(AND('Cambios Auto'!CN4&gt;0,'Indices Auto'!CO4&lt;100),"A",IF(AND('Cambios Auto'!CN4&lt;0,'Indices Auto'!CO4&gt;100),"N",IF(AND('Cambios Auto'!CN4&lt;0,'Indices Auto'!CO4&lt;100),"R","NULL"))))</f>
        <v>V</v>
      </c>
      <c r="CO4" s="2" t="str">
        <f>IF(AND('Cambios Auto'!CO4&gt;0,'Indices Auto'!CP4&gt;100),"V",IF(AND('Cambios Auto'!CO4&gt;0,'Indices Auto'!CP4&lt;100),"A",IF(AND('Cambios Auto'!CO4&lt;0,'Indices Auto'!CP4&gt;100),"N",IF(AND('Cambios Auto'!CO4&lt;0,'Indices Auto'!CP4&lt;100),"R","NULL"))))</f>
        <v>V</v>
      </c>
      <c r="CP4" s="2" t="str">
        <f>IF(AND('Cambios Auto'!CP4&gt;0,'Indices Auto'!CQ4&gt;100),"V",IF(AND('Cambios Auto'!CP4&gt;0,'Indices Auto'!CQ4&lt;100),"A",IF(AND('Cambios Auto'!CP4&lt;0,'Indices Auto'!CQ4&gt;100),"N",IF(AND('Cambios Auto'!CP4&lt;0,'Indices Auto'!CQ4&lt;100),"R","NULL"))))</f>
        <v>V</v>
      </c>
      <c r="CQ4" s="2" t="str">
        <f>IF(AND('Cambios Auto'!CQ4&gt;0,'Indices Auto'!CR4&gt;100),"V",IF(AND('Cambios Auto'!CQ4&gt;0,'Indices Auto'!CR4&lt;100),"A",IF(AND('Cambios Auto'!CQ4&lt;0,'Indices Auto'!CR4&gt;100),"N",IF(AND('Cambios Auto'!CQ4&lt;0,'Indices Auto'!CR4&lt;100),"R","NULL"))))</f>
        <v>V</v>
      </c>
      <c r="CR4" s="2" t="str">
        <f>IF(AND('Cambios Auto'!CR4&gt;0,'Indices Auto'!CS4&gt;100),"V",IF(AND('Cambios Auto'!CR4&gt;0,'Indices Auto'!CS4&lt;100),"A",IF(AND('Cambios Auto'!CR4&lt;0,'Indices Auto'!CS4&gt;100),"N",IF(AND('Cambios Auto'!CR4&lt;0,'Indices Auto'!CS4&lt;100),"R","NULL"))))</f>
        <v>V</v>
      </c>
      <c r="CS4" s="2" t="str">
        <f>IF(AND('Cambios Auto'!CS4&gt;0,'Indices Auto'!CT4&gt;100),"V",IF(AND('Cambios Auto'!CS4&gt;0,'Indices Auto'!CT4&lt;100),"A",IF(AND('Cambios Auto'!CS4&lt;0,'Indices Auto'!CT4&gt;100),"N",IF(AND('Cambios Auto'!CS4&lt;0,'Indices Auto'!CT4&lt;100),"R","NULL"))))</f>
        <v>V</v>
      </c>
      <c r="CT4" s="2" t="str">
        <f>IF(AND('Cambios Auto'!CT4&gt;0,'Indices Auto'!CU4&gt;100),"V",IF(AND('Cambios Auto'!CT4&gt;0,'Indices Auto'!CU4&lt;100),"A",IF(AND('Cambios Auto'!CT4&lt;0,'Indices Auto'!CU4&gt;100),"N",IF(AND('Cambios Auto'!CT4&lt;0,'Indices Auto'!CU4&lt;100),"R","NULL"))))</f>
        <v>V</v>
      </c>
      <c r="CU4" s="2" t="str">
        <f>IF(AND('Cambios Auto'!CU4&gt;0,'Indices Auto'!CV4&gt;100),"V",IF(AND('Cambios Auto'!CU4&gt;0,'Indices Auto'!CV4&lt;100),"A",IF(AND('Cambios Auto'!CU4&lt;0,'Indices Auto'!CV4&gt;100),"N",IF(AND('Cambios Auto'!CU4&lt;0,'Indices Auto'!CV4&lt;100),"R","NULL"))))</f>
        <v>V</v>
      </c>
      <c r="CV4" s="2" t="str">
        <f>IF(AND('Cambios Auto'!CV4&gt;0,'Indices Auto'!CW4&gt;100),"V",IF(AND('Cambios Auto'!CV4&gt;0,'Indices Auto'!CW4&lt;100),"A",IF(AND('Cambios Auto'!CV4&lt;0,'Indices Auto'!CW4&gt;100),"N",IF(AND('Cambios Auto'!CV4&lt;0,'Indices Auto'!CW4&lt;100),"R","NULL"))))</f>
        <v>V</v>
      </c>
      <c r="CW4" s="2" t="str">
        <f>IF(AND('Cambios Auto'!CW4&gt;0,'Indices Auto'!CX4&gt;100),"V",IF(AND('Cambios Auto'!CW4&gt;0,'Indices Auto'!CX4&lt;100),"A",IF(AND('Cambios Auto'!CW4&lt;0,'Indices Auto'!CX4&gt;100),"N",IF(AND('Cambios Auto'!CW4&lt;0,'Indices Auto'!CX4&lt;100),"R","NULL"))))</f>
        <v>V</v>
      </c>
      <c r="CX4" s="2" t="str">
        <f>IF(AND('Cambios Auto'!CX4&gt;0,'Indices Auto'!CY4&gt;100),"V",IF(AND('Cambios Auto'!CX4&gt;0,'Indices Auto'!CY4&lt;100),"A",IF(AND('Cambios Auto'!CX4&lt;0,'Indices Auto'!CY4&gt;100),"N",IF(AND('Cambios Auto'!CX4&lt;0,'Indices Auto'!CY4&lt;100),"R","NULL"))))</f>
        <v>N</v>
      </c>
      <c r="CY4" s="2" t="str">
        <f>IF(AND('Cambios Auto'!CY4&gt;0,'Indices Auto'!CZ4&gt;100),"V",IF(AND('Cambios Auto'!CY4&gt;0,'Indices Auto'!CZ4&lt;100),"A",IF(AND('Cambios Auto'!CY4&lt;0,'Indices Auto'!CZ4&gt;100),"N",IF(AND('Cambios Auto'!CY4&lt;0,'Indices Auto'!CZ4&lt;100),"R","NULL"))))</f>
        <v>N</v>
      </c>
      <c r="CZ4" s="2" t="str">
        <f>IF(AND('Cambios Auto'!CZ4&gt;0,'Indices Auto'!DA4&gt;100),"V",IF(AND('Cambios Auto'!CZ4&gt;0,'Indices Auto'!DA4&lt;100),"A",IF(AND('Cambios Auto'!CZ4&lt;0,'Indices Auto'!DA4&gt;100),"N",IF(AND('Cambios Auto'!CZ4&lt;0,'Indices Auto'!DA4&lt;100),"R","NULL"))))</f>
        <v>N</v>
      </c>
      <c r="DA4" s="2" t="str">
        <f>IF(AND('Cambios Auto'!DA4&gt;0,'Indices Auto'!DB4&gt;100),"V",IF(AND('Cambios Auto'!DA4&gt;0,'Indices Auto'!DB4&lt;100),"A",IF(AND('Cambios Auto'!DA4&lt;0,'Indices Auto'!DB4&gt;100),"N",IF(AND('Cambios Auto'!DA4&lt;0,'Indices Auto'!DB4&lt;100),"R","NULL"))))</f>
        <v>N</v>
      </c>
      <c r="DB4" s="2" t="str">
        <f>IF(AND('Cambios Auto'!DB4&gt;0,'Indices Auto'!DC4&gt;100),"V",IF(AND('Cambios Auto'!DB4&gt;0,'Indices Auto'!DC4&lt;100),"A",IF(AND('Cambios Auto'!DB4&lt;0,'Indices Auto'!DC4&gt;100),"N",IF(AND('Cambios Auto'!DB4&lt;0,'Indices Auto'!DC4&lt;100),"R","NULL"))))</f>
        <v>N</v>
      </c>
      <c r="DC4" s="2" t="str">
        <f>IF(AND('Cambios Auto'!DC4&gt;0,'Indices Auto'!DD4&gt;100),"V",IF(AND('Cambios Auto'!DC4&gt;0,'Indices Auto'!DD4&lt;100),"A",IF(AND('Cambios Auto'!DC4&lt;0,'Indices Auto'!DD4&gt;100),"N",IF(AND('Cambios Auto'!DC4&lt;0,'Indices Auto'!DD4&lt;100),"R","NULL"))))</f>
        <v>R</v>
      </c>
      <c r="DD4" s="2" t="str">
        <f>IF(AND('Cambios Auto'!DD4&gt;0,'Indices Auto'!DE4&gt;100),"V",IF(AND('Cambios Auto'!DD4&gt;0,'Indices Auto'!DE4&lt;100),"A",IF(AND('Cambios Auto'!DD4&lt;0,'Indices Auto'!DE4&gt;100),"N",IF(AND('Cambios Auto'!DD4&lt;0,'Indices Auto'!DE4&lt;100),"R","NULL"))))</f>
        <v>R</v>
      </c>
      <c r="DE4" s="2" t="str">
        <f>IF(AND('Cambios Auto'!DE4&gt;0,'Indices Auto'!DF4&gt;100),"V",IF(AND('Cambios Auto'!DE4&gt;0,'Indices Auto'!DF4&lt;100),"A",IF(AND('Cambios Auto'!DE4&lt;0,'Indices Auto'!DF4&gt;100),"N",IF(AND('Cambios Auto'!DE4&lt;0,'Indices Auto'!DF4&lt;100),"R","NULL"))))</f>
        <v>R</v>
      </c>
      <c r="DF4" s="2" t="str">
        <f>IF(AND('Cambios Auto'!DF4&gt;0,'Indices Auto'!DG4&gt;100),"V",IF(AND('Cambios Auto'!DF4&gt;0,'Indices Auto'!DG4&lt;100),"A",IF(AND('Cambios Auto'!DF4&lt;0,'Indices Auto'!DG4&gt;100),"N",IF(AND('Cambios Auto'!DF4&lt;0,'Indices Auto'!DG4&lt;100),"R","NULL"))))</f>
        <v>R</v>
      </c>
      <c r="DG4" s="2" t="str">
        <f>IF(AND('Cambios Auto'!DG4&gt;0,'Indices Auto'!DH4&gt;100),"V",IF(AND('Cambios Auto'!DG4&gt;0,'Indices Auto'!DH4&lt;100),"A",IF(AND('Cambios Auto'!DG4&lt;0,'Indices Auto'!DH4&gt;100),"N",IF(AND('Cambios Auto'!DG4&lt;0,'Indices Auto'!DH4&lt;100),"R","NULL"))))</f>
        <v>R</v>
      </c>
      <c r="DH4" s="2" t="str">
        <f>IF(AND('Cambios Auto'!DH4&gt;0,'Indices Auto'!DI4&gt;100),"V",IF(AND('Cambios Auto'!DH4&gt;0,'Indices Auto'!DI4&lt;100),"A",IF(AND('Cambios Auto'!DH4&lt;0,'Indices Auto'!DI4&gt;100),"N",IF(AND('Cambios Auto'!DH4&lt;0,'Indices Auto'!DI4&lt;100),"R","NULL"))))</f>
        <v>R</v>
      </c>
      <c r="DI4" s="2" t="str">
        <f>IF(AND('Cambios Auto'!DI4&gt;0,'Indices Auto'!DJ4&gt;100),"V",IF(AND('Cambios Auto'!DI4&gt;0,'Indices Auto'!DJ4&lt;100),"A",IF(AND('Cambios Auto'!DI4&lt;0,'Indices Auto'!DJ4&gt;100),"N",IF(AND('Cambios Auto'!DI4&lt;0,'Indices Auto'!DJ4&lt;100),"R","NULL"))))</f>
        <v>R</v>
      </c>
      <c r="DJ4" s="2" t="str">
        <f>IF(AND('Cambios Auto'!DJ4&gt;0,'Indices Auto'!DK4&gt;100),"V",IF(AND('Cambios Auto'!DJ4&gt;0,'Indices Auto'!DK4&lt;100),"A",IF(AND('Cambios Auto'!DJ4&lt;0,'Indices Auto'!DK4&gt;100),"N",IF(AND('Cambios Auto'!DJ4&lt;0,'Indices Auto'!DK4&lt;100),"R","NULL"))))</f>
        <v>R</v>
      </c>
      <c r="DK4" s="2" t="str">
        <f>IF(AND('Cambios Auto'!DK4&gt;0,'Indices Auto'!DL4&gt;100),"V",IF(AND('Cambios Auto'!DK4&gt;0,'Indices Auto'!DL4&lt;100),"A",IF(AND('Cambios Auto'!DK4&lt;0,'Indices Auto'!DL4&gt;100),"N",IF(AND('Cambios Auto'!DK4&lt;0,'Indices Auto'!DL4&lt;100),"R","NULL"))))</f>
        <v>R</v>
      </c>
      <c r="DL4" s="2" t="str">
        <f>IF(AND('Cambios Auto'!DL4&gt;0,'Indices Auto'!DM4&gt;100),"V",IF(AND('Cambios Auto'!DL4&gt;0,'Indices Auto'!DM4&lt;100),"A",IF(AND('Cambios Auto'!DL4&lt;0,'Indices Auto'!DM4&gt;100),"N",IF(AND('Cambios Auto'!DL4&lt;0,'Indices Auto'!DM4&lt;100),"R","NULL"))))</f>
        <v>A</v>
      </c>
      <c r="DM4" s="2" t="str">
        <f>IF(AND('Cambios Auto'!DM4&gt;0,'Indices Auto'!DN4&gt;100),"V",IF(AND('Cambios Auto'!DM4&gt;0,'Indices Auto'!DN4&lt;100),"A",IF(AND('Cambios Auto'!DM4&lt;0,'Indices Auto'!DN4&gt;100),"N",IF(AND('Cambios Auto'!DM4&lt;0,'Indices Auto'!DN4&lt;100),"R","NULL"))))</f>
        <v>A</v>
      </c>
      <c r="DN4" s="2" t="str">
        <f>IF(AND('Cambios Auto'!DN4&gt;0,'Indices Auto'!DO4&gt;100),"V",IF(AND('Cambios Auto'!DN4&gt;0,'Indices Auto'!DO4&lt;100),"A",IF(AND('Cambios Auto'!DN4&lt;0,'Indices Auto'!DO4&gt;100),"N",IF(AND('Cambios Auto'!DN4&lt;0,'Indices Auto'!DO4&lt;100),"R","NULL"))))</f>
        <v>A</v>
      </c>
      <c r="DO4" s="2" t="str">
        <f>IF(AND('Cambios Auto'!DO4&gt;0,'Indices Auto'!DP4&gt;100),"V",IF(AND('Cambios Auto'!DO4&gt;0,'Indices Auto'!DP4&lt;100),"A",IF(AND('Cambios Auto'!DO4&lt;0,'Indices Auto'!DP4&gt;100),"N",IF(AND('Cambios Auto'!DO4&lt;0,'Indices Auto'!DP4&lt;100),"R","NULL"))))</f>
        <v>A</v>
      </c>
      <c r="DP4" s="2" t="str">
        <f>IF(AND('Cambios Auto'!DP4&gt;0,'Indices Auto'!DQ4&gt;100),"V",IF(AND('Cambios Auto'!DP4&gt;0,'Indices Auto'!DQ4&lt;100),"A",IF(AND('Cambios Auto'!DP4&lt;0,'Indices Auto'!DQ4&gt;100),"N",IF(AND('Cambios Auto'!DP4&lt;0,'Indices Auto'!DQ4&lt;100),"R","NULL"))))</f>
        <v>A</v>
      </c>
      <c r="DQ4" s="2" t="str">
        <f>IF(AND('Cambios Auto'!DQ4&gt;0,'Indices Auto'!DR4&gt;100),"V",IF(AND('Cambios Auto'!DQ4&gt;0,'Indices Auto'!DR4&lt;100),"A",IF(AND('Cambios Auto'!DQ4&lt;0,'Indices Auto'!DR4&gt;100),"N",IF(AND('Cambios Auto'!DQ4&lt;0,'Indices Auto'!DR4&lt;100),"R","NULL"))))</f>
        <v>A</v>
      </c>
      <c r="DR4" s="2" t="str">
        <f>IF(AND('Cambios Auto'!DR4&gt;0,'Indices Auto'!DS4&gt;100),"V",IF(AND('Cambios Auto'!DR4&gt;0,'Indices Auto'!DS4&lt;100),"A",IF(AND('Cambios Auto'!DR4&lt;0,'Indices Auto'!DS4&gt;100),"N",IF(AND('Cambios Auto'!DR4&lt;0,'Indices Auto'!DS4&lt;100),"R","NULL"))))</f>
        <v>A</v>
      </c>
      <c r="DS4" s="2" t="str">
        <f>IF(AND('Cambios Auto'!DS4&gt;0,'Indices Auto'!DT4&gt;100),"V",IF(AND('Cambios Auto'!DS4&gt;0,'Indices Auto'!DT4&lt;100),"A",IF(AND('Cambios Auto'!DS4&lt;0,'Indices Auto'!DT4&gt;100),"N",IF(AND('Cambios Auto'!DS4&lt;0,'Indices Auto'!DT4&lt;100),"R","NULL"))))</f>
        <v>A</v>
      </c>
      <c r="DT4" s="2" t="str">
        <f>IF(AND('Cambios Auto'!DT4&gt;0,'Indices Auto'!DU4&gt;100),"V",IF(AND('Cambios Auto'!DT4&gt;0,'Indices Auto'!DU4&lt;100),"A",IF(AND('Cambios Auto'!DT4&lt;0,'Indices Auto'!DU4&gt;100),"N",IF(AND('Cambios Auto'!DT4&lt;0,'Indices Auto'!DU4&lt;100),"R","NULL"))))</f>
        <v>A</v>
      </c>
      <c r="DU4" s="2" t="str">
        <f>IF(AND('Cambios Auto'!DU4&gt;0,'Indices Auto'!DV4&gt;100),"V",IF(AND('Cambios Auto'!DU4&gt;0,'Indices Auto'!DV4&lt;100),"A",IF(AND('Cambios Auto'!DU4&lt;0,'Indices Auto'!DV4&gt;100),"N",IF(AND('Cambios Auto'!DU4&lt;0,'Indices Auto'!DV4&lt;100),"R","NULL"))))</f>
        <v>A</v>
      </c>
      <c r="DV4" s="2" t="str">
        <f>IF(AND('Cambios Auto'!DV4&gt;0,'Indices Auto'!DW4&gt;100),"V",IF(AND('Cambios Auto'!DV4&gt;0,'Indices Auto'!DW4&lt;100),"A",IF(AND('Cambios Auto'!DV4&lt;0,'Indices Auto'!DW4&gt;100),"N",IF(AND('Cambios Auto'!DV4&lt;0,'Indices Auto'!DW4&lt;100),"R","NULL"))))</f>
        <v>A</v>
      </c>
      <c r="DW4" s="2" t="str">
        <f>IF(AND('Cambios Auto'!DW4&gt;0,'Indices Auto'!DX4&gt;100),"V",IF(AND('Cambios Auto'!DW4&gt;0,'Indices Auto'!DX4&lt;100),"A",IF(AND('Cambios Auto'!DW4&lt;0,'Indices Auto'!DX4&gt;100),"N",IF(AND('Cambios Auto'!DW4&lt;0,'Indices Auto'!DX4&lt;100),"R","NULL"))))</f>
        <v>A</v>
      </c>
      <c r="DX4" s="2" t="str">
        <f>IF(AND('Cambios Auto'!DX4&gt;0,'Indices Auto'!DY4&gt;100),"V",IF(AND('Cambios Auto'!DX4&gt;0,'Indices Auto'!DY4&lt;100),"A",IF(AND('Cambios Auto'!DX4&lt;0,'Indices Auto'!DY4&gt;100),"N",IF(AND('Cambios Auto'!DX4&lt;0,'Indices Auto'!DY4&lt;100),"R","NULL"))))</f>
        <v>A</v>
      </c>
      <c r="DY4" s="2" t="str">
        <f>IF(AND('Cambios Auto'!DY4&gt;0,'Indices Auto'!DZ4&gt;100),"V",IF(AND('Cambios Auto'!DY4&gt;0,'Indices Auto'!DZ4&lt;100),"A",IF(AND('Cambios Auto'!DY4&lt;0,'Indices Auto'!DZ4&gt;100),"N",IF(AND('Cambios Auto'!DY4&lt;0,'Indices Auto'!DZ4&lt;100),"R","NULL"))))</f>
        <v>A</v>
      </c>
      <c r="DZ4" s="2" t="str">
        <f>IF(AND('Cambios Auto'!DZ4&gt;0,'Indices Auto'!EA4&gt;100),"V",IF(AND('Cambios Auto'!DZ4&gt;0,'Indices Auto'!EA4&lt;100),"A",IF(AND('Cambios Auto'!DZ4&lt;0,'Indices Auto'!EA4&gt;100),"N",IF(AND('Cambios Auto'!DZ4&lt;0,'Indices Auto'!EA4&lt;100),"R","NULL"))))</f>
        <v>A</v>
      </c>
      <c r="EA4" s="2" t="str">
        <f>IF(AND('Cambios Auto'!EA4&gt;0,'Indices Auto'!EB4&gt;100),"V",IF(AND('Cambios Auto'!EA4&gt;0,'Indices Auto'!EB4&lt;100),"A",IF(AND('Cambios Auto'!EA4&lt;0,'Indices Auto'!EB4&gt;100),"N",IF(AND('Cambios Auto'!EA4&lt;0,'Indices Auto'!EB4&lt;100),"R","NULL"))))</f>
        <v>A</v>
      </c>
      <c r="EB4" s="2" t="str">
        <f>IF(AND('Cambios Auto'!EB4&gt;0,'Indices Auto'!EC4&gt;100),"V",IF(AND('Cambios Auto'!EB4&gt;0,'Indices Auto'!EC4&lt;100),"A",IF(AND('Cambios Auto'!EB4&lt;0,'Indices Auto'!EC4&gt;100),"N",IF(AND('Cambios Auto'!EB4&lt;0,'Indices Auto'!EC4&lt;100),"R","NULL"))))</f>
        <v>A</v>
      </c>
      <c r="EC4" s="2" t="str">
        <f>IF(AND('Cambios Auto'!EC4&gt;0,'Indices Auto'!ED4&gt;100),"V",IF(AND('Cambios Auto'!EC4&gt;0,'Indices Auto'!ED4&lt;100),"A",IF(AND('Cambios Auto'!EC4&lt;0,'Indices Auto'!ED4&gt;100),"N",IF(AND('Cambios Auto'!EC4&lt;0,'Indices Auto'!ED4&lt;100),"R","NULL"))))</f>
        <v>A</v>
      </c>
      <c r="ED4" s="2" t="str">
        <f>IF(AND('Cambios Auto'!ED4&gt;0,'Indices Auto'!EE4&gt;100),"V",IF(AND('Cambios Auto'!ED4&gt;0,'Indices Auto'!EE4&lt;100),"A",IF(AND('Cambios Auto'!ED4&lt;0,'Indices Auto'!EE4&gt;100),"N",IF(AND('Cambios Auto'!ED4&lt;0,'Indices Auto'!EE4&lt;100),"R","NULL"))))</f>
        <v>A</v>
      </c>
      <c r="EE4" s="2" t="str">
        <f>IF(AND('Cambios Auto'!EE4&gt;0,'Indices Auto'!EF4&gt;100),"V",IF(AND('Cambios Auto'!EE4&gt;0,'Indices Auto'!EF4&lt;100),"A",IF(AND('Cambios Auto'!EE4&lt;0,'Indices Auto'!EF4&gt;100),"N",IF(AND('Cambios Auto'!EE4&lt;0,'Indices Auto'!EF4&lt;100),"R","NULL"))))</f>
        <v>A</v>
      </c>
      <c r="EF4" s="2" t="str">
        <f>IF(AND('Cambios Auto'!EF4&gt;0,'Indices Auto'!EG4&gt;100),"V",IF(AND('Cambios Auto'!EF4&gt;0,'Indices Auto'!EG4&lt;100),"A",IF(AND('Cambios Auto'!EF4&lt;0,'Indices Auto'!EG4&gt;100),"N",IF(AND('Cambios Auto'!EF4&lt;0,'Indices Auto'!EG4&lt;100),"R","NULL"))))</f>
        <v>A</v>
      </c>
      <c r="EG4" s="2" t="str">
        <f>IF(AND('Cambios Auto'!EG4&gt;0,'Indices Auto'!EH4&gt;100),"V",IF(AND('Cambios Auto'!EG4&gt;0,'Indices Auto'!EH4&lt;100),"A",IF(AND('Cambios Auto'!EG4&lt;0,'Indices Auto'!EH4&gt;100),"N",IF(AND('Cambios Auto'!EG4&lt;0,'Indices Auto'!EH4&lt;100),"R","NULL"))))</f>
        <v>A</v>
      </c>
      <c r="EH4" s="2" t="str">
        <f>IF(AND('Cambios Auto'!EH4&gt;0,'Indices Auto'!EI4&gt;100),"V",IF(AND('Cambios Auto'!EH4&gt;0,'Indices Auto'!EI4&lt;100),"A",IF(AND('Cambios Auto'!EH4&lt;0,'Indices Auto'!EI4&gt;100),"N",IF(AND('Cambios Auto'!EH4&lt;0,'Indices Auto'!EI4&lt;100),"R","NULL"))))</f>
        <v>A</v>
      </c>
      <c r="EI4" s="2" t="str">
        <f>IF(AND('Cambios Auto'!EI4&gt;0,'Indices Auto'!EJ4&gt;100),"V",IF(AND('Cambios Auto'!EI4&gt;0,'Indices Auto'!EJ4&lt;100),"A",IF(AND('Cambios Auto'!EI4&lt;0,'Indices Auto'!EJ4&gt;100),"N",IF(AND('Cambios Auto'!EI4&lt;0,'Indices Auto'!EJ4&lt;100),"R","NULL"))))</f>
        <v>A</v>
      </c>
      <c r="EJ4" s="2" t="str">
        <f>IF(AND('Cambios Auto'!EJ4&gt;0,'Indices Auto'!EK4&gt;100),"V",IF(AND('Cambios Auto'!EJ4&gt;0,'Indices Auto'!EK4&lt;100),"A",IF(AND('Cambios Auto'!EJ4&lt;0,'Indices Auto'!EK4&gt;100),"N",IF(AND('Cambios Auto'!EJ4&lt;0,'Indices Auto'!EK4&lt;100),"R","NULL"))))</f>
        <v>V</v>
      </c>
      <c r="EK4" s="2" t="str">
        <f>IF(AND('Cambios Auto'!EK4&gt;0,'Indices Auto'!EL4&gt;100),"V",IF(AND('Cambios Auto'!EK4&gt;0,'Indices Auto'!EL4&lt;100),"A",IF(AND('Cambios Auto'!EK4&lt;0,'Indices Auto'!EL4&gt;100),"N",IF(AND('Cambios Auto'!EK4&lt;0,'Indices Auto'!EL4&lt;100),"R","NULL"))))</f>
        <v>V</v>
      </c>
      <c r="EL4" s="2" t="str">
        <f>IF(AND('Cambios Auto'!EL4&gt;0,'Indices Auto'!EM4&gt;100),"V",IF(AND('Cambios Auto'!EL4&gt;0,'Indices Auto'!EM4&lt;100),"A",IF(AND('Cambios Auto'!EL4&lt;0,'Indices Auto'!EM4&gt;100),"N",IF(AND('Cambios Auto'!EL4&lt;0,'Indices Auto'!EM4&lt;100),"R","NULL"))))</f>
        <v>V</v>
      </c>
      <c r="EM4" s="2" t="str">
        <f>IF(AND('Cambios Auto'!EM4&gt;0,'Indices Auto'!EN4&gt;100),"V",IF(AND('Cambios Auto'!EM4&gt;0,'Indices Auto'!EN4&lt;100),"A",IF(AND('Cambios Auto'!EM4&lt;0,'Indices Auto'!EN4&gt;100),"N",IF(AND('Cambios Auto'!EM4&lt;0,'Indices Auto'!EN4&lt;100),"R","NULL"))))</f>
        <v>V</v>
      </c>
      <c r="EN4" s="2" t="str">
        <f>IF(AND('Cambios Auto'!EN4&gt;0,'Indices Auto'!EO4&gt;100),"V",IF(AND('Cambios Auto'!EN4&gt;0,'Indices Auto'!EO4&lt;100),"A",IF(AND('Cambios Auto'!EN4&lt;0,'Indices Auto'!EO4&gt;100),"N",IF(AND('Cambios Auto'!EN4&lt;0,'Indices Auto'!EO4&lt;100),"R","NULL"))))</f>
        <v>V</v>
      </c>
      <c r="EO4" s="2" t="str">
        <f>IF(AND('Cambios Auto'!EO4&gt;0,'Indices Auto'!EP4&gt;100),"V",IF(AND('Cambios Auto'!EO4&gt;0,'Indices Auto'!EP4&lt;100),"A",IF(AND('Cambios Auto'!EO4&lt;0,'Indices Auto'!EP4&gt;100),"N",IF(AND('Cambios Auto'!EO4&lt;0,'Indices Auto'!EP4&lt;100),"R","NULL"))))</f>
        <v>V</v>
      </c>
      <c r="EP4" s="2" t="str">
        <f>IF(AND('Cambios Auto'!EP4&gt;0,'Indices Auto'!EQ4&gt;100),"V",IF(AND('Cambios Auto'!EP4&gt;0,'Indices Auto'!EQ4&lt;100),"A",IF(AND('Cambios Auto'!EP4&lt;0,'Indices Auto'!EQ4&gt;100),"N",IF(AND('Cambios Auto'!EP4&lt;0,'Indices Auto'!EQ4&lt;100),"R","NULL"))))</f>
        <v>V</v>
      </c>
      <c r="EQ4" s="2" t="str">
        <f>IF(AND('Cambios Auto'!EQ4&gt;0,'Indices Auto'!ER4&gt;100),"V",IF(AND('Cambios Auto'!EQ4&gt;0,'Indices Auto'!ER4&lt;100),"A",IF(AND('Cambios Auto'!EQ4&lt;0,'Indices Auto'!ER4&gt;100),"N",IF(AND('Cambios Auto'!EQ4&lt;0,'Indices Auto'!ER4&lt;100),"R","NULL"))))</f>
        <v>V</v>
      </c>
      <c r="ER4" s="2" t="str">
        <f>IF(AND('Cambios Auto'!ER4&gt;0,'Indices Auto'!ES4&gt;100),"V",IF(AND('Cambios Auto'!ER4&gt;0,'Indices Auto'!ES4&lt;100),"A",IF(AND('Cambios Auto'!ER4&lt;0,'Indices Auto'!ES4&gt;100),"N",IF(AND('Cambios Auto'!ER4&lt;0,'Indices Auto'!ES4&lt;100),"R","NULL"))))</f>
        <v>V</v>
      </c>
      <c r="ES4" s="2" t="str">
        <f>IF(AND('Cambios Auto'!ES4&gt;0,'Indices Auto'!ET4&gt;100),"V",IF(AND('Cambios Auto'!ES4&gt;0,'Indices Auto'!ET4&lt;100),"A",IF(AND('Cambios Auto'!ES4&lt;0,'Indices Auto'!ET4&gt;100),"N",IF(AND('Cambios Auto'!ES4&lt;0,'Indices Auto'!ET4&lt;100),"R","NULL"))))</f>
        <v>V</v>
      </c>
      <c r="ET4" s="2" t="str">
        <f>IF(AND('Cambios Auto'!ET4&gt;0,'Indices Auto'!EU4&gt;100),"V",IF(AND('Cambios Auto'!ET4&gt;0,'Indices Auto'!EU4&lt;100),"A",IF(AND('Cambios Auto'!ET4&lt;0,'Indices Auto'!EU4&gt;100),"N",IF(AND('Cambios Auto'!ET4&lt;0,'Indices Auto'!EU4&lt;100),"R","NULL"))))</f>
        <v>V</v>
      </c>
      <c r="EU4" s="2" t="str">
        <f>IF(AND('Cambios Auto'!EU4&gt;0,'Indices Auto'!EV4&gt;100),"V",IF(AND('Cambios Auto'!EU4&gt;0,'Indices Auto'!EV4&lt;100),"A",IF(AND('Cambios Auto'!EU4&lt;0,'Indices Auto'!EV4&gt;100),"N",IF(AND('Cambios Auto'!EU4&lt;0,'Indices Auto'!EV4&lt;100),"R","NULL"))))</f>
        <v>V</v>
      </c>
      <c r="EV4" s="2" t="str">
        <f>IF(AND('Cambios Auto'!EV4&gt;0,'Indices Auto'!EW4&gt;100),"V",IF(AND('Cambios Auto'!EV4&gt;0,'Indices Auto'!EW4&lt;100),"A",IF(AND('Cambios Auto'!EV4&lt;0,'Indices Auto'!EW4&gt;100),"N",IF(AND('Cambios Auto'!EV4&lt;0,'Indices Auto'!EW4&lt;100),"R","NULL"))))</f>
        <v>N</v>
      </c>
      <c r="EW4" s="2" t="str">
        <f>IF(AND('Cambios Auto'!EW4&gt;0,'Indices Auto'!EX4&gt;100),"V",IF(AND('Cambios Auto'!EW4&gt;0,'Indices Auto'!EX4&lt;100),"A",IF(AND('Cambios Auto'!EW4&lt;0,'Indices Auto'!EX4&gt;100),"N",IF(AND('Cambios Auto'!EW4&lt;0,'Indices Auto'!EX4&lt;100),"R","NULL"))))</f>
        <v>N</v>
      </c>
      <c r="EX4" s="2" t="str">
        <f>IF(AND('Cambios Auto'!EX4&gt;0,'Indices Auto'!EY4&gt;100),"V",IF(AND('Cambios Auto'!EX4&gt;0,'Indices Auto'!EY4&lt;100),"A",IF(AND('Cambios Auto'!EX4&lt;0,'Indices Auto'!EY4&gt;100),"N",IF(AND('Cambios Auto'!EX4&lt;0,'Indices Auto'!EY4&lt;100),"R","NULL"))))</f>
        <v>N</v>
      </c>
      <c r="EY4" s="2" t="str">
        <f>IF(AND('Cambios Auto'!EY4&gt;0,'Indices Auto'!EZ4&gt;100),"V",IF(AND('Cambios Auto'!EY4&gt;0,'Indices Auto'!EZ4&lt;100),"A",IF(AND('Cambios Auto'!EY4&lt;0,'Indices Auto'!EZ4&gt;100),"N",IF(AND('Cambios Auto'!EY4&lt;0,'Indices Auto'!EZ4&lt;100),"R","NULL"))))</f>
        <v>N</v>
      </c>
      <c r="EZ4" s="2" t="str">
        <f>IF(AND('Cambios Auto'!EZ4&gt;0,'Indices Auto'!FA4&gt;100),"V",IF(AND('Cambios Auto'!EZ4&gt;0,'Indices Auto'!FA4&lt;100),"A",IF(AND('Cambios Auto'!EZ4&lt;0,'Indices Auto'!FA4&gt;100),"N",IF(AND('Cambios Auto'!EZ4&lt;0,'Indices Auto'!FA4&lt;100),"R","NULL"))))</f>
        <v>N</v>
      </c>
      <c r="FA4" s="2" t="str">
        <f>IF(AND('Cambios Auto'!FA4&gt;0,'Indices Auto'!FB4&gt;100),"V",IF(AND('Cambios Auto'!FA4&gt;0,'Indices Auto'!FB4&lt;100),"A",IF(AND('Cambios Auto'!FA4&lt;0,'Indices Auto'!FB4&gt;100),"N",IF(AND('Cambios Auto'!FA4&lt;0,'Indices Auto'!FB4&lt;100),"R","NULL"))))</f>
        <v>N</v>
      </c>
      <c r="FB4" s="2" t="str">
        <f>IF(AND('Cambios Auto'!FB4&gt;0,'Indices Auto'!FC4&gt;100),"V",IF(AND('Cambios Auto'!FB4&gt;0,'Indices Auto'!FC4&lt;100),"A",IF(AND('Cambios Auto'!FB4&lt;0,'Indices Auto'!FC4&gt;100),"N",IF(AND('Cambios Auto'!FB4&lt;0,'Indices Auto'!FC4&lt;100),"R","NULL"))))</f>
        <v>N</v>
      </c>
      <c r="FC4" s="2" t="str">
        <f>IF(AND('Cambios Auto'!FC4&gt;0,'Indices Auto'!FD4&gt;100),"V",IF(AND('Cambios Auto'!FC4&gt;0,'Indices Auto'!FD4&lt;100),"A",IF(AND('Cambios Auto'!FC4&lt;0,'Indices Auto'!FD4&gt;100),"N",IF(AND('Cambios Auto'!FC4&lt;0,'Indices Auto'!FD4&lt;100),"R","NULL"))))</f>
        <v>N</v>
      </c>
      <c r="FD4" s="2" t="str">
        <f>IF(AND('Cambios Auto'!FD4&gt;0,'Indices Auto'!FE4&gt;100),"V",IF(AND('Cambios Auto'!FD4&gt;0,'Indices Auto'!FE4&lt;100),"A",IF(AND('Cambios Auto'!FD4&lt;0,'Indices Auto'!FE4&gt;100),"N",IF(AND('Cambios Auto'!FD4&lt;0,'Indices Auto'!FE4&lt;100),"R","NULL"))))</f>
        <v>N</v>
      </c>
      <c r="FE4" s="2" t="str">
        <f>IF(AND('Cambios Auto'!FE4&gt;0,'Indices Auto'!FF4&gt;100),"V",IF(AND('Cambios Auto'!FE4&gt;0,'Indices Auto'!FF4&lt;100),"A",IF(AND('Cambios Auto'!FE4&lt;0,'Indices Auto'!FF4&gt;100),"N",IF(AND('Cambios Auto'!FE4&lt;0,'Indices Auto'!FF4&lt;100),"R","NULL"))))</f>
        <v>R</v>
      </c>
      <c r="FF4" s="2" t="str">
        <f>IF(AND('Cambios Auto'!FF4&gt;0,'Indices Auto'!FG4&gt;100),"V",IF(AND('Cambios Auto'!FF4&gt;0,'Indices Auto'!FG4&lt;100),"A",IF(AND('Cambios Auto'!FF4&lt;0,'Indices Auto'!FG4&gt;100),"N",IF(AND('Cambios Auto'!FF4&lt;0,'Indices Auto'!FG4&lt;100),"R","NULL"))))</f>
        <v>R</v>
      </c>
      <c r="FG4" s="2" t="str">
        <f>IF(AND('Cambios Auto'!FG4&gt;0,'Indices Auto'!FH4&gt;100),"V",IF(AND('Cambios Auto'!FG4&gt;0,'Indices Auto'!FH4&lt;100),"A",IF(AND('Cambios Auto'!FG4&lt;0,'Indices Auto'!FH4&gt;100),"N",IF(AND('Cambios Auto'!FG4&lt;0,'Indices Auto'!FH4&lt;100),"R","NULL"))))</f>
        <v>R</v>
      </c>
      <c r="FH4" s="2" t="str">
        <f>IF(AND('Cambios Auto'!FH4&gt;0,'Indices Auto'!FI4&gt;100),"V",IF(AND('Cambios Auto'!FH4&gt;0,'Indices Auto'!FI4&lt;100),"A",IF(AND('Cambios Auto'!FH4&lt;0,'Indices Auto'!FI4&gt;100),"N",IF(AND('Cambios Auto'!FH4&lt;0,'Indices Auto'!FI4&lt;100),"R","NULL"))))</f>
        <v>R</v>
      </c>
      <c r="FI4" s="2" t="str">
        <f>IF(AND('Cambios Auto'!FI4&gt;0,'Indices Auto'!FJ4&gt;100),"V",IF(AND('Cambios Auto'!FI4&gt;0,'Indices Auto'!FJ4&lt;100),"A",IF(AND('Cambios Auto'!FI4&lt;0,'Indices Auto'!FJ4&gt;100),"N",IF(AND('Cambios Auto'!FI4&lt;0,'Indices Auto'!FJ4&lt;100),"R","NULL"))))</f>
        <v>R</v>
      </c>
      <c r="FJ4" s="2" t="str">
        <f>IF(AND('Cambios Auto'!FJ4&gt;0,'Indices Auto'!FK4&gt;100),"V",IF(AND('Cambios Auto'!FJ4&gt;0,'Indices Auto'!FK4&lt;100),"A",IF(AND('Cambios Auto'!FJ4&lt;0,'Indices Auto'!FK4&gt;100),"N",IF(AND('Cambios Auto'!FJ4&lt;0,'Indices Auto'!FK4&lt;100),"R","NULL"))))</f>
        <v>R</v>
      </c>
      <c r="FK4" s="2" t="str">
        <f>IF(AND('Cambios Auto'!FK4&gt;0,'Indices Auto'!FL4&gt;100),"V",IF(AND('Cambios Auto'!FK4&gt;0,'Indices Auto'!FL4&lt;100),"A",IF(AND('Cambios Auto'!FK4&lt;0,'Indices Auto'!FL4&gt;100),"N",IF(AND('Cambios Auto'!FK4&lt;0,'Indices Auto'!FL4&lt;100),"R","NULL"))))</f>
        <v>R</v>
      </c>
      <c r="FL4" s="2" t="str">
        <f>IF(AND('Cambios Auto'!FL4&gt;0,'Indices Auto'!FM4&gt;100),"V",IF(AND('Cambios Auto'!FL4&gt;0,'Indices Auto'!FM4&lt;100),"A",IF(AND('Cambios Auto'!FL4&lt;0,'Indices Auto'!FM4&gt;100),"N",IF(AND('Cambios Auto'!FL4&lt;0,'Indices Auto'!FM4&lt;100),"R","NULL"))))</f>
        <v>R</v>
      </c>
      <c r="FM4" s="2" t="str">
        <f>IF(AND('Cambios Auto'!FM4&gt;0,'Indices Auto'!FN4&gt;100),"V",IF(AND('Cambios Auto'!FM4&gt;0,'Indices Auto'!FN4&lt;100),"A",IF(AND('Cambios Auto'!FM4&lt;0,'Indices Auto'!FN4&gt;100),"N",IF(AND('Cambios Auto'!FM4&lt;0,'Indices Auto'!FN4&lt;100),"R","NULL"))))</f>
        <v>R</v>
      </c>
      <c r="FN4" s="2" t="str">
        <f>IF(AND('Cambios Auto'!FN4&gt;0,'Indices Auto'!FO4&gt;100),"V",IF(AND('Cambios Auto'!FN4&gt;0,'Indices Auto'!FO4&lt;100),"A",IF(AND('Cambios Auto'!FN4&lt;0,'Indices Auto'!FO4&gt;100),"N",IF(AND('Cambios Auto'!FN4&lt;0,'Indices Auto'!FO4&lt;100),"R","NULL"))))</f>
        <v>R</v>
      </c>
      <c r="FO4" s="2" t="str">
        <f>IF(AND('Cambios Auto'!FO4&gt;0,'Indices Auto'!FP4&gt;100),"V",IF(AND('Cambios Auto'!FO4&gt;0,'Indices Auto'!FP4&lt;100),"A",IF(AND('Cambios Auto'!FO4&lt;0,'Indices Auto'!FP4&gt;100),"N",IF(AND('Cambios Auto'!FO4&lt;0,'Indices Auto'!FP4&lt;100),"R","NULL"))))</f>
        <v>R</v>
      </c>
      <c r="FP4" s="2" t="str">
        <f>IF(AND('Cambios Auto'!FP4&gt;0,'Indices Auto'!FQ4&gt;100),"V",IF(AND('Cambios Auto'!FP4&gt;0,'Indices Auto'!FQ4&lt;100),"A",IF(AND('Cambios Auto'!FP4&lt;0,'Indices Auto'!FQ4&gt;100),"N",IF(AND('Cambios Auto'!FP4&lt;0,'Indices Auto'!FQ4&lt;100),"R","NULL"))))</f>
        <v>A</v>
      </c>
      <c r="FQ4" s="2" t="str">
        <f>IF(AND('Cambios Auto'!FQ4&gt;0,'Indices Auto'!FR4&gt;100),"V",IF(AND('Cambios Auto'!FQ4&gt;0,'Indices Auto'!FR4&lt;100),"A",IF(AND('Cambios Auto'!FQ4&lt;0,'Indices Auto'!FR4&gt;100),"N",IF(AND('Cambios Auto'!FQ4&lt;0,'Indices Auto'!FR4&lt;100),"R","NULL"))))</f>
        <v>A</v>
      </c>
      <c r="FR4" s="2" t="str">
        <f>IF(AND('Cambios Auto'!FR4&gt;0,'Indices Auto'!FS4&gt;100),"V",IF(AND('Cambios Auto'!FR4&gt;0,'Indices Auto'!FS4&lt;100),"A",IF(AND('Cambios Auto'!FR4&lt;0,'Indices Auto'!FS4&gt;100),"N",IF(AND('Cambios Auto'!FR4&lt;0,'Indices Auto'!FS4&lt;100),"R","NULL"))))</f>
        <v>A</v>
      </c>
      <c r="FS4" s="2" t="str">
        <f>IF(AND('Cambios Auto'!FS4&gt;0,'Indices Auto'!FT4&gt;100),"V",IF(AND('Cambios Auto'!FS4&gt;0,'Indices Auto'!FT4&lt;100),"A",IF(AND('Cambios Auto'!FS4&lt;0,'Indices Auto'!FT4&gt;100),"N",IF(AND('Cambios Auto'!FS4&lt;0,'Indices Auto'!FT4&lt;100),"R","NULL"))))</f>
        <v>A</v>
      </c>
      <c r="FT4" s="2" t="str">
        <f>IF(AND('Cambios Auto'!FT4&gt;0,'Indices Auto'!FU4&gt;100),"V",IF(AND('Cambios Auto'!FT4&gt;0,'Indices Auto'!FU4&lt;100),"A",IF(AND('Cambios Auto'!FT4&lt;0,'Indices Auto'!FU4&gt;100),"N",IF(AND('Cambios Auto'!FT4&lt;0,'Indices Auto'!FU4&lt;100),"R","NULL"))))</f>
        <v>A</v>
      </c>
      <c r="FU4" s="2" t="str">
        <f>IF(AND('Cambios Auto'!FU4&gt;0,'Indices Auto'!FV4&gt;100),"V",IF(AND('Cambios Auto'!FU4&gt;0,'Indices Auto'!FV4&lt;100),"A",IF(AND('Cambios Auto'!FU4&lt;0,'Indices Auto'!FV4&gt;100),"N",IF(AND('Cambios Auto'!FU4&lt;0,'Indices Auto'!FV4&lt;100),"R","NULL"))))</f>
        <v>A</v>
      </c>
      <c r="FV4" s="2" t="str">
        <f>IF(AND('Cambios Auto'!FV4&gt;0,'Indices Auto'!FW4&gt;100),"V",IF(AND('Cambios Auto'!FV4&gt;0,'Indices Auto'!FW4&lt;100),"A",IF(AND('Cambios Auto'!FV4&lt;0,'Indices Auto'!FW4&gt;100),"N",IF(AND('Cambios Auto'!FV4&lt;0,'Indices Auto'!FW4&lt;100),"R","NULL"))))</f>
        <v>A</v>
      </c>
      <c r="FW4" s="2" t="str">
        <f>IF(AND('Cambios Auto'!FW4&gt;0,'Indices Auto'!FX4&gt;100),"V",IF(AND('Cambios Auto'!FW4&gt;0,'Indices Auto'!FX4&lt;100),"A",IF(AND('Cambios Auto'!FW4&lt;0,'Indices Auto'!FX4&gt;100),"N",IF(AND('Cambios Auto'!FW4&lt;0,'Indices Auto'!FX4&lt;100),"R","NULL"))))</f>
        <v>V</v>
      </c>
      <c r="FX4" s="2" t="str">
        <f>IF(AND('Cambios Auto'!FX4&gt;0,'Indices Auto'!FY4&gt;100),"V",IF(AND('Cambios Auto'!FX4&gt;0,'Indices Auto'!FY4&lt;100),"A",IF(AND('Cambios Auto'!FX4&lt;0,'Indices Auto'!FY4&gt;100),"N",IF(AND('Cambios Auto'!FX4&lt;0,'Indices Auto'!FY4&lt;100),"R","NULL"))))</f>
        <v>V</v>
      </c>
      <c r="FY4" s="2" t="str">
        <f>IF(AND('Cambios Auto'!FY4&gt;0,'Indices Auto'!FZ4&gt;100),"V",IF(AND('Cambios Auto'!FY4&gt;0,'Indices Auto'!FZ4&lt;100),"A",IF(AND('Cambios Auto'!FY4&lt;0,'Indices Auto'!FZ4&gt;100),"N",IF(AND('Cambios Auto'!FY4&lt;0,'Indices Auto'!FZ4&lt;100),"R","NULL"))))</f>
        <v>V</v>
      </c>
      <c r="FZ4" s="2" t="str">
        <f>IF(AND('Cambios Auto'!FZ4&gt;0,'Indices Auto'!GA4&gt;100),"V",IF(AND('Cambios Auto'!FZ4&gt;0,'Indices Auto'!GA4&lt;100),"A",IF(AND('Cambios Auto'!FZ4&lt;0,'Indices Auto'!GA4&gt;100),"N",IF(AND('Cambios Auto'!FZ4&lt;0,'Indices Auto'!GA4&lt;100),"R","NULL"))))</f>
        <v>V</v>
      </c>
      <c r="GA4" s="2" t="str">
        <f>IF(AND('Cambios Auto'!GA4&gt;0,'Indices Auto'!GB4&gt;100),"V",IF(AND('Cambios Auto'!GA4&gt;0,'Indices Auto'!GB4&lt;100),"A",IF(AND('Cambios Auto'!GA4&lt;0,'Indices Auto'!GB4&gt;100),"N",IF(AND('Cambios Auto'!GA4&lt;0,'Indices Auto'!GB4&lt;100),"R","NULL"))))</f>
        <v>N</v>
      </c>
      <c r="GB4" s="2" t="str">
        <f>IF(AND('Cambios Auto'!GB4&gt;0,'Indices Auto'!GC4&gt;100),"V",IF(AND('Cambios Auto'!GB4&gt;0,'Indices Auto'!GC4&lt;100),"A",IF(AND('Cambios Auto'!GB4&lt;0,'Indices Auto'!GC4&gt;100),"N",IF(AND('Cambios Auto'!GB4&lt;0,'Indices Auto'!GC4&lt;100),"R","NULL"))))</f>
        <v>N</v>
      </c>
      <c r="GC4" s="2" t="str">
        <f>IF(AND('Cambios Auto'!GC4&gt;0,'Indices Auto'!GD4&gt;100),"V",IF(AND('Cambios Auto'!GC4&gt;0,'Indices Auto'!GD4&lt;100),"A",IF(AND('Cambios Auto'!GC4&lt;0,'Indices Auto'!GD4&gt;100),"N",IF(AND('Cambios Auto'!GC4&lt;0,'Indices Auto'!GD4&lt;100),"R","NULL"))))</f>
        <v>N</v>
      </c>
      <c r="GD4" s="2" t="str">
        <f>IF(AND('Cambios Auto'!GD4&gt;0,'Indices Auto'!GE4&gt;100),"V",IF(AND('Cambios Auto'!GD4&gt;0,'Indices Auto'!GE4&lt;100),"A",IF(AND('Cambios Auto'!GD4&lt;0,'Indices Auto'!GE4&gt;100),"N",IF(AND('Cambios Auto'!GD4&lt;0,'Indices Auto'!GE4&lt;100),"R","NULL"))))</f>
        <v>N</v>
      </c>
      <c r="GE4" s="2" t="str">
        <f>IF(AND('Cambios Auto'!GE4&gt;0,'Indices Auto'!GF4&gt;100),"V",IF(AND('Cambios Auto'!GE4&gt;0,'Indices Auto'!GF4&lt;100),"A",IF(AND('Cambios Auto'!GE4&lt;0,'Indices Auto'!GF4&gt;100),"N",IF(AND('Cambios Auto'!GE4&lt;0,'Indices Auto'!GF4&lt;100),"R","NULL"))))</f>
        <v>V</v>
      </c>
      <c r="GF4" s="2" t="str">
        <f>IF(AND('Cambios Auto'!GF4&gt;0,'Indices Auto'!GG4&gt;100),"V",IF(AND('Cambios Auto'!GF4&gt;0,'Indices Auto'!GG4&lt;100),"A",IF(AND('Cambios Auto'!GF4&lt;0,'Indices Auto'!GG4&gt;100),"N",IF(AND('Cambios Auto'!GF4&lt;0,'Indices Auto'!GG4&lt;100),"R","NULL"))))</f>
        <v>V</v>
      </c>
      <c r="GG4" s="2" t="str">
        <f>IF(AND('Cambios Auto'!GG4&gt;0,'Indices Auto'!GH4&gt;100),"V",IF(AND('Cambios Auto'!GG4&gt;0,'Indices Auto'!GH4&lt;100),"A",IF(AND('Cambios Auto'!GG4&lt;0,'Indices Auto'!GH4&gt;100),"N",IF(AND('Cambios Auto'!GG4&lt;0,'Indices Auto'!GH4&lt;100),"R","NULL"))))</f>
        <v>V</v>
      </c>
      <c r="GH4" s="2" t="str">
        <f>IF(AND('Cambios Auto'!GH4&gt;0,'Indices Auto'!GR4&gt;100),"V",IF(AND('Cambios Auto'!GH4&gt;0,'Indices Auto'!GR4&lt;100),"A",IF(AND('Cambios Auto'!GH4&lt;0,'Indices Auto'!GR4&gt;100),"N",IF(AND('Cambios Auto'!GH4&lt;0,'Indices Auto'!GR4&lt;100),"R","NULL"))))</f>
        <v>N</v>
      </c>
      <c r="GI4" s="2" t="str">
        <f>IF(AND('Cambios Auto'!GI4&gt;0,'Indices Auto'!GS4&gt;100),"V",IF(AND('Cambios Auto'!GI4&gt;0,'Indices Auto'!GS4&lt;100),"A",IF(AND('Cambios Auto'!GI4&lt;0,'Indices Auto'!GS4&gt;100),"N",IF(AND('Cambios Auto'!GI4&lt;0,'Indices Auto'!GS4&lt;100),"R","NULL"))))</f>
        <v>N</v>
      </c>
      <c r="GJ4" s="2" t="str">
        <f>IF(AND('Cambios Auto'!GJ4&gt;0,'Indices Auto'!GT4&gt;100),"V",IF(AND('Cambios Auto'!GJ4&gt;0,'Indices Auto'!GT4&lt;100),"A",IF(AND('Cambios Auto'!GJ4&lt;0,'Indices Auto'!GT4&gt;100),"N",IF(AND('Cambios Auto'!GJ4&lt;0,'Indices Auto'!GT4&lt;100),"R","NULL"))))</f>
        <v>N</v>
      </c>
      <c r="GK4" s="27" t="str">
        <f>IF(AND('Cambios Auto'!GK4&gt;0,'Indices Auto'!GU4&gt;100),"V",IF(AND('Cambios Auto'!GK4&gt;0,'Indices Auto'!GU4&lt;100),"A",IF(AND('Cambios Auto'!GK4&lt;0,'Indices Auto'!GU4&gt;100),"N",IF(AND('Cambios Auto'!GK4&lt;0,'Indices Auto'!GU4&lt;100),"R","NULL"))))</f>
        <v>N</v>
      </c>
      <c r="GL4" s="27" t="str">
        <f>IF(AND('Cambios Auto'!GL4&gt;0,'Indices Auto'!GV4&gt;100),"V",IF(AND('Cambios Auto'!GL4&gt;0,'Indices Auto'!GV4&lt;100),"A",IF(AND('Cambios Auto'!GL4&lt;0,'Indices Auto'!GV4&gt;100),"N",IF(AND('Cambios Auto'!GL4&lt;0,'Indices Auto'!GV4&lt;100),"R","NULL"))))</f>
        <v>N</v>
      </c>
      <c r="GM4" s="27" t="str">
        <f>IF(AND('Cambios Auto'!GM4&gt;0,'Indices Auto'!GW4&gt;100),"V",IF(AND('Cambios Auto'!GM4&gt;0,'Indices Auto'!GW4&lt;100),"A",IF(AND('Cambios Auto'!GM4&lt;0,'Indices Auto'!GW4&gt;100),"N",IF(AND('Cambios Auto'!GM4&lt;0,'Indices Auto'!GW4&lt;100),"R","NULL"))))</f>
        <v>N</v>
      </c>
      <c r="GN4" s="27" t="str">
        <f>IF(AND('Cambios Auto'!GN4&gt;0,'Indices Auto'!GX4&gt;100),"V",IF(AND('Cambios Auto'!GN4&gt;0,'Indices Auto'!GX4&lt;100),"A",IF(AND('Cambios Auto'!GN4&lt;0,'Indices Auto'!GX4&gt;100),"N",IF(AND('Cambios Auto'!GN4&lt;0,'Indices Auto'!GX4&lt;100),"R","NULL"))))</f>
        <v>N</v>
      </c>
      <c r="GO4" s="27" t="str">
        <f>IF(AND('Cambios Auto'!GO4&gt;0,'Indices Auto'!GY4&gt;100),"V",IF(AND('Cambios Auto'!GO4&gt;0,'Indices Auto'!GY4&lt;100),"A",IF(AND('Cambios Auto'!GO4&lt;0,'Indices Auto'!GY4&gt;100),"N",IF(AND('Cambios Auto'!GO4&lt;0,'Indices Auto'!GY4&lt;100),"R","NULL"))))</f>
        <v>N</v>
      </c>
      <c r="GP4" s="27" t="str">
        <f>IF(AND('Cambios Auto'!GP4&gt;0,'Indices Auto'!GZ4&gt;100),"V",IF(AND('Cambios Auto'!GP4&gt;0,'Indices Auto'!GZ4&lt;100),"A",IF(AND('Cambios Auto'!GP4&lt;0,'Indices Auto'!GZ4&gt;100),"N",IF(AND('Cambios Auto'!GP4&lt;0,'Indices Auto'!GZ4&lt;100),"R","NULL"))))</f>
        <v>NULL</v>
      </c>
      <c r="GQ4" s="27" t="str">
        <f>IF(AND('Cambios Auto'!GQ4&gt;0,'Indices Auto'!HA4&gt;100),"V",IF(AND('Cambios Auto'!GQ4&gt;0,'Indices Auto'!HA4&lt;100),"A",IF(AND('Cambios Auto'!GQ4&lt;0,'Indices Auto'!HA4&gt;100),"N",IF(AND('Cambios Auto'!GQ4&lt;0,'Indices Auto'!HA4&lt;100),"R","NULL"))))</f>
        <v>NULL</v>
      </c>
      <c r="GR4" s="27" t="str">
        <f>IF(AND('Cambios Auto'!GR4&gt;0,'Indices Auto'!HB4&gt;100),"V",IF(AND('Cambios Auto'!GR4&gt;0,'Indices Auto'!HB4&lt;100),"A",IF(AND('Cambios Auto'!GR4&lt;0,'Indices Auto'!HB4&gt;100),"N",IF(AND('Cambios Auto'!GR4&lt;0,'Indices Auto'!HB4&lt;100),"R","NULL"))))</f>
        <v>NULL</v>
      </c>
      <c r="GS4" s="27" t="str">
        <f>IF(AND('Cambios Auto'!GS4&gt;0,'Indices Auto'!HC4&gt;100),"V",IF(AND('Cambios Auto'!GS4&gt;0,'Indices Auto'!HC4&lt;100),"A",IF(AND('Cambios Auto'!GS4&lt;0,'Indices Auto'!HC4&gt;100),"N",IF(AND('Cambios Auto'!GS4&lt;0,'Indices Auto'!HC4&lt;100),"R","NULL"))))</f>
        <v>NULL</v>
      </c>
      <c r="GT4" s="2" t="str">
        <f>IF(AND('Cambios Auto'!GT4&gt;0,'Indices Auto'!HD4&gt;100),"V",IF(AND('Cambios Auto'!GT4&gt;0,'Indices Auto'!HD4&lt;100),"A",IF(AND('Cambios Auto'!GT4&lt;0,'Indices Auto'!HD4&gt;100),"N",IF(AND('Cambios Auto'!GT4&lt;0,'Indices Auto'!HD4&lt;100),"R","NULL"))))</f>
        <v>NULL</v>
      </c>
      <c r="GU4" s="2" t="str">
        <f>IF(AND('Cambios Auto'!GU4&gt;0,'Indices Auto'!HE4&gt;100),"V",IF(AND('Cambios Auto'!GU4&gt;0,'Indices Auto'!HE4&lt;100),"A",IF(AND('Cambios Auto'!GU4&lt;0,'Indices Auto'!HE4&gt;100),"N",IF(AND('Cambios Auto'!GU4&lt;0,'Indices Auto'!HE4&lt;100),"R","NULL"))))</f>
        <v>NULL</v>
      </c>
      <c r="GV4" s="2" t="str">
        <f>IF(AND('Cambios Auto'!GV4&gt;0,'Indices Auto'!HF4&gt;100),"V",IF(AND('Cambios Auto'!GV4&gt;0,'Indices Auto'!HF4&lt;100),"A",IF(AND('Cambios Auto'!GV4&lt;0,'Indices Auto'!HF4&gt;100),"N",IF(AND('Cambios Auto'!GV4&lt;0,'Indices Auto'!HF4&lt;100),"R","NULL"))))</f>
        <v>NULL</v>
      </c>
      <c r="GW4" s="2" t="str">
        <f>IF(AND('Cambios Auto'!GW4&gt;0,'Indices Auto'!HG4&gt;100),"V",IF(AND('Cambios Auto'!GW4&gt;0,'Indices Auto'!HG4&lt;100),"A",IF(AND('Cambios Auto'!GW4&lt;0,'Indices Auto'!HG4&gt;100),"N",IF(AND('Cambios Auto'!GW4&lt;0,'Indices Auto'!HG4&lt;100),"R","NULL"))))</f>
        <v>NULL</v>
      </c>
      <c r="GX4" s="2" t="str">
        <f>IF(AND('Cambios Auto'!GX4&gt;0,'Indices Auto'!HH4&gt;100),"V",IF(AND('Cambios Auto'!GX4&gt;0,'Indices Auto'!HH4&lt;100),"A",IF(AND('Cambios Auto'!GX4&lt;0,'Indices Auto'!HH4&gt;100),"N",IF(AND('Cambios Auto'!GX4&lt;0,'Indices Auto'!HH4&lt;100),"R","NULL"))))</f>
        <v>NULL</v>
      </c>
      <c r="GY4" s="2" t="str">
        <f>IF(AND('Cambios Auto'!GY4&gt;0,'Indices Auto'!HI4&gt;100),"V",IF(AND('Cambios Auto'!GY4&gt;0,'Indices Auto'!HI4&lt;100),"A",IF(AND('Cambios Auto'!GY4&lt;0,'Indices Auto'!HI4&gt;100),"N",IF(AND('Cambios Auto'!GY4&lt;0,'Indices Auto'!HI4&lt;100),"R","NULL"))))</f>
        <v>NULL</v>
      </c>
      <c r="GZ4" s="2" t="str">
        <f>IF(AND('Cambios Auto'!GZ4&gt;0,'Indices Auto'!HJ4&gt;100),"V",IF(AND('Cambios Auto'!GZ4&gt;0,'Indices Auto'!HJ4&lt;100),"A",IF(AND('Cambios Auto'!GZ4&lt;0,'Indices Auto'!HJ4&gt;100),"N",IF(AND('Cambios Auto'!GZ4&lt;0,'Indices Auto'!HJ4&lt;100),"R","NULL"))))</f>
        <v>NULL</v>
      </c>
      <c r="HA4" s="2" t="str">
        <f>IF(AND('Cambios Auto'!HA4&gt;0,'Indices Auto'!HK4&gt;100),"V",IF(AND('Cambios Auto'!HA4&gt;0,'Indices Auto'!HK4&lt;100),"A",IF(AND('Cambios Auto'!HA4&lt;0,'Indices Auto'!HK4&gt;100),"N",IF(AND('Cambios Auto'!HA4&lt;0,'Indices Auto'!HK4&lt;100),"R","NULL"))))</f>
        <v>NULL</v>
      </c>
      <c r="HB4" s="2" t="str">
        <f>IF(AND('Cambios Auto'!HB4&gt;0,'Indices Auto'!HL4&gt;100),"V",IF(AND('Cambios Auto'!HB4&gt;0,'Indices Auto'!HL4&lt;100),"A",IF(AND('Cambios Auto'!HB4&lt;0,'Indices Auto'!HL4&gt;100),"N",IF(AND('Cambios Auto'!HB4&lt;0,'Indices Auto'!HL4&lt;100),"R","NULL"))))</f>
        <v>NULL</v>
      </c>
      <c r="HC4" s="2" t="str">
        <f>IF(AND('Cambios Auto'!HC4&gt;0,'Indices Auto'!HM4&gt;100),"V",IF(AND('Cambios Auto'!HC4&gt;0,'Indices Auto'!HM4&lt;100),"A",IF(AND('Cambios Auto'!HC4&lt;0,'Indices Auto'!HM4&gt;100),"N",IF(AND('Cambios Auto'!HC4&lt;0,'Indices Auto'!HM4&lt;100),"R","NULL"))))</f>
        <v>NULL</v>
      </c>
      <c r="HD4" s="2" t="str">
        <f>IF(AND('Cambios Auto'!HD4&gt;0,'Indices Auto'!HN4&gt;100),"V",IF(AND('Cambios Auto'!HD4&gt;0,'Indices Auto'!HN4&lt;100),"A",IF(AND('Cambios Auto'!HD4&lt;0,'Indices Auto'!HN4&gt;100),"N",IF(AND('Cambios Auto'!HD4&lt;0,'Indices Auto'!HN4&lt;100),"R","NULL"))))</f>
        <v>NULL</v>
      </c>
      <c r="HE4" s="2" t="str">
        <f>IF(AND('Cambios Auto'!HE4&gt;0,'Indices Auto'!HO4&gt;100),"V",IF(AND('Cambios Auto'!HE4&gt;0,'Indices Auto'!HO4&lt;100),"A",IF(AND('Cambios Auto'!HE4&lt;0,'Indices Auto'!HO4&gt;100),"N",IF(AND('Cambios Auto'!HE4&lt;0,'Indices Auto'!HO4&lt;100),"R","NULL"))))</f>
        <v>NULL</v>
      </c>
      <c r="HF4" s="2" t="str">
        <f>IF(AND('Cambios Auto'!HF4&gt;0,'Indices Auto'!HP4&gt;100),"V",IF(AND('Cambios Auto'!HF4&gt;0,'Indices Auto'!HP4&lt;100),"A",IF(AND('Cambios Auto'!HF4&lt;0,'Indices Auto'!HP4&gt;100),"N",IF(AND('Cambios Auto'!HF4&lt;0,'Indices Auto'!HP4&lt;100),"R","NULL"))))</f>
        <v>NULL</v>
      </c>
      <c r="HG4" s="2" t="str">
        <f>IF(AND('Cambios Auto'!HG4&gt;0,'Indices Auto'!HQ4&gt;100),"V",IF(AND('Cambios Auto'!HG4&gt;0,'Indices Auto'!HQ4&lt;100),"A",IF(AND('Cambios Auto'!HG4&lt;0,'Indices Auto'!HQ4&gt;100),"N",IF(AND('Cambios Auto'!HG4&lt;0,'Indices Auto'!HQ4&lt;100),"R","NULL"))))</f>
        <v>NULL</v>
      </c>
      <c r="HH4" s="2" t="str">
        <f>IF(AND('Cambios Auto'!HH4&gt;0,'Indices Auto'!HR4&gt;100),"V",IF(AND('Cambios Auto'!HH4&gt;0,'Indices Auto'!HR4&lt;100),"A",IF(AND('Cambios Auto'!HH4&lt;0,'Indices Auto'!HR4&gt;100),"N",IF(AND('Cambios Auto'!HH4&lt;0,'Indices Auto'!HR4&lt;100),"R","NULL"))))</f>
        <v>NULL</v>
      </c>
      <c r="HI4" s="2" t="str">
        <f>IF(AND('Cambios Auto'!HI4&gt;0,'Indices Auto'!HS4&gt;100),"V",IF(AND('Cambios Auto'!HI4&gt;0,'Indices Auto'!HS4&lt;100),"A",IF(AND('Cambios Auto'!HI4&lt;0,'Indices Auto'!HS4&gt;100),"N",IF(AND('Cambios Auto'!HI4&lt;0,'Indices Auto'!HS4&lt;100),"R","NULL"))))</f>
        <v>NULL</v>
      </c>
      <c r="HJ4" s="2" t="str">
        <f>IF(AND('Cambios Auto'!HJ4&gt;0,'Indices Auto'!HT4&gt;100),"V",IF(AND('Cambios Auto'!HJ4&gt;0,'Indices Auto'!HT4&lt;100),"A",IF(AND('Cambios Auto'!HJ4&lt;0,'Indices Auto'!HT4&gt;100),"N",IF(AND('Cambios Auto'!HJ4&lt;0,'Indices Auto'!HT4&lt;100),"R","NULL"))))</f>
        <v>NULL</v>
      </c>
      <c r="HK4" s="2" t="str">
        <f>IF(AND('Cambios Auto'!HK4&gt;0,'Indices Auto'!HU4&gt;100),"V",IF(AND('Cambios Auto'!HK4&gt;0,'Indices Auto'!HU4&lt;100),"A",IF(AND('Cambios Auto'!HK4&lt;0,'Indices Auto'!HU4&gt;100),"N",IF(AND('Cambios Auto'!HK4&lt;0,'Indices Auto'!HU4&lt;100),"R","NULL"))))</f>
        <v>NULL</v>
      </c>
      <c r="HL4" s="2" t="str">
        <f>IF(AND('Cambios Auto'!HL4&gt;0,'Indices Auto'!HV4&gt;100),"V",IF(AND('Cambios Auto'!HL4&gt;0,'Indices Auto'!HV4&lt;100),"A",IF(AND('Cambios Auto'!HL4&lt;0,'Indices Auto'!HV4&gt;100),"N",IF(AND('Cambios Auto'!HL4&lt;0,'Indices Auto'!HV4&lt;100),"R","NULL"))))</f>
        <v>NULL</v>
      </c>
      <c r="HM4" s="2" t="str">
        <f>IF(AND('Cambios Auto'!HM4&gt;0,'Indices Auto'!HW4&gt;100),"V",IF(AND('Cambios Auto'!HM4&gt;0,'Indices Auto'!HW4&lt;100),"A",IF(AND('Cambios Auto'!HM4&lt;0,'Indices Auto'!HW4&gt;100),"N",IF(AND('Cambios Auto'!HM4&lt;0,'Indices Auto'!HW4&lt;100),"R","NULL"))))</f>
        <v>NULL</v>
      </c>
      <c r="HN4" s="2" t="str">
        <f>IF(AND('Cambios Auto'!HN4&gt;0,'Indices Auto'!HX4&gt;100),"V",IF(AND('Cambios Auto'!HN4&gt;0,'Indices Auto'!HX4&lt;100),"A",IF(AND('Cambios Auto'!HN4&lt;0,'Indices Auto'!HX4&gt;100),"N",IF(AND('Cambios Auto'!HN4&lt;0,'Indices Auto'!HX4&lt;100),"R","NULL"))))</f>
        <v>NULL</v>
      </c>
      <c r="HO4" s="2" t="str">
        <f>IF(AND('Cambios Auto'!HO4&gt;0,'Indices Auto'!HY4&gt;100),"V",IF(AND('Cambios Auto'!HO4&gt;0,'Indices Auto'!HY4&lt;100),"A",IF(AND('Cambios Auto'!HO4&lt;0,'Indices Auto'!HY4&gt;100),"N",IF(AND('Cambios Auto'!HO4&lt;0,'Indices Auto'!HY4&lt;100),"R","NULL"))))</f>
        <v>NULL</v>
      </c>
      <c r="HP4" s="2" t="str">
        <f>IF(AND('Cambios Auto'!HP4&gt;0,'Indices Auto'!HZ4&gt;100),"V",IF(AND('Cambios Auto'!HP4&gt;0,'Indices Auto'!HZ4&lt;100),"A",IF(AND('Cambios Auto'!HP4&lt;0,'Indices Auto'!HZ4&gt;100),"N",IF(AND('Cambios Auto'!HP4&lt;0,'Indices Auto'!HZ4&lt;100),"R","NULL"))))</f>
        <v>NULL</v>
      </c>
      <c r="HQ4" s="2" t="str">
        <f>IF(AND('Cambios Auto'!HQ4&gt;0,'Indices Auto'!IA4&gt;100),"V",IF(AND('Cambios Auto'!HQ4&gt;0,'Indices Auto'!IA4&lt;100),"A",IF(AND('Cambios Auto'!HQ4&lt;0,'Indices Auto'!IA4&gt;100),"N",IF(AND('Cambios Auto'!HQ4&lt;0,'Indices Auto'!IA4&lt;100),"R","NULL"))))</f>
        <v>NULL</v>
      </c>
      <c r="HR4" s="2" t="str">
        <f>IF(AND('Cambios Auto'!HR4&gt;0,'Indices Auto'!IB4&gt;100),"V",IF(AND('Cambios Auto'!HR4&gt;0,'Indices Auto'!IB4&lt;100),"A",IF(AND('Cambios Auto'!HR4&lt;0,'Indices Auto'!IB4&gt;100),"N",IF(AND('Cambios Auto'!HR4&lt;0,'Indices Auto'!IB4&lt;100),"R","NULL"))))</f>
        <v>NULL</v>
      </c>
      <c r="HS4" s="2" t="str">
        <f>IF(AND('Cambios Auto'!HS4&gt;0,'Indices Auto'!IC4&gt;100),"V",IF(AND('Cambios Auto'!HS4&gt;0,'Indices Auto'!IC4&lt;100),"A",IF(AND('Cambios Auto'!HS4&lt;0,'Indices Auto'!IC4&gt;100),"N",IF(AND('Cambios Auto'!HS4&lt;0,'Indices Auto'!IC4&lt;100),"R","NULL"))))</f>
        <v>NULL</v>
      </c>
      <c r="HT4" s="2" t="str">
        <f>IF(AND('Cambios Auto'!HT4&gt;0,'Indices Auto'!ID4&gt;100),"V",IF(AND('Cambios Auto'!HT4&gt;0,'Indices Auto'!ID4&lt;100),"A",IF(AND('Cambios Auto'!HT4&lt;0,'Indices Auto'!ID4&gt;100),"N",IF(AND('Cambios Auto'!HT4&lt;0,'Indices Auto'!ID4&lt;100),"R","NULL"))))</f>
        <v>NULL</v>
      </c>
      <c r="HU4" s="2" t="str">
        <f>IF(AND('Cambios Auto'!HU4&gt;0,'Indices Auto'!IE4&gt;100),"V",IF(AND('Cambios Auto'!HU4&gt;0,'Indices Auto'!IE4&lt;100),"A",IF(AND('Cambios Auto'!HU4&lt;0,'Indices Auto'!IE4&gt;100),"N",IF(AND('Cambios Auto'!HU4&lt;0,'Indices Auto'!IE4&lt;100),"R","NULL"))))</f>
        <v>NULL</v>
      </c>
      <c r="HV4" s="2" t="str">
        <f>IF(AND('Cambios Auto'!HV4&gt;0,'Indices Auto'!IF4&gt;100),"V",IF(AND('Cambios Auto'!HV4&gt;0,'Indices Auto'!IF4&lt;100),"A",IF(AND('Cambios Auto'!HV4&lt;0,'Indices Auto'!IF4&gt;100),"N",IF(AND('Cambios Auto'!HV4&lt;0,'Indices Auto'!IF4&lt;100),"R","NULL"))))</f>
        <v>NULL</v>
      </c>
      <c r="HW4" s="2" t="str">
        <f>IF(AND('Cambios Auto'!HW4&gt;0,'Indices Auto'!IG4&gt;100),"V",IF(AND('Cambios Auto'!HW4&gt;0,'Indices Auto'!IG4&lt;100),"A",IF(AND('Cambios Auto'!HW4&lt;0,'Indices Auto'!IG4&gt;100),"N",IF(AND('Cambios Auto'!HW4&lt;0,'Indices Auto'!IG4&lt;100),"R","NULL"))))</f>
        <v>NULL</v>
      </c>
      <c r="HX4" s="2" t="str">
        <f>IF(AND('Cambios Auto'!HX4&gt;0,'Indices Auto'!IH4&gt;100),"V",IF(AND('Cambios Auto'!HX4&gt;0,'Indices Auto'!IH4&lt;100),"A",IF(AND('Cambios Auto'!HX4&lt;0,'Indices Auto'!IH4&gt;100),"N",IF(AND('Cambios Auto'!HX4&lt;0,'Indices Auto'!IH4&lt;100),"R","NULL"))))</f>
        <v>NULL</v>
      </c>
      <c r="HY4" s="2" t="str">
        <f>IF(AND('Cambios Auto'!HY4&gt;0,'Indices Auto'!II4&gt;100),"V",IF(AND('Cambios Auto'!HY4&gt;0,'Indices Auto'!II4&lt;100),"A",IF(AND('Cambios Auto'!HY4&lt;0,'Indices Auto'!II4&gt;100),"N",IF(AND('Cambios Auto'!HY4&lt;0,'Indices Auto'!II4&lt;100),"R","NULL"))))</f>
        <v>NULL</v>
      </c>
      <c r="HZ4" s="2" t="str">
        <f>IF(AND('Cambios Auto'!HZ4&gt;0,'Indices Auto'!IJ4&gt;100),"V",IF(AND('Cambios Auto'!HZ4&gt;0,'Indices Auto'!IJ4&lt;100),"A",IF(AND('Cambios Auto'!HZ4&lt;0,'Indices Auto'!IJ4&gt;100),"N",IF(AND('Cambios Auto'!HZ4&lt;0,'Indices Auto'!IJ4&lt;100),"R","NULL"))))</f>
        <v>NULL</v>
      </c>
      <c r="IA4" s="2" t="str">
        <f>IF(AND('Cambios Auto'!IA4&gt;0,'Indices Auto'!IK4&gt;100),"V",IF(AND('Cambios Auto'!IA4&gt;0,'Indices Auto'!IK4&lt;100),"A",IF(AND('Cambios Auto'!IA4&lt;0,'Indices Auto'!IK4&gt;100),"N",IF(AND('Cambios Auto'!IA4&lt;0,'Indices Auto'!IK4&lt;100),"R","NULL"))))</f>
        <v>NULL</v>
      </c>
      <c r="IB4" s="2" t="str">
        <f>IF(AND('Cambios Auto'!IB4&gt;0,'Indices Auto'!IL4&gt;100),"V",IF(AND('Cambios Auto'!IB4&gt;0,'Indices Auto'!IL4&lt;100),"A",IF(AND('Cambios Auto'!IB4&lt;0,'Indices Auto'!IL4&gt;100),"N",IF(AND('Cambios Auto'!IB4&lt;0,'Indices Auto'!IL4&lt;100),"R","NULL"))))</f>
        <v>NULL</v>
      </c>
      <c r="IC4" s="2" t="str">
        <f>IF(AND('Cambios Auto'!IC4&gt;0,'Indices Auto'!IM4&gt;100),"V",IF(AND('Cambios Auto'!IC4&gt;0,'Indices Auto'!IM4&lt;100),"A",IF(AND('Cambios Auto'!IC4&lt;0,'Indices Auto'!IM4&gt;100),"N",IF(AND('Cambios Auto'!IC4&lt;0,'Indices Auto'!IM4&lt;100),"R","NULL"))))</f>
        <v>NULL</v>
      </c>
      <c r="ID4" s="2" t="str">
        <f>IF(AND('Cambios Auto'!ID4&gt;0,'Indices Auto'!IN4&gt;100),"V",IF(AND('Cambios Auto'!ID4&gt;0,'Indices Auto'!IN4&lt;100),"A",IF(AND('Cambios Auto'!ID4&lt;0,'Indices Auto'!IN4&gt;100),"N",IF(AND('Cambios Auto'!ID4&lt;0,'Indices Auto'!IN4&lt;100),"R","NULL"))))</f>
        <v>NULL</v>
      </c>
      <c r="IE4" s="2" t="str">
        <f>IF(AND('Cambios Auto'!IE4&gt;0,'Indices Auto'!IO4&gt;100),"V",IF(AND('Cambios Auto'!IE4&gt;0,'Indices Auto'!IO4&lt;100),"A",IF(AND('Cambios Auto'!IE4&lt;0,'Indices Auto'!IO4&gt;100),"N",IF(AND('Cambios Auto'!IE4&lt;0,'Indices Auto'!IO4&lt;100),"R","NULL"))))</f>
        <v>NULL</v>
      </c>
      <c r="IF4" s="2" t="str">
        <f>IF(AND('Cambios Auto'!IF4&gt;0,'Indices Auto'!IP4&gt;100),"V",IF(AND('Cambios Auto'!IF4&gt;0,'Indices Auto'!IP4&lt;100),"A",IF(AND('Cambios Auto'!IF4&lt;0,'Indices Auto'!IP4&gt;100),"N",IF(AND('Cambios Auto'!IF4&lt;0,'Indices Auto'!IP4&lt;100),"R","NULL"))))</f>
        <v>NULL</v>
      </c>
      <c r="IG4" s="2" t="str">
        <f>IF(AND('Cambios Auto'!IG4&gt;0,'Indices Auto'!IQ4&gt;100),"V",IF(AND('Cambios Auto'!IG4&gt;0,'Indices Auto'!IQ4&lt;100),"A",IF(AND('Cambios Auto'!IG4&lt;0,'Indices Auto'!IQ4&gt;100),"N",IF(AND('Cambios Auto'!IG4&lt;0,'Indices Auto'!IQ4&lt;100),"R","NULL"))))</f>
        <v>NULL</v>
      </c>
      <c r="IH4" s="2" t="str">
        <f>IF(AND('Cambios Auto'!IH4&gt;0,'Indices Auto'!IR4&gt;100),"V",IF(AND('Cambios Auto'!IH4&gt;0,'Indices Auto'!IR4&lt;100),"A",IF(AND('Cambios Auto'!IH4&lt;0,'Indices Auto'!IR4&gt;100),"N",IF(AND('Cambios Auto'!IH4&lt;0,'Indices Auto'!IR4&lt;100),"R","NULL"))))</f>
        <v>NULL</v>
      </c>
      <c r="II4" s="2" t="str">
        <f>IF(AND('Cambios Auto'!II4&gt;0,'Indices Auto'!IS4&gt;100),"V",IF(AND('Cambios Auto'!II4&gt;0,'Indices Auto'!IS4&lt;100),"A",IF(AND('Cambios Auto'!II4&lt;0,'Indices Auto'!IS4&gt;100),"N",IF(AND('Cambios Auto'!II4&lt;0,'Indices Auto'!IS4&lt;100),"R","NULL"))))</f>
        <v>NULL</v>
      </c>
      <c r="IJ4" s="2" t="str">
        <f>IF(AND('Cambios Auto'!IJ4&gt;0,'Indices Auto'!IT4&gt;100),"V",IF(AND('Cambios Auto'!IJ4&gt;0,'Indices Auto'!IT4&lt;100),"A",IF(AND('Cambios Auto'!IJ4&lt;0,'Indices Auto'!IT4&gt;100),"N",IF(AND('Cambios Auto'!IJ4&lt;0,'Indices Auto'!IT4&lt;100),"R","NULL"))))</f>
        <v>NULL</v>
      </c>
      <c r="IK4" s="2" t="str">
        <f>IF(AND('Cambios Auto'!IK4&gt;0,'Indices Auto'!IU4&gt;100),"V",IF(AND('Cambios Auto'!IK4&gt;0,'Indices Auto'!IU4&lt;100),"A",IF(AND('Cambios Auto'!IK4&lt;0,'Indices Auto'!IU4&gt;100),"N",IF(AND('Cambios Auto'!IK4&lt;0,'Indices Auto'!IU4&lt;100),"R","NULL"))))</f>
        <v>NULL</v>
      </c>
      <c r="IL4" s="2" t="str">
        <f>IF(AND('Cambios Auto'!IL4&gt;0,'Indices Auto'!IV4&gt;100),"V",IF(AND('Cambios Auto'!IL4&gt;0,'Indices Auto'!IV4&lt;100),"A",IF(AND('Cambios Auto'!IL4&lt;0,'Indices Auto'!IV4&gt;100),"N",IF(AND('Cambios Auto'!IL4&lt;0,'Indices Auto'!IV4&lt;100),"R","NULL"))))</f>
        <v>NULL</v>
      </c>
      <c r="IM4" s="2" t="str">
        <f>IF(AND('Cambios Auto'!IM4&gt;0,'Indices Auto'!IW4&gt;100),"V",IF(AND('Cambios Auto'!IM4&gt;0,'Indices Auto'!IW4&lt;100),"A",IF(AND('Cambios Auto'!IM4&lt;0,'Indices Auto'!IW4&gt;100),"N",IF(AND('Cambios Auto'!IM4&lt;0,'Indices Auto'!IW4&lt;100),"R","NULL"))))</f>
        <v>NULL</v>
      </c>
      <c r="IN4" s="2" t="str">
        <f>IF(AND('Cambios Auto'!IN4&gt;0,'Indices Auto'!IX4&gt;100),"V",IF(AND('Cambios Auto'!IN4&gt;0,'Indices Auto'!IX4&lt;100),"A",IF(AND('Cambios Auto'!IN4&lt;0,'Indices Auto'!IX4&gt;100),"N",IF(AND('Cambios Auto'!IN4&lt;0,'Indices Auto'!IX4&lt;100),"R","NULL"))))</f>
        <v>NULL</v>
      </c>
      <c r="IO4" s="2" t="str">
        <f>IF(AND('Cambios Auto'!IO4&gt;0,'Indices Auto'!IY4&gt;100),"V",IF(AND('Cambios Auto'!IO4&gt;0,'Indices Auto'!IY4&lt;100),"A",IF(AND('Cambios Auto'!IO4&lt;0,'Indices Auto'!IY4&gt;100),"N",IF(AND('Cambios Auto'!IO4&lt;0,'Indices Auto'!IY4&lt;100),"R","NULL"))))</f>
        <v>NULL</v>
      </c>
      <c r="IP4" s="2" t="str">
        <f>IF(AND('Cambios Auto'!IP4&gt;0,'Indices Auto'!IZ4&gt;100),"V",IF(AND('Cambios Auto'!IP4&gt;0,'Indices Auto'!IZ4&lt;100),"A",IF(AND('Cambios Auto'!IP4&lt;0,'Indices Auto'!IZ4&gt;100),"N",IF(AND('Cambios Auto'!IP4&lt;0,'Indices Auto'!IZ4&lt;100),"R","NULL"))))</f>
        <v>NULL</v>
      </c>
      <c r="IQ4" s="2" t="str">
        <f>IF(AND('Cambios Auto'!IQ4&gt;0,'Indices Auto'!JA4&gt;100),"V",IF(AND('Cambios Auto'!IQ4&gt;0,'Indices Auto'!JA4&lt;100),"A",IF(AND('Cambios Auto'!IQ4&lt;0,'Indices Auto'!JA4&gt;100),"N",IF(AND('Cambios Auto'!IQ4&lt;0,'Indices Auto'!JA4&lt;100),"R","NULL"))))</f>
        <v>NULL</v>
      </c>
      <c r="IR4" s="2" t="str">
        <f>IF(AND('Cambios Auto'!IR4&gt;0,'Indices Auto'!JB4&gt;100),"V",IF(AND('Cambios Auto'!IR4&gt;0,'Indices Auto'!JB4&lt;100),"A",IF(AND('Cambios Auto'!IR4&lt;0,'Indices Auto'!JB4&gt;100),"N",IF(AND('Cambios Auto'!IR4&lt;0,'Indices Auto'!JB4&lt;100),"R","NULL"))))</f>
        <v>NULL</v>
      </c>
      <c r="IS4" s="2" t="str">
        <f>IF(AND('Cambios Auto'!IS4&gt;0,'Indices Auto'!JC4&gt;100),"V",IF(AND('Cambios Auto'!IS4&gt;0,'Indices Auto'!JC4&lt;100),"A",IF(AND('Cambios Auto'!IS4&lt;0,'Indices Auto'!JC4&gt;100),"N",IF(AND('Cambios Auto'!IS4&lt;0,'Indices Auto'!JC4&lt;100),"R","NULL"))))</f>
        <v>NULL</v>
      </c>
      <c r="IT4" s="14"/>
    </row>
    <row r="5" spans="1:254" x14ac:dyDescent="0.25">
      <c r="A5" s="6" t="s">
        <v>191</v>
      </c>
      <c r="B5" s="2" t="str">
        <f>IF(AND('Cambios Auto'!B5&gt;0,'Indices Auto'!C5&gt;100),"V",IF(AND('Cambios Auto'!B5&gt;0,'Indices Auto'!C5&lt;100),"A",IF(AND('Cambios Auto'!B5&lt;0,'Indices Auto'!C5&gt;100),"N",IF(AND('Cambios Auto'!B5&lt;0,'Indices Auto'!C5&lt;100),"R","NULL"))))</f>
        <v>V</v>
      </c>
      <c r="C5" s="2" t="str">
        <f>IF(AND('Cambios Auto'!C5&gt;0,'Indices Auto'!D5&gt;100),"V",IF(AND('Cambios Auto'!C5&gt;0,'Indices Auto'!D5&lt;100),"A",IF(AND('Cambios Auto'!C5&lt;0,'Indices Auto'!D5&gt;100),"N",IF(AND('Cambios Auto'!C5&lt;0,'Indices Auto'!D5&lt;100),"R","NULL"))))</f>
        <v>V</v>
      </c>
      <c r="D5" s="2" t="str">
        <f>IF(AND('Cambios Auto'!D5&gt;0,'Indices Auto'!E5&gt;100),"V",IF(AND('Cambios Auto'!D5&gt;0,'Indices Auto'!E5&lt;100),"A",IF(AND('Cambios Auto'!D5&lt;0,'Indices Auto'!E5&gt;100),"N",IF(AND('Cambios Auto'!D5&lt;0,'Indices Auto'!E5&lt;100),"R","NULL"))))</f>
        <v>V</v>
      </c>
      <c r="E5" s="2" t="str">
        <f>IF(AND('Cambios Auto'!E5&gt;0,'Indices Auto'!F5&gt;100),"V",IF(AND('Cambios Auto'!E5&gt;0,'Indices Auto'!F5&lt;100),"A",IF(AND('Cambios Auto'!E5&lt;0,'Indices Auto'!F5&gt;100),"N",IF(AND('Cambios Auto'!E5&lt;0,'Indices Auto'!F5&lt;100),"R","NULL"))))</f>
        <v>V</v>
      </c>
      <c r="F5" s="2" t="str">
        <f>IF(AND('Cambios Auto'!F5&gt;0,'Indices Auto'!G5&gt;100),"V",IF(AND('Cambios Auto'!F5&gt;0,'Indices Auto'!G5&lt;100),"A",IF(AND('Cambios Auto'!F5&lt;0,'Indices Auto'!G5&gt;100),"N",IF(AND('Cambios Auto'!F5&lt;0,'Indices Auto'!G5&lt;100),"R","NULL"))))</f>
        <v>V</v>
      </c>
      <c r="G5" s="2" t="str">
        <f>IF(AND('Cambios Auto'!G5&gt;0,'Indices Auto'!H5&gt;100),"V",IF(AND('Cambios Auto'!G5&gt;0,'Indices Auto'!H5&lt;100),"A",IF(AND('Cambios Auto'!G5&lt;0,'Indices Auto'!H5&gt;100),"N",IF(AND('Cambios Auto'!G5&lt;0,'Indices Auto'!H5&lt;100),"R","NULL"))))</f>
        <v>V</v>
      </c>
      <c r="H5" s="2" t="str">
        <f>IF(AND('Cambios Auto'!H5&gt;0,'Indices Auto'!I5&gt;100),"V",IF(AND('Cambios Auto'!H5&gt;0,'Indices Auto'!I5&lt;100),"A",IF(AND('Cambios Auto'!H5&lt;0,'Indices Auto'!I5&gt;100),"N",IF(AND('Cambios Auto'!H5&lt;0,'Indices Auto'!I5&lt;100),"R","NULL"))))</f>
        <v>V</v>
      </c>
      <c r="I5" s="2" t="str">
        <f>IF(AND('Cambios Auto'!I5&gt;0,'Indices Auto'!J5&gt;100),"V",IF(AND('Cambios Auto'!I5&gt;0,'Indices Auto'!J5&lt;100),"A",IF(AND('Cambios Auto'!I5&lt;0,'Indices Auto'!J5&gt;100),"N",IF(AND('Cambios Auto'!I5&lt;0,'Indices Auto'!J5&lt;100),"R","NULL"))))</f>
        <v>N</v>
      </c>
      <c r="J5" s="2" t="str">
        <f>IF(AND('Cambios Auto'!J5&gt;0,'Indices Auto'!K5&gt;100),"V",IF(AND('Cambios Auto'!J5&gt;0,'Indices Auto'!K5&lt;100),"A",IF(AND('Cambios Auto'!J5&lt;0,'Indices Auto'!K5&gt;100),"N",IF(AND('Cambios Auto'!J5&lt;0,'Indices Auto'!K5&lt;100),"R","NULL"))))</f>
        <v>N</v>
      </c>
      <c r="K5" s="2" t="str">
        <f>IF(AND('Cambios Auto'!K5&gt;0,'Indices Auto'!L5&gt;100),"V",IF(AND('Cambios Auto'!K5&gt;0,'Indices Auto'!L5&lt;100),"A",IF(AND('Cambios Auto'!K5&lt;0,'Indices Auto'!L5&gt;100),"N",IF(AND('Cambios Auto'!K5&lt;0,'Indices Auto'!L5&lt;100),"R","NULL"))))</f>
        <v>N</v>
      </c>
      <c r="L5" s="2" t="str">
        <f>IF(AND('Cambios Auto'!L5&gt;0,'Indices Auto'!M5&gt;100),"V",IF(AND('Cambios Auto'!L5&gt;0,'Indices Auto'!M5&lt;100),"A",IF(AND('Cambios Auto'!L5&lt;0,'Indices Auto'!M5&gt;100),"N",IF(AND('Cambios Auto'!L5&lt;0,'Indices Auto'!M5&lt;100),"R","NULL"))))</f>
        <v>N</v>
      </c>
      <c r="M5" s="2" t="str">
        <f>IF(AND('Cambios Auto'!M5&gt;0,'Indices Auto'!N5&gt;100),"V",IF(AND('Cambios Auto'!M5&gt;0,'Indices Auto'!N5&lt;100),"A",IF(AND('Cambios Auto'!M5&lt;0,'Indices Auto'!N5&gt;100),"N",IF(AND('Cambios Auto'!M5&lt;0,'Indices Auto'!N5&lt;100),"R","NULL"))))</f>
        <v>N</v>
      </c>
      <c r="N5" s="2" t="str">
        <f>IF(AND('Cambios Auto'!N5&gt;0,'Indices Auto'!O5&gt;100),"V",IF(AND('Cambios Auto'!N5&gt;0,'Indices Auto'!O5&lt;100),"A",IF(AND('Cambios Auto'!N5&lt;0,'Indices Auto'!O5&gt;100),"N",IF(AND('Cambios Auto'!N5&lt;0,'Indices Auto'!O5&lt;100),"R","NULL"))))</f>
        <v>N</v>
      </c>
      <c r="O5" s="2" t="str">
        <f>IF(AND('Cambios Auto'!O5&gt;0,'Indices Auto'!P5&gt;100),"V",IF(AND('Cambios Auto'!O5&gt;0,'Indices Auto'!P5&lt;100),"A",IF(AND('Cambios Auto'!O5&lt;0,'Indices Auto'!P5&gt;100),"N",IF(AND('Cambios Auto'!O5&lt;0,'Indices Auto'!P5&lt;100),"R","NULL"))))</f>
        <v>N</v>
      </c>
      <c r="P5" s="2" t="str">
        <f>IF(AND('Cambios Auto'!P5&gt;0,'Indices Auto'!Q5&gt;100),"V",IF(AND('Cambios Auto'!P5&gt;0,'Indices Auto'!Q5&lt;100),"A",IF(AND('Cambios Auto'!P5&lt;0,'Indices Auto'!Q5&gt;100),"N",IF(AND('Cambios Auto'!P5&lt;0,'Indices Auto'!Q5&lt;100),"R","NULL"))))</f>
        <v>N</v>
      </c>
      <c r="Q5" s="2" t="str">
        <f>IF(AND('Cambios Auto'!Q5&gt;0,'Indices Auto'!R5&gt;100),"V",IF(AND('Cambios Auto'!Q5&gt;0,'Indices Auto'!R5&lt;100),"A",IF(AND('Cambios Auto'!Q5&lt;0,'Indices Auto'!R5&gt;100),"N",IF(AND('Cambios Auto'!Q5&lt;0,'Indices Auto'!R5&lt;100),"R","NULL"))))</f>
        <v>N</v>
      </c>
      <c r="R5" s="2" t="str">
        <f>IF(AND('Cambios Auto'!R5&gt;0,'Indices Auto'!S5&gt;100),"V",IF(AND('Cambios Auto'!R5&gt;0,'Indices Auto'!S5&lt;100),"A",IF(AND('Cambios Auto'!R5&lt;0,'Indices Auto'!S5&gt;100),"N",IF(AND('Cambios Auto'!R5&lt;0,'Indices Auto'!S5&lt;100),"R","NULL"))))</f>
        <v>N</v>
      </c>
      <c r="S5" s="2" t="str">
        <f>IF(AND('Cambios Auto'!S5&gt;0,'Indices Auto'!T5&gt;100),"V",IF(AND('Cambios Auto'!S5&gt;0,'Indices Auto'!T5&lt;100),"A",IF(AND('Cambios Auto'!S5&lt;0,'Indices Auto'!T5&gt;100),"N",IF(AND('Cambios Auto'!S5&lt;0,'Indices Auto'!T5&lt;100),"R","NULL"))))</f>
        <v>N</v>
      </c>
      <c r="T5" s="2" t="str">
        <f>IF(AND('Cambios Auto'!T5&gt;0,'Indices Auto'!U5&gt;100),"V",IF(AND('Cambios Auto'!T5&gt;0,'Indices Auto'!U5&lt;100),"A",IF(AND('Cambios Auto'!T5&lt;0,'Indices Auto'!U5&gt;100),"N",IF(AND('Cambios Auto'!T5&lt;0,'Indices Auto'!U5&lt;100),"R","NULL"))))</f>
        <v>N</v>
      </c>
      <c r="U5" s="2" t="str">
        <f>IF(AND('Cambios Auto'!U5&gt;0,'Indices Auto'!V5&gt;100),"V",IF(AND('Cambios Auto'!U5&gt;0,'Indices Auto'!V5&lt;100),"A",IF(AND('Cambios Auto'!U5&lt;0,'Indices Auto'!V5&gt;100),"N",IF(AND('Cambios Auto'!U5&lt;0,'Indices Auto'!V5&lt;100),"R","NULL"))))</f>
        <v>R</v>
      </c>
      <c r="V5" s="2" t="str">
        <f>IF(AND('Cambios Auto'!V5&gt;0,'Indices Auto'!W5&gt;100),"V",IF(AND('Cambios Auto'!V5&gt;0,'Indices Auto'!W5&lt;100),"A",IF(AND('Cambios Auto'!V5&lt;0,'Indices Auto'!W5&gt;100),"N",IF(AND('Cambios Auto'!V5&lt;0,'Indices Auto'!W5&lt;100),"R","NULL"))))</f>
        <v>R</v>
      </c>
      <c r="W5" s="2" t="str">
        <f>IF(AND('Cambios Auto'!W5&gt;0,'Indices Auto'!X5&gt;100),"V",IF(AND('Cambios Auto'!W5&gt;0,'Indices Auto'!X5&lt;100),"A",IF(AND('Cambios Auto'!W5&lt;0,'Indices Auto'!X5&gt;100),"N",IF(AND('Cambios Auto'!W5&lt;0,'Indices Auto'!X5&lt;100),"R","NULL"))))</f>
        <v>R</v>
      </c>
      <c r="X5" s="2" t="str">
        <f>IF(AND('Cambios Auto'!X5&gt;0,'Indices Auto'!Y5&gt;100),"V",IF(AND('Cambios Auto'!X5&gt;0,'Indices Auto'!Y5&lt;100),"A",IF(AND('Cambios Auto'!X5&lt;0,'Indices Auto'!Y5&gt;100),"N",IF(AND('Cambios Auto'!X5&lt;0,'Indices Auto'!Y5&lt;100),"R","NULL"))))</f>
        <v>R</v>
      </c>
      <c r="Y5" s="2" t="str">
        <f>IF(AND('Cambios Auto'!Y5&gt;0,'Indices Auto'!Z5&gt;100),"V",IF(AND('Cambios Auto'!Y5&gt;0,'Indices Auto'!Z5&lt;100),"A",IF(AND('Cambios Auto'!Y5&lt;0,'Indices Auto'!Z5&gt;100),"N",IF(AND('Cambios Auto'!Y5&lt;0,'Indices Auto'!Z5&lt;100),"R","NULL"))))</f>
        <v>R</v>
      </c>
      <c r="Z5" s="2" t="str">
        <f>IF(AND('Cambios Auto'!Z5&gt;0,'Indices Auto'!AA5&gt;100),"V",IF(AND('Cambios Auto'!Z5&gt;0,'Indices Auto'!AA5&lt;100),"A",IF(AND('Cambios Auto'!Z5&lt;0,'Indices Auto'!AA5&gt;100),"N",IF(AND('Cambios Auto'!Z5&lt;0,'Indices Auto'!AA5&lt;100),"R","NULL"))))</f>
        <v>R</v>
      </c>
      <c r="AA5" s="2" t="str">
        <f>IF(AND('Cambios Auto'!AA5&gt;0,'Indices Auto'!AB5&gt;100),"V",IF(AND('Cambios Auto'!AA5&gt;0,'Indices Auto'!AB5&lt;100),"A",IF(AND('Cambios Auto'!AA5&lt;0,'Indices Auto'!AB5&gt;100),"N",IF(AND('Cambios Auto'!AA5&lt;0,'Indices Auto'!AB5&lt;100),"R","NULL"))))</f>
        <v>R</v>
      </c>
      <c r="AB5" s="2" t="str">
        <f>IF(AND('Cambios Auto'!AB5&gt;0,'Indices Auto'!AC5&gt;100),"V",IF(AND('Cambios Auto'!AB5&gt;0,'Indices Auto'!AC5&lt;100),"A",IF(AND('Cambios Auto'!AB5&lt;0,'Indices Auto'!AC5&gt;100),"N",IF(AND('Cambios Auto'!AB5&lt;0,'Indices Auto'!AC5&lt;100),"R","NULL"))))</f>
        <v>R</v>
      </c>
      <c r="AC5" s="2" t="str">
        <f>IF(AND('Cambios Auto'!AC5&gt;0,'Indices Auto'!AD5&gt;100),"V",IF(AND('Cambios Auto'!AC5&gt;0,'Indices Auto'!AD5&lt;100),"A",IF(AND('Cambios Auto'!AC5&lt;0,'Indices Auto'!AD5&gt;100),"N",IF(AND('Cambios Auto'!AC5&lt;0,'Indices Auto'!AD5&lt;100),"R","NULL"))))</f>
        <v>A</v>
      </c>
      <c r="AD5" s="2" t="str">
        <f>IF(AND('Cambios Auto'!AD5&gt;0,'Indices Auto'!AE5&gt;100),"V",IF(AND('Cambios Auto'!AD5&gt;0,'Indices Auto'!AE5&lt;100),"A",IF(AND('Cambios Auto'!AD5&lt;0,'Indices Auto'!AE5&gt;100),"N",IF(AND('Cambios Auto'!AD5&lt;0,'Indices Auto'!AE5&lt;100),"R","NULL"))))</f>
        <v>A</v>
      </c>
      <c r="AE5" s="2" t="str">
        <f>IF(AND('Cambios Auto'!AE5&gt;0,'Indices Auto'!AF5&gt;100),"V",IF(AND('Cambios Auto'!AE5&gt;0,'Indices Auto'!AF5&lt;100),"A",IF(AND('Cambios Auto'!AE5&lt;0,'Indices Auto'!AF5&gt;100),"N",IF(AND('Cambios Auto'!AE5&lt;0,'Indices Auto'!AF5&lt;100),"R","NULL"))))</f>
        <v>A</v>
      </c>
      <c r="AF5" s="2" t="str">
        <f>IF(AND('Cambios Auto'!AF5&gt;0,'Indices Auto'!AG5&gt;100),"V",IF(AND('Cambios Auto'!AF5&gt;0,'Indices Auto'!AG5&lt;100),"A",IF(AND('Cambios Auto'!AF5&lt;0,'Indices Auto'!AG5&gt;100),"N",IF(AND('Cambios Auto'!AF5&lt;0,'Indices Auto'!AG5&lt;100),"R","NULL"))))</f>
        <v>A</v>
      </c>
      <c r="AG5" s="2" t="str">
        <f>IF(AND('Cambios Auto'!AG5&gt;0,'Indices Auto'!AH5&gt;100),"V",IF(AND('Cambios Auto'!AG5&gt;0,'Indices Auto'!AH5&lt;100),"A",IF(AND('Cambios Auto'!AG5&lt;0,'Indices Auto'!AH5&gt;100),"N",IF(AND('Cambios Auto'!AG5&lt;0,'Indices Auto'!AH5&lt;100),"R","NULL"))))</f>
        <v>R</v>
      </c>
      <c r="AH5" s="2" t="str">
        <f>IF(AND('Cambios Auto'!AH5&gt;0,'Indices Auto'!AI5&gt;100),"V",IF(AND('Cambios Auto'!AH5&gt;0,'Indices Auto'!AI5&lt;100),"A",IF(AND('Cambios Auto'!AH5&lt;0,'Indices Auto'!AI5&gt;100),"N",IF(AND('Cambios Auto'!AH5&lt;0,'Indices Auto'!AI5&lt;100),"R","NULL"))))</f>
        <v>R</v>
      </c>
      <c r="AI5" s="2" t="str">
        <f>IF(AND('Cambios Auto'!AI5&gt;0,'Indices Auto'!AJ5&gt;100),"V",IF(AND('Cambios Auto'!AI5&gt;0,'Indices Auto'!AJ5&lt;100),"A",IF(AND('Cambios Auto'!AI5&lt;0,'Indices Auto'!AJ5&gt;100),"N",IF(AND('Cambios Auto'!AI5&lt;0,'Indices Auto'!AJ5&lt;100),"R","NULL"))))</f>
        <v>R</v>
      </c>
      <c r="AJ5" s="2" t="str">
        <f>IF(AND('Cambios Auto'!AJ5&gt;0,'Indices Auto'!AK5&gt;100),"V",IF(AND('Cambios Auto'!AJ5&gt;0,'Indices Auto'!AK5&lt;100),"A",IF(AND('Cambios Auto'!AJ5&lt;0,'Indices Auto'!AK5&gt;100),"N",IF(AND('Cambios Auto'!AJ5&lt;0,'Indices Auto'!AK5&lt;100),"R","NULL"))))</f>
        <v>R</v>
      </c>
      <c r="AK5" s="2" t="str">
        <f>IF(AND('Cambios Auto'!AK5&gt;0,'Indices Auto'!AL5&gt;100),"V",IF(AND('Cambios Auto'!AK5&gt;0,'Indices Auto'!AL5&lt;100),"A",IF(AND('Cambios Auto'!AK5&lt;0,'Indices Auto'!AL5&gt;100),"N",IF(AND('Cambios Auto'!AK5&lt;0,'Indices Auto'!AL5&lt;100),"R","NULL"))))</f>
        <v>R</v>
      </c>
      <c r="AL5" s="2" t="str">
        <f>IF(AND('Cambios Auto'!AL5&gt;0,'Indices Auto'!AM5&gt;100),"V",IF(AND('Cambios Auto'!AL5&gt;0,'Indices Auto'!AM5&lt;100),"A",IF(AND('Cambios Auto'!AL5&lt;0,'Indices Auto'!AM5&gt;100),"N",IF(AND('Cambios Auto'!AL5&lt;0,'Indices Auto'!AM5&lt;100),"R","NULL"))))</f>
        <v>R</v>
      </c>
      <c r="AM5" s="2" t="str">
        <f>IF(AND('Cambios Auto'!AM5&gt;0,'Indices Auto'!AN5&gt;100),"V",IF(AND('Cambios Auto'!AM5&gt;0,'Indices Auto'!AN5&lt;100),"A",IF(AND('Cambios Auto'!AM5&lt;0,'Indices Auto'!AN5&gt;100),"N",IF(AND('Cambios Auto'!AM5&lt;0,'Indices Auto'!AN5&lt;100),"R","NULL"))))</f>
        <v>R</v>
      </c>
      <c r="AN5" s="2" t="str">
        <f>IF(AND('Cambios Auto'!AN5&gt;0,'Indices Auto'!AO5&gt;100),"V",IF(AND('Cambios Auto'!AN5&gt;0,'Indices Auto'!AO5&lt;100),"A",IF(AND('Cambios Auto'!AN5&lt;0,'Indices Auto'!AO5&gt;100),"N",IF(AND('Cambios Auto'!AN5&lt;0,'Indices Auto'!AO5&lt;100),"R","NULL"))))</f>
        <v>R</v>
      </c>
      <c r="AO5" s="2" t="str">
        <f>IF(AND('Cambios Auto'!AO5&gt;0,'Indices Auto'!AP5&gt;100),"V",IF(AND('Cambios Auto'!AO5&gt;0,'Indices Auto'!AP5&lt;100),"A",IF(AND('Cambios Auto'!AO5&lt;0,'Indices Auto'!AP5&gt;100),"N",IF(AND('Cambios Auto'!AO5&lt;0,'Indices Auto'!AP5&lt;100),"R","NULL"))))</f>
        <v>R</v>
      </c>
      <c r="AP5" s="2" t="str">
        <f>IF(AND('Cambios Auto'!AP5&gt;0,'Indices Auto'!AQ5&gt;100),"V",IF(AND('Cambios Auto'!AP5&gt;0,'Indices Auto'!AQ5&lt;100),"A",IF(AND('Cambios Auto'!AP5&lt;0,'Indices Auto'!AQ5&gt;100),"N",IF(AND('Cambios Auto'!AP5&lt;0,'Indices Auto'!AQ5&lt;100),"R","NULL"))))</f>
        <v>R</v>
      </c>
      <c r="AQ5" s="2" t="str">
        <f>IF(AND('Cambios Auto'!AQ5&gt;0,'Indices Auto'!AR5&gt;100),"V",IF(AND('Cambios Auto'!AQ5&gt;0,'Indices Auto'!AR5&lt;100),"A",IF(AND('Cambios Auto'!AQ5&lt;0,'Indices Auto'!AR5&gt;100),"N",IF(AND('Cambios Auto'!AQ5&lt;0,'Indices Auto'!AR5&lt;100),"R","NULL"))))</f>
        <v>R</v>
      </c>
      <c r="AR5" s="2" t="str">
        <f>IF(AND('Cambios Auto'!AR5&gt;0,'Indices Auto'!AS5&gt;100),"V",IF(AND('Cambios Auto'!AR5&gt;0,'Indices Auto'!AS5&lt;100),"A",IF(AND('Cambios Auto'!AR5&lt;0,'Indices Auto'!AS5&gt;100),"N",IF(AND('Cambios Auto'!AR5&lt;0,'Indices Auto'!AS5&lt;100),"R","NULL"))))</f>
        <v>R</v>
      </c>
      <c r="AS5" s="2" t="str">
        <f>IF(AND('Cambios Auto'!AS5&gt;0,'Indices Auto'!AT5&gt;100),"V",IF(AND('Cambios Auto'!AS5&gt;0,'Indices Auto'!AT5&lt;100),"A",IF(AND('Cambios Auto'!AS5&lt;0,'Indices Auto'!AT5&gt;100),"N",IF(AND('Cambios Auto'!AS5&lt;0,'Indices Auto'!AT5&lt;100),"R","NULL"))))</f>
        <v>R</v>
      </c>
      <c r="AT5" s="2" t="str">
        <f>IF(AND('Cambios Auto'!AT5&gt;0,'Indices Auto'!AU5&gt;100),"V",IF(AND('Cambios Auto'!AT5&gt;0,'Indices Auto'!AU5&lt;100),"A",IF(AND('Cambios Auto'!AT5&lt;0,'Indices Auto'!AU5&gt;100),"N",IF(AND('Cambios Auto'!AT5&lt;0,'Indices Auto'!AU5&lt;100),"R","NULL"))))</f>
        <v>A</v>
      </c>
      <c r="AU5" s="2" t="str">
        <f>IF(AND('Cambios Auto'!AU5&gt;0,'Indices Auto'!AV5&gt;100),"V",IF(AND('Cambios Auto'!AU5&gt;0,'Indices Auto'!AV5&lt;100),"A",IF(AND('Cambios Auto'!AU5&lt;0,'Indices Auto'!AV5&gt;100),"N",IF(AND('Cambios Auto'!AU5&lt;0,'Indices Auto'!AV5&lt;100),"R","NULL"))))</f>
        <v>A</v>
      </c>
      <c r="AV5" s="2" t="str">
        <f>IF(AND('Cambios Auto'!AV5&gt;0,'Indices Auto'!AW5&gt;100),"V",IF(AND('Cambios Auto'!AV5&gt;0,'Indices Auto'!AW5&lt;100),"A",IF(AND('Cambios Auto'!AV5&lt;0,'Indices Auto'!AW5&gt;100),"N",IF(AND('Cambios Auto'!AV5&lt;0,'Indices Auto'!AW5&lt;100),"R","NULL"))))</f>
        <v>A</v>
      </c>
      <c r="AW5" s="2" t="str">
        <f>IF(AND('Cambios Auto'!AW5&gt;0,'Indices Auto'!AX5&gt;100),"V",IF(AND('Cambios Auto'!AW5&gt;0,'Indices Auto'!AX5&lt;100),"A",IF(AND('Cambios Auto'!AW5&lt;0,'Indices Auto'!AX5&gt;100),"N",IF(AND('Cambios Auto'!AW5&lt;0,'Indices Auto'!AX5&lt;100),"R","NULL"))))</f>
        <v>A</v>
      </c>
      <c r="AX5" s="2" t="str">
        <f>IF(AND('Cambios Auto'!AX5&gt;0,'Indices Auto'!AY5&gt;100),"V",IF(AND('Cambios Auto'!AX5&gt;0,'Indices Auto'!AY5&lt;100),"A",IF(AND('Cambios Auto'!AX5&lt;0,'Indices Auto'!AY5&gt;100),"N",IF(AND('Cambios Auto'!AX5&lt;0,'Indices Auto'!AY5&lt;100),"R","NULL"))))</f>
        <v>A</v>
      </c>
      <c r="AY5" s="2" t="str">
        <f>IF(AND('Cambios Auto'!AY5&gt;0,'Indices Auto'!AZ5&gt;100),"V",IF(AND('Cambios Auto'!AY5&gt;0,'Indices Auto'!AZ5&lt;100),"A",IF(AND('Cambios Auto'!AY5&lt;0,'Indices Auto'!AZ5&gt;100),"N",IF(AND('Cambios Auto'!AY5&lt;0,'Indices Auto'!AZ5&lt;100),"R","NULL"))))</f>
        <v>A</v>
      </c>
      <c r="AZ5" s="2" t="str">
        <f>IF(AND('Cambios Auto'!AZ5&gt;0,'Indices Auto'!BA5&gt;100),"V",IF(AND('Cambios Auto'!AZ5&gt;0,'Indices Auto'!BA5&lt;100),"A",IF(AND('Cambios Auto'!AZ5&lt;0,'Indices Auto'!BA5&gt;100),"N",IF(AND('Cambios Auto'!AZ5&lt;0,'Indices Auto'!BA5&lt;100),"R","NULL"))))</f>
        <v>A</v>
      </c>
      <c r="BA5" s="2" t="str">
        <f>IF(AND('Cambios Auto'!BA5&gt;0,'Indices Auto'!BB5&gt;100),"V",IF(AND('Cambios Auto'!BA5&gt;0,'Indices Auto'!BB5&lt;100),"A",IF(AND('Cambios Auto'!BA5&lt;0,'Indices Auto'!BB5&gt;100),"N",IF(AND('Cambios Auto'!BA5&lt;0,'Indices Auto'!BB5&lt;100),"R","NULL"))))</f>
        <v>A</v>
      </c>
      <c r="BB5" s="2" t="str">
        <f>IF(AND('Cambios Auto'!BB5&gt;0,'Indices Auto'!BC5&gt;100),"V",IF(AND('Cambios Auto'!BB5&gt;0,'Indices Auto'!BC5&lt;100),"A",IF(AND('Cambios Auto'!BB5&lt;0,'Indices Auto'!BC5&gt;100),"N",IF(AND('Cambios Auto'!BB5&lt;0,'Indices Auto'!BC5&lt;100),"R","NULL"))))</f>
        <v>R</v>
      </c>
      <c r="BC5" s="2" t="str">
        <f>IF(AND('Cambios Auto'!BC5&gt;0,'Indices Auto'!BD5&gt;100),"V",IF(AND('Cambios Auto'!BC5&gt;0,'Indices Auto'!BD5&lt;100),"A",IF(AND('Cambios Auto'!BC5&lt;0,'Indices Auto'!BD5&gt;100),"N",IF(AND('Cambios Auto'!BC5&lt;0,'Indices Auto'!BD5&lt;100),"R","NULL"))))</f>
        <v>R</v>
      </c>
      <c r="BD5" s="2" t="str">
        <f>IF(AND('Cambios Auto'!BD5&gt;0,'Indices Auto'!BE5&gt;100),"V",IF(AND('Cambios Auto'!BD5&gt;0,'Indices Auto'!BE5&lt;100),"A",IF(AND('Cambios Auto'!BD5&lt;0,'Indices Auto'!BE5&gt;100),"N",IF(AND('Cambios Auto'!BD5&lt;0,'Indices Auto'!BE5&lt;100),"R","NULL"))))</f>
        <v>R</v>
      </c>
      <c r="BE5" s="2" t="str">
        <f>IF(AND('Cambios Auto'!BE5&gt;0,'Indices Auto'!BF5&gt;100),"V",IF(AND('Cambios Auto'!BE5&gt;0,'Indices Auto'!BF5&lt;100),"A",IF(AND('Cambios Auto'!BE5&lt;0,'Indices Auto'!BF5&gt;100),"N",IF(AND('Cambios Auto'!BE5&lt;0,'Indices Auto'!BF5&lt;100),"R","NULL"))))</f>
        <v>R</v>
      </c>
      <c r="BF5" s="2" t="str">
        <f>IF(AND('Cambios Auto'!BF5&gt;0,'Indices Auto'!BG5&gt;100),"V",IF(AND('Cambios Auto'!BF5&gt;0,'Indices Auto'!BG5&lt;100),"A",IF(AND('Cambios Auto'!BF5&lt;0,'Indices Auto'!BG5&gt;100),"N",IF(AND('Cambios Auto'!BF5&lt;0,'Indices Auto'!BG5&lt;100),"R","NULL"))))</f>
        <v>A</v>
      </c>
      <c r="BG5" s="2" t="str">
        <f>IF(AND('Cambios Auto'!BG5&gt;0,'Indices Auto'!BH5&gt;100),"V",IF(AND('Cambios Auto'!BG5&gt;0,'Indices Auto'!BH5&lt;100),"A",IF(AND('Cambios Auto'!BG5&lt;0,'Indices Auto'!BH5&gt;100),"N",IF(AND('Cambios Auto'!BG5&lt;0,'Indices Auto'!BH5&lt;100),"R","NULL"))))</f>
        <v>A</v>
      </c>
      <c r="BH5" s="2" t="str">
        <f>IF(AND('Cambios Auto'!BH5&gt;0,'Indices Auto'!BI5&gt;100),"V",IF(AND('Cambios Auto'!BH5&gt;0,'Indices Auto'!BI5&lt;100),"A",IF(AND('Cambios Auto'!BH5&lt;0,'Indices Auto'!BI5&gt;100),"N",IF(AND('Cambios Auto'!BH5&lt;0,'Indices Auto'!BI5&lt;100),"R","NULL"))))</f>
        <v>A</v>
      </c>
      <c r="BI5" s="2" t="str">
        <f>IF(AND('Cambios Auto'!BI5&gt;0,'Indices Auto'!BJ5&gt;100),"V",IF(AND('Cambios Auto'!BI5&gt;0,'Indices Auto'!BJ5&lt;100),"A",IF(AND('Cambios Auto'!BI5&lt;0,'Indices Auto'!BJ5&gt;100),"N",IF(AND('Cambios Auto'!BI5&lt;0,'Indices Auto'!BJ5&lt;100),"R","NULL"))))</f>
        <v>A</v>
      </c>
      <c r="BJ5" s="2" t="str">
        <f>IF(AND('Cambios Auto'!BJ5&gt;0,'Indices Auto'!BK5&gt;100),"V",IF(AND('Cambios Auto'!BJ5&gt;0,'Indices Auto'!BK5&lt;100),"A",IF(AND('Cambios Auto'!BJ5&lt;0,'Indices Auto'!BK5&gt;100),"N",IF(AND('Cambios Auto'!BJ5&lt;0,'Indices Auto'!BK5&lt;100),"R","NULL"))))</f>
        <v>A</v>
      </c>
      <c r="BK5" s="2" t="str">
        <f>IF(AND('Cambios Auto'!BK5&gt;0,'Indices Auto'!BL5&gt;100),"V",IF(AND('Cambios Auto'!BK5&gt;0,'Indices Auto'!BL5&lt;100),"A",IF(AND('Cambios Auto'!BK5&lt;0,'Indices Auto'!BL5&gt;100),"N",IF(AND('Cambios Auto'!BK5&lt;0,'Indices Auto'!BL5&lt;100),"R","NULL"))))</f>
        <v>A</v>
      </c>
      <c r="BL5" s="2" t="str">
        <f>IF(AND('Cambios Auto'!BL5&gt;0,'Indices Auto'!BM5&gt;100),"V",IF(AND('Cambios Auto'!BL5&gt;0,'Indices Auto'!BM5&lt;100),"A",IF(AND('Cambios Auto'!BL5&lt;0,'Indices Auto'!BM5&gt;100),"N",IF(AND('Cambios Auto'!BL5&lt;0,'Indices Auto'!BM5&lt;100),"R","NULL"))))</f>
        <v>R</v>
      </c>
      <c r="BM5" s="2" t="str">
        <f>IF(AND('Cambios Auto'!BM5&gt;0,'Indices Auto'!BN5&gt;100),"V",IF(AND('Cambios Auto'!BM5&gt;0,'Indices Auto'!BN5&lt;100),"A",IF(AND('Cambios Auto'!BM5&lt;0,'Indices Auto'!BN5&gt;100),"N",IF(AND('Cambios Auto'!BM5&lt;0,'Indices Auto'!BN5&lt;100),"R","NULL"))))</f>
        <v>R</v>
      </c>
      <c r="BN5" s="2" t="str">
        <f>IF(AND('Cambios Auto'!BN5&gt;0,'Indices Auto'!BO5&gt;100),"V",IF(AND('Cambios Auto'!BN5&gt;0,'Indices Auto'!BO5&lt;100),"A",IF(AND('Cambios Auto'!BN5&lt;0,'Indices Auto'!BO5&gt;100),"N",IF(AND('Cambios Auto'!BN5&lt;0,'Indices Auto'!BO5&lt;100),"R","NULL"))))</f>
        <v>R</v>
      </c>
      <c r="BO5" s="2" t="str">
        <f>IF(AND('Cambios Auto'!BO5&gt;0,'Indices Auto'!BP5&gt;100),"V",IF(AND('Cambios Auto'!BO5&gt;0,'Indices Auto'!BP5&lt;100),"A",IF(AND('Cambios Auto'!BO5&lt;0,'Indices Auto'!BP5&gt;100),"N",IF(AND('Cambios Auto'!BO5&lt;0,'Indices Auto'!BP5&lt;100),"R","NULL"))))</f>
        <v>R</v>
      </c>
      <c r="BP5" s="2" t="str">
        <f>IF(AND('Cambios Auto'!BP5&gt;0,'Indices Auto'!BQ5&gt;100),"V",IF(AND('Cambios Auto'!BP5&gt;0,'Indices Auto'!BQ5&lt;100),"A",IF(AND('Cambios Auto'!BP5&lt;0,'Indices Auto'!BQ5&gt;100),"N",IF(AND('Cambios Auto'!BP5&lt;0,'Indices Auto'!BQ5&lt;100),"R","NULL"))))</f>
        <v>A</v>
      </c>
      <c r="BQ5" s="2" t="str">
        <f>IF(AND('Cambios Auto'!BQ5&gt;0,'Indices Auto'!BR5&gt;100),"V",IF(AND('Cambios Auto'!BQ5&gt;0,'Indices Auto'!BR5&lt;100),"A",IF(AND('Cambios Auto'!BQ5&lt;0,'Indices Auto'!BR5&gt;100),"N",IF(AND('Cambios Auto'!BQ5&lt;0,'Indices Auto'!BR5&lt;100),"R","NULL"))))</f>
        <v>A</v>
      </c>
      <c r="BR5" s="2" t="str">
        <f>IF(AND('Cambios Auto'!BR5&gt;0,'Indices Auto'!BS5&gt;100),"V",IF(AND('Cambios Auto'!BR5&gt;0,'Indices Auto'!BS5&lt;100),"A",IF(AND('Cambios Auto'!BR5&lt;0,'Indices Auto'!BS5&gt;100),"N",IF(AND('Cambios Auto'!BR5&lt;0,'Indices Auto'!BS5&lt;100),"R","NULL"))))</f>
        <v>V</v>
      </c>
      <c r="BS5" s="2" t="str">
        <f>IF(AND('Cambios Auto'!BS5&gt;0,'Indices Auto'!BT5&gt;100),"V",IF(AND('Cambios Auto'!BS5&gt;0,'Indices Auto'!BT5&lt;100),"A",IF(AND('Cambios Auto'!BS5&lt;0,'Indices Auto'!BT5&gt;100),"N",IF(AND('Cambios Auto'!BS5&lt;0,'Indices Auto'!BT5&lt;100),"R","NULL"))))</f>
        <v>V</v>
      </c>
      <c r="BT5" s="2" t="str">
        <f>IF(AND('Cambios Auto'!BT5&gt;0,'Indices Auto'!BU5&gt;100),"V",IF(AND('Cambios Auto'!BT5&gt;0,'Indices Auto'!BU5&lt;100),"A",IF(AND('Cambios Auto'!BT5&lt;0,'Indices Auto'!BU5&gt;100),"N",IF(AND('Cambios Auto'!BT5&lt;0,'Indices Auto'!BU5&lt;100),"R","NULL"))))</f>
        <v>V</v>
      </c>
      <c r="BU5" s="2" t="str">
        <f>IF(AND('Cambios Auto'!BU5&gt;0,'Indices Auto'!BV5&gt;100),"V",IF(AND('Cambios Auto'!BU5&gt;0,'Indices Auto'!BV5&lt;100),"A",IF(AND('Cambios Auto'!BU5&lt;0,'Indices Auto'!BV5&gt;100),"N",IF(AND('Cambios Auto'!BU5&lt;0,'Indices Auto'!BV5&lt;100),"R","NULL"))))</f>
        <v>V</v>
      </c>
      <c r="BV5" s="2" t="str">
        <f>IF(AND('Cambios Auto'!BV5&gt;0,'Indices Auto'!BW5&gt;100),"V",IF(AND('Cambios Auto'!BV5&gt;0,'Indices Auto'!BW5&lt;100),"A",IF(AND('Cambios Auto'!BV5&lt;0,'Indices Auto'!BW5&gt;100),"N",IF(AND('Cambios Auto'!BV5&lt;0,'Indices Auto'!BW5&lt;100),"R","NULL"))))</f>
        <v>V</v>
      </c>
      <c r="BW5" s="2" t="str">
        <f>IF(AND('Cambios Auto'!BW5&gt;0,'Indices Auto'!BX5&gt;100),"V",IF(AND('Cambios Auto'!BW5&gt;0,'Indices Auto'!BX5&lt;100),"A",IF(AND('Cambios Auto'!BW5&lt;0,'Indices Auto'!BX5&gt;100),"N",IF(AND('Cambios Auto'!BW5&lt;0,'Indices Auto'!BX5&lt;100),"R","NULL"))))</f>
        <v>V</v>
      </c>
      <c r="BX5" s="2" t="str">
        <f>IF(AND('Cambios Auto'!BX5&gt;0,'Indices Auto'!BY5&gt;100),"V",IF(AND('Cambios Auto'!BX5&gt;0,'Indices Auto'!BY5&lt;100),"A",IF(AND('Cambios Auto'!BX5&lt;0,'Indices Auto'!BY5&gt;100),"N",IF(AND('Cambios Auto'!BX5&lt;0,'Indices Auto'!BY5&lt;100),"R","NULL"))))</f>
        <v>V</v>
      </c>
      <c r="BY5" s="2" t="str">
        <f>IF(AND('Cambios Auto'!BY5&gt;0,'Indices Auto'!BZ5&gt;100),"V",IF(AND('Cambios Auto'!BY5&gt;0,'Indices Auto'!BZ5&lt;100),"A",IF(AND('Cambios Auto'!BY5&lt;0,'Indices Auto'!BZ5&gt;100),"N",IF(AND('Cambios Auto'!BY5&lt;0,'Indices Auto'!BZ5&lt;100),"R","NULL"))))</f>
        <v>V</v>
      </c>
      <c r="BZ5" s="2" t="str">
        <f>IF(AND('Cambios Auto'!BZ5&gt;0,'Indices Auto'!CA5&gt;100),"V",IF(AND('Cambios Auto'!BZ5&gt;0,'Indices Auto'!CA5&lt;100),"A",IF(AND('Cambios Auto'!BZ5&lt;0,'Indices Auto'!CA5&gt;100),"N",IF(AND('Cambios Auto'!BZ5&lt;0,'Indices Auto'!CA5&lt;100),"R","NULL"))))</f>
        <v>V</v>
      </c>
      <c r="CA5" s="2" t="str">
        <f>IF(AND('Cambios Auto'!CA5&gt;0,'Indices Auto'!CB5&gt;100),"V",IF(AND('Cambios Auto'!CA5&gt;0,'Indices Auto'!CB5&lt;100),"A",IF(AND('Cambios Auto'!CA5&lt;0,'Indices Auto'!CB5&gt;100),"N",IF(AND('Cambios Auto'!CA5&lt;0,'Indices Auto'!CB5&lt;100),"R","NULL"))))</f>
        <v>V</v>
      </c>
      <c r="CB5" s="2" t="str">
        <f>IF(AND('Cambios Auto'!CB5&gt;0,'Indices Auto'!CC5&gt;100),"V",IF(AND('Cambios Auto'!CB5&gt;0,'Indices Auto'!CC5&lt;100),"A",IF(AND('Cambios Auto'!CB5&lt;0,'Indices Auto'!CC5&gt;100),"N",IF(AND('Cambios Auto'!CB5&lt;0,'Indices Auto'!CC5&lt;100),"R","NULL"))))</f>
        <v>N</v>
      </c>
      <c r="CC5" s="2" t="str">
        <f>IF(AND('Cambios Auto'!CC5&gt;0,'Indices Auto'!CD5&gt;100),"V",IF(AND('Cambios Auto'!CC5&gt;0,'Indices Auto'!CD5&lt;100),"A",IF(AND('Cambios Auto'!CC5&lt;0,'Indices Auto'!CD5&gt;100),"N",IF(AND('Cambios Auto'!CC5&lt;0,'Indices Auto'!CD5&lt;100),"R","NULL"))))</f>
        <v>N</v>
      </c>
      <c r="CD5" s="2" t="str">
        <f>IF(AND('Cambios Auto'!CD5&gt;0,'Indices Auto'!CE5&gt;100),"V",IF(AND('Cambios Auto'!CD5&gt;0,'Indices Auto'!CE5&lt;100),"A",IF(AND('Cambios Auto'!CD5&lt;0,'Indices Auto'!CE5&gt;100),"N",IF(AND('Cambios Auto'!CD5&lt;0,'Indices Auto'!CE5&lt;100),"R","NULL"))))</f>
        <v>N</v>
      </c>
      <c r="CE5" s="2" t="str">
        <f>IF(AND('Cambios Auto'!CE5&gt;0,'Indices Auto'!CF5&gt;100),"V",IF(AND('Cambios Auto'!CE5&gt;0,'Indices Auto'!CF5&lt;100),"A",IF(AND('Cambios Auto'!CE5&lt;0,'Indices Auto'!CF5&gt;100),"N",IF(AND('Cambios Auto'!CE5&lt;0,'Indices Auto'!CF5&lt;100),"R","NULL"))))</f>
        <v>N</v>
      </c>
      <c r="CF5" s="2" t="str">
        <f>IF(AND('Cambios Auto'!CF5&gt;0,'Indices Auto'!CG5&gt;100),"V",IF(AND('Cambios Auto'!CF5&gt;0,'Indices Auto'!CG5&lt;100),"A",IF(AND('Cambios Auto'!CF5&lt;0,'Indices Auto'!CG5&gt;100),"N",IF(AND('Cambios Auto'!CF5&lt;0,'Indices Auto'!CG5&lt;100),"R","NULL"))))</f>
        <v>N</v>
      </c>
      <c r="CG5" s="2" t="str">
        <f>IF(AND('Cambios Auto'!CG5&gt;0,'Indices Auto'!CH5&gt;100),"V",IF(AND('Cambios Auto'!CG5&gt;0,'Indices Auto'!CH5&lt;100),"A",IF(AND('Cambios Auto'!CG5&lt;0,'Indices Auto'!CH5&gt;100),"N",IF(AND('Cambios Auto'!CG5&lt;0,'Indices Auto'!CH5&lt;100),"R","NULL"))))</f>
        <v>V</v>
      </c>
      <c r="CH5" s="2" t="str">
        <f>IF(AND('Cambios Auto'!CH5&gt;0,'Indices Auto'!CI5&gt;100),"V",IF(AND('Cambios Auto'!CH5&gt;0,'Indices Auto'!CI5&lt;100),"A",IF(AND('Cambios Auto'!CH5&lt;0,'Indices Auto'!CI5&gt;100),"N",IF(AND('Cambios Auto'!CH5&lt;0,'Indices Auto'!CI5&lt;100),"R","NULL"))))</f>
        <v>V</v>
      </c>
      <c r="CI5" s="2" t="str">
        <f>IF(AND('Cambios Auto'!CI5&gt;0,'Indices Auto'!CJ5&gt;100),"V",IF(AND('Cambios Auto'!CI5&gt;0,'Indices Auto'!CJ5&lt;100),"A",IF(AND('Cambios Auto'!CI5&lt;0,'Indices Auto'!CJ5&gt;100),"N",IF(AND('Cambios Auto'!CI5&lt;0,'Indices Auto'!CJ5&lt;100),"R","NULL"))))</f>
        <v>V</v>
      </c>
      <c r="CJ5" s="2" t="str">
        <f>IF(AND('Cambios Auto'!CJ5&gt;0,'Indices Auto'!CK5&gt;100),"V",IF(AND('Cambios Auto'!CJ5&gt;0,'Indices Auto'!CK5&lt;100),"A",IF(AND('Cambios Auto'!CJ5&lt;0,'Indices Auto'!CK5&gt;100),"N",IF(AND('Cambios Auto'!CJ5&lt;0,'Indices Auto'!CK5&lt;100),"R","NULL"))))</f>
        <v>V</v>
      </c>
      <c r="CK5" s="2" t="str">
        <f>IF(AND('Cambios Auto'!CK5&gt;0,'Indices Auto'!CL5&gt;100),"V",IF(AND('Cambios Auto'!CK5&gt;0,'Indices Auto'!CL5&lt;100),"A",IF(AND('Cambios Auto'!CK5&lt;0,'Indices Auto'!CL5&gt;100),"N",IF(AND('Cambios Auto'!CK5&lt;0,'Indices Auto'!CL5&lt;100),"R","NULL"))))</f>
        <v>V</v>
      </c>
      <c r="CL5" s="2" t="str">
        <f>IF(AND('Cambios Auto'!CL5&gt;0,'Indices Auto'!CM5&gt;100),"V",IF(AND('Cambios Auto'!CL5&gt;0,'Indices Auto'!CM5&lt;100),"A",IF(AND('Cambios Auto'!CL5&lt;0,'Indices Auto'!CM5&gt;100),"N",IF(AND('Cambios Auto'!CL5&lt;0,'Indices Auto'!CM5&lt;100),"R","NULL"))))</f>
        <v>V</v>
      </c>
      <c r="CM5" s="2" t="str">
        <f>IF(AND('Cambios Auto'!CM5&gt;0,'Indices Auto'!CN5&gt;100),"V",IF(AND('Cambios Auto'!CM5&gt;0,'Indices Auto'!CN5&lt;100),"A",IF(AND('Cambios Auto'!CM5&lt;0,'Indices Auto'!CN5&gt;100),"N",IF(AND('Cambios Auto'!CM5&lt;0,'Indices Auto'!CN5&lt;100),"R","NULL"))))</f>
        <v>V</v>
      </c>
      <c r="CN5" s="2" t="str">
        <f>IF(AND('Cambios Auto'!CN5&gt;0,'Indices Auto'!CO5&gt;100),"V",IF(AND('Cambios Auto'!CN5&gt;0,'Indices Auto'!CO5&lt;100),"A",IF(AND('Cambios Auto'!CN5&lt;0,'Indices Auto'!CO5&gt;100),"N",IF(AND('Cambios Auto'!CN5&lt;0,'Indices Auto'!CO5&lt;100),"R","NULL"))))</f>
        <v>V</v>
      </c>
      <c r="CO5" s="2" t="str">
        <f>IF(AND('Cambios Auto'!CO5&gt;0,'Indices Auto'!CP5&gt;100),"V",IF(AND('Cambios Auto'!CO5&gt;0,'Indices Auto'!CP5&lt;100),"A",IF(AND('Cambios Auto'!CO5&lt;0,'Indices Auto'!CP5&gt;100),"N",IF(AND('Cambios Auto'!CO5&lt;0,'Indices Auto'!CP5&lt;100),"R","NULL"))))</f>
        <v>V</v>
      </c>
      <c r="CP5" s="2" t="str">
        <f>IF(AND('Cambios Auto'!CP5&gt;0,'Indices Auto'!CQ5&gt;100),"V",IF(AND('Cambios Auto'!CP5&gt;0,'Indices Auto'!CQ5&lt;100),"A",IF(AND('Cambios Auto'!CP5&lt;0,'Indices Auto'!CQ5&gt;100),"N",IF(AND('Cambios Auto'!CP5&lt;0,'Indices Auto'!CQ5&lt;100),"R","NULL"))))</f>
        <v>V</v>
      </c>
      <c r="CQ5" s="2" t="str">
        <f>IF(AND('Cambios Auto'!CQ5&gt;0,'Indices Auto'!CR5&gt;100),"V",IF(AND('Cambios Auto'!CQ5&gt;0,'Indices Auto'!CR5&lt;100),"A",IF(AND('Cambios Auto'!CQ5&lt;0,'Indices Auto'!CR5&gt;100),"N",IF(AND('Cambios Auto'!CQ5&lt;0,'Indices Auto'!CR5&lt;100),"R","NULL"))))</f>
        <v>V</v>
      </c>
      <c r="CR5" s="2" t="str">
        <f>IF(AND('Cambios Auto'!CR5&gt;0,'Indices Auto'!CS5&gt;100),"V",IF(AND('Cambios Auto'!CR5&gt;0,'Indices Auto'!CS5&lt;100),"A",IF(AND('Cambios Auto'!CR5&lt;0,'Indices Auto'!CS5&gt;100),"N",IF(AND('Cambios Auto'!CR5&lt;0,'Indices Auto'!CS5&lt;100),"R","NULL"))))</f>
        <v>V</v>
      </c>
      <c r="CS5" s="2" t="str">
        <f>IF(AND('Cambios Auto'!CS5&gt;0,'Indices Auto'!CT5&gt;100),"V",IF(AND('Cambios Auto'!CS5&gt;0,'Indices Auto'!CT5&lt;100),"A",IF(AND('Cambios Auto'!CS5&lt;0,'Indices Auto'!CT5&gt;100),"N",IF(AND('Cambios Auto'!CS5&lt;0,'Indices Auto'!CT5&lt;100),"R","NULL"))))</f>
        <v>V</v>
      </c>
      <c r="CT5" s="2" t="str">
        <f>IF(AND('Cambios Auto'!CT5&gt;0,'Indices Auto'!CU5&gt;100),"V",IF(AND('Cambios Auto'!CT5&gt;0,'Indices Auto'!CU5&lt;100),"A",IF(AND('Cambios Auto'!CT5&lt;0,'Indices Auto'!CU5&gt;100),"N",IF(AND('Cambios Auto'!CT5&lt;0,'Indices Auto'!CU5&lt;100),"R","NULL"))))</f>
        <v>V</v>
      </c>
      <c r="CU5" s="2" t="str">
        <f>IF(AND('Cambios Auto'!CU5&gt;0,'Indices Auto'!CV5&gt;100),"V",IF(AND('Cambios Auto'!CU5&gt;0,'Indices Auto'!CV5&lt;100),"A",IF(AND('Cambios Auto'!CU5&lt;0,'Indices Auto'!CV5&gt;100),"N",IF(AND('Cambios Auto'!CU5&lt;0,'Indices Auto'!CV5&lt;100),"R","NULL"))))</f>
        <v>V</v>
      </c>
      <c r="CV5" s="2" t="str">
        <f>IF(AND('Cambios Auto'!CV5&gt;0,'Indices Auto'!CW5&gt;100),"V",IF(AND('Cambios Auto'!CV5&gt;0,'Indices Auto'!CW5&lt;100),"A",IF(AND('Cambios Auto'!CV5&lt;0,'Indices Auto'!CW5&gt;100),"N",IF(AND('Cambios Auto'!CV5&lt;0,'Indices Auto'!CW5&lt;100),"R","NULL"))))</f>
        <v>V</v>
      </c>
      <c r="CW5" s="2" t="str">
        <f>IF(AND('Cambios Auto'!CW5&gt;0,'Indices Auto'!CX5&gt;100),"V",IF(AND('Cambios Auto'!CW5&gt;0,'Indices Auto'!CX5&lt;100),"A",IF(AND('Cambios Auto'!CW5&lt;0,'Indices Auto'!CX5&gt;100),"N",IF(AND('Cambios Auto'!CW5&lt;0,'Indices Auto'!CX5&lt;100),"R","NULL"))))</f>
        <v>V</v>
      </c>
      <c r="CX5" s="2" t="str">
        <f>IF(AND('Cambios Auto'!CX5&gt;0,'Indices Auto'!CY5&gt;100),"V",IF(AND('Cambios Auto'!CX5&gt;0,'Indices Auto'!CY5&lt;100),"A",IF(AND('Cambios Auto'!CX5&lt;0,'Indices Auto'!CY5&gt;100),"N",IF(AND('Cambios Auto'!CX5&lt;0,'Indices Auto'!CY5&lt;100),"R","NULL"))))</f>
        <v>N</v>
      </c>
      <c r="CY5" s="2" t="str">
        <f>IF(AND('Cambios Auto'!CY5&gt;0,'Indices Auto'!CZ5&gt;100),"V",IF(AND('Cambios Auto'!CY5&gt;0,'Indices Auto'!CZ5&lt;100),"A",IF(AND('Cambios Auto'!CY5&lt;0,'Indices Auto'!CZ5&gt;100),"N",IF(AND('Cambios Auto'!CY5&lt;0,'Indices Auto'!CZ5&lt;100),"R","NULL"))))</f>
        <v>N</v>
      </c>
      <c r="CZ5" s="2" t="str">
        <f>IF(AND('Cambios Auto'!CZ5&gt;0,'Indices Auto'!DA5&gt;100),"V",IF(AND('Cambios Auto'!CZ5&gt;0,'Indices Auto'!DA5&lt;100),"A",IF(AND('Cambios Auto'!CZ5&lt;0,'Indices Auto'!DA5&gt;100),"N",IF(AND('Cambios Auto'!CZ5&lt;0,'Indices Auto'!DA5&lt;100),"R","NULL"))))</f>
        <v>N</v>
      </c>
      <c r="DA5" s="2" t="str">
        <f>IF(AND('Cambios Auto'!DA5&gt;0,'Indices Auto'!DB5&gt;100),"V",IF(AND('Cambios Auto'!DA5&gt;0,'Indices Auto'!DB5&lt;100),"A",IF(AND('Cambios Auto'!DA5&lt;0,'Indices Auto'!DB5&gt;100),"N",IF(AND('Cambios Auto'!DA5&lt;0,'Indices Auto'!DB5&lt;100),"R","NULL"))))</f>
        <v>N</v>
      </c>
      <c r="DB5" s="2" t="str">
        <f>IF(AND('Cambios Auto'!DB5&gt;0,'Indices Auto'!DC5&gt;100),"V",IF(AND('Cambios Auto'!DB5&gt;0,'Indices Auto'!DC5&lt;100),"A",IF(AND('Cambios Auto'!DB5&lt;0,'Indices Auto'!DC5&gt;100),"N",IF(AND('Cambios Auto'!DB5&lt;0,'Indices Auto'!DC5&lt;100),"R","NULL"))))</f>
        <v>N</v>
      </c>
      <c r="DC5" s="2" t="str">
        <f>IF(AND('Cambios Auto'!DC5&gt;0,'Indices Auto'!DD5&gt;100),"V",IF(AND('Cambios Auto'!DC5&gt;0,'Indices Auto'!DD5&lt;100),"A",IF(AND('Cambios Auto'!DC5&lt;0,'Indices Auto'!DD5&gt;100),"N",IF(AND('Cambios Auto'!DC5&lt;0,'Indices Auto'!DD5&lt;100),"R","NULL"))))</f>
        <v>R</v>
      </c>
      <c r="DD5" s="2" t="str">
        <f>IF(AND('Cambios Auto'!DD5&gt;0,'Indices Auto'!DE5&gt;100),"V",IF(AND('Cambios Auto'!DD5&gt;0,'Indices Auto'!DE5&lt;100),"A",IF(AND('Cambios Auto'!DD5&lt;0,'Indices Auto'!DE5&gt;100),"N",IF(AND('Cambios Auto'!DD5&lt;0,'Indices Auto'!DE5&lt;100),"R","NULL"))))</f>
        <v>R</v>
      </c>
      <c r="DE5" s="2" t="str">
        <f>IF(AND('Cambios Auto'!DE5&gt;0,'Indices Auto'!DF5&gt;100),"V",IF(AND('Cambios Auto'!DE5&gt;0,'Indices Auto'!DF5&lt;100),"A",IF(AND('Cambios Auto'!DE5&lt;0,'Indices Auto'!DF5&gt;100),"N",IF(AND('Cambios Auto'!DE5&lt;0,'Indices Auto'!DF5&lt;100),"R","NULL"))))</f>
        <v>R</v>
      </c>
      <c r="DF5" s="2" t="str">
        <f>IF(AND('Cambios Auto'!DF5&gt;0,'Indices Auto'!DG5&gt;100),"V",IF(AND('Cambios Auto'!DF5&gt;0,'Indices Auto'!DG5&lt;100),"A",IF(AND('Cambios Auto'!DF5&lt;0,'Indices Auto'!DG5&gt;100),"N",IF(AND('Cambios Auto'!DF5&lt;0,'Indices Auto'!DG5&lt;100),"R","NULL"))))</f>
        <v>R</v>
      </c>
      <c r="DG5" s="2" t="str">
        <f>IF(AND('Cambios Auto'!DG5&gt;0,'Indices Auto'!DH5&gt;100),"V",IF(AND('Cambios Auto'!DG5&gt;0,'Indices Auto'!DH5&lt;100),"A",IF(AND('Cambios Auto'!DG5&lt;0,'Indices Auto'!DH5&gt;100),"N",IF(AND('Cambios Auto'!DG5&lt;0,'Indices Auto'!DH5&lt;100),"R","NULL"))))</f>
        <v>R</v>
      </c>
      <c r="DH5" s="2" t="str">
        <f>IF(AND('Cambios Auto'!DH5&gt;0,'Indices Auto'!DI5&gt;100),"V",IF(AND('Cambios Auto'!DH5&gt;0,'Indices Auto'!DI5&lt;100),"A",IF(AND('Cambios Auto'!DH5&lt;0,'Indices Auto'!DI5&gt;100),"N",IF(AND('Cambios Auto'!DH5&lt;0,'Indices Auto'!DI5&lt;100),"R","NULL"))))</f>
        <v>R</v>
      </c>
      <c r="DI5" s="2" t="str">
        <f>IF(AND('Cambios Auto'!DI5&gt;0,'Indices Auto'!DJ5&gt;100),"V",IF(AND('Cambios Auto'!DI5&gt;0,'Indices Auto'!DJ5&lt;100),"A",IF(AND('Cambios Auto'!DI5&lt;0,'Indices Auto'!DJ5&gt;100),"N",IF(AND('Cambios Auto'!DI5&lt;0,'Indices Auto'!DJ5&lt;100),"R","NULL"))))</f>
        <v>R</v>
      </c>
      <c r="DJ5" s="2" t="str">
        <f>IF(AND('Cambios Auto'!DJ5&gt;0,'Indices Auto'!DK5&gt;100),"V",IF(AND('Cambios Auto'!DJ5&gt;0,'Indices Auto'!DK5&lt;100),"A",IF(AND('Cambios Auto'!DJ5&lt;0,'Indices Auto'!DK5&gt;100),"N",IF(AND('Cambios Auto'!DJ5&lt;0,'Indices Auto'!DK5&lt;100),"R","NULL"))))</f>
        <v>R</v>
      </c>
      <c r="DK5" s="2" t="str">
        <f>IF(AND('Cambios Auto'!DK5&gt;0,'Indices Auto'!DL5&gt;100),"V",IF(AND('Cambios Auto'!DK5&gt;0,'Indices Auto'!DL5&lt;100),"A",IF(AND('Cambios Auto'!DK5&lt;0,'Indices Auto'!DL5&gt;100),"N",IF(AND('Cambios Auto'!DK5&lt;0,'Indices Auto'!DL5&lt;100),"R","NULL"))))</f>
        <v>A</v>
      </c>
      <c r="DL5" s="2" t="str">
        <f>IF(AND('Cambios Auto'!DL5&gt;0,'Indices Auto'!DM5&gt;100),"V",IF(AND('Cambios Auto'!DL5&gt;0,'Indices Auto'!DM5&lt;100),"A",IF(AND('Cambios Auto'!DL5&lt;0,'Indices Auto'!DM5&gt;100),"N",IF(AND('Cambios Auto'!DL5&lt;0,'Indices Auto'!DM5&lt;100),"R","NULL"))))</f>
        <v>A</v>
      </c>
      <c r="DM5" s="2" t="str">
        <f>IF(AND('Cambios Auto'!DM5&gt;0,'Indices Auto'!DN5&gt;100),"V",IF(AND('Cambios Auto'!DM5&gt;0,'Indices Auto'!DN5&lt;100),"A",IF(AND('Cambios Auto'!DM5&lt;0,'Indices Auto'!DN5&gt;100),"N",IF(AND('Cambios Auto'!DM5&lt;0,'Indices Auto'!DN5&lt;100),"R","NULL"))))</f>
        <v>A</v>
      </c>
      <c r="DN5" s="2" t="str">
        <f>IF(AND('Cambios Auto'!DN5&gt;0,'Indices Auto'!DO5&gt;100),"V",IF(AND('Cambios Auto'!DN5&gt;0,'Indices Auto'!DO5&lt;100),"A",IF(AND('Cambios Auto'!DN5&lt;0,'Indices Auto'!DO5&gt;100),"N",IF(AND('Cambios Auto'!DN5&lt;0,'Indices Auto'!DO5&lt;100),"R","NULL"))))</f>
        <v>A</v>
      </c>
      <c r="DO5" s="2" t="str">
        <f>IF(AND('Cambios Auto'!DO5&gt;0,'Indices Auto'!DP5&gt;100),"V",IF(AND('Cambios Auto'!DO5&gt;0,'Indices Auto'!DP5&lt;100),"A",IF(AND('Cambios Auto'!DO5&lt;0,'Indices Auto'!DP5&gt;100),"N",IF(AND('Cambios Auto'!DO5&lt;0,'Indices Auto'!DP5&lt;100),"R","NULL"))))</f>
        <v>A</v>
      </c>
      <c r="DP5" s="2" t="str">
        <f>IF(AND('Cambios Auto'!DP5&gt;0,'Indices Auto'!DQ5&gt;100),"V",IF(AND('Cambios Auto'!DP5&gt;0,'Indices Auto'!DQ5&lt;100),"A",IF(AND('Cambios Auto'!DP5&lt;0,'Indices Auto'!DQ5&gt;100),"N",IF(AND('Cambios Auto'!DP5&lt;0,'Indices Auto'!DQ5&lt;100),"R","NULL"))))</f>
        <v>A</v>
      </c>
      <c r="DQ5" s="2" t="str">
        <f>IF(AND('Cambios Auto'!DQ5&gt;0,'Indices Auto'!DR5&gt;100),"V",IF(AND('Cambios Auto'!DQ5&gt;0,'Indices Auto'!DR5&lt;100),"A",IF(AND('Cambios Auto'!DQ5&lt;0,'Indices Auto'!DR5&gt;100),"N",IF(AND('Cambios Auto'!DQ5&lt;0,'Indices Auto'!DR5&lt;100),"R","NULL"))))</f>
        <v>A</v>
      </c>
      <c r="DR5" s="2" t="str">
        <f>IF(AND('Cambios Auto'!DR5&gt;0,'Indices Auto'!DS5&gt;100),"V",IF(AND('Cambios Auto'!DR5&gt;0,'Indices Auto'!DS5&lt;100),"A",IF(AND('Cambios Auto'!DR5&lt;0,'Indices Auto'!DS5&gt;100),"N",IF(AND('Cambios Auto'!DR5&lt;0,'Indices Auto'!DS5&lt;100),"R","NULL"))))</f>
        <v>A</v>
      </c>
      <c r="DS5" s="2" t="str">
        <f>IF(AND('Cambios Auto'!DS5&gt;0,'Indices Auto'!DT5&gt;100),"V",IF(AND('Cambios Auto'!DS5&gt;0,'Indices Auto'!DT5&lt;100),"A",IF(AND('Cambios Auto'!DS5&lt;0,'Indices Auto'!DT5&gt;100),"N",IF(AND('Cambios Auto'!DS5&lt;0,'Indices Auto'!DT5&lt;100),"R","NULL"))))</f>
        <v>A</v>
      </c>
      <c r="DT5" s="2" t="str">
        <f>IF(AND('Cambios Auto'!DT5&gt;0,'Indices Auto'!DU5&gt;100),"V",IF(AND('Cambios Auto'!DT5&gt;0,'Indices Auto'!DU5&lt;100),"A",IF(AND('Cambios Auto'!DT5&lt;0,'Indices Auto'!DU5&gt;100),"N",IF(AND('Cambios Auto'!DT5&lt;0,'Indices Auto'!DU5&lt;100),"R","NULL"))))</f>
        <v>A</v>
      </c>
      <c r="DU5" s="2" t="str">
        <f>IF(AND('Cambios Auto'!DU5&gt;0,'Indices Auto'!DV5&gt;100),"V",IF(AND('Cambios Auto'!DU5&gt;0,'Indices Auto'!DV5&lt;100),"A",IF(AND('Cambios Auto'!DU5&lt;0,'Indices Auto'!DV5&gt;100),"N",IF(AND('Cambios Auto'!DU5&lt;0,'Indices Auto'!DV5&lt;100),"R","NULL"))))</f>
        <v>A</v>
      </c>
      <c r="DV5" s="2" t="str">
        <f>IF(AND('Cambios Auto'!DV5&gt;0,'Indices Auto'!DW5&gt;100),"V",IF(AND('Cambios Auto'!DV5&gt;0,'Indices Auto'!DW5&lt;100),"A",IF(AND('Cambios Auto'!DV5&lt;0,'Indices Auto'!DW5&gt;100),"N",IF(AND('Cambios Auto'!DV5&lt;0,'Indices Auto'!DW5&lt;100),"R","NULL"))))</f>
        <v>A</v>
      </c>
      <c r="DW5" s="2" t="str">
        <f>IF(AND('Cambios Auto'!DW5&gt;0,'Indices Auto'!DX5&gt;100),"V",IF(AND('Cambios Auto'!DW5&gt;0,'Indices Auto'!DX5&lt;100),"A",IF(AND('Cambios Auto'!DW5&lt;0,'Indices Auto'!DX5&gt;100),"N",IF(AND('Cambios Auto'!DW5&lt;0,'Indices Auto'!DX5&lt;100),"R","NULL"))))</f>
        <v>A</v>
      </c>
      <c r="DX5" s="2" t="str">
        <f>IF(AND('Cambios Auto'!DX5&gt;0,'Indices Auto'!DY5&gt;100),"V",IF(AND('Cambios Auto'!DX5&gt;0,'Indices Auto'!DY5&lt;100),"A",IF(AND('Cambios Auto'!DX5&lt;0,'Indices Auto'!DY5&gt;100),"N",IF(AND('Cambios Auto'!DX5&lt;0,'Indices Auto'!DY5&lt;100),"R","NULL"))))</f>
        <v>A</v>
      </c>
      <c r="DY5" s="2" t="str">
        <f>IF(AND('Cambios Auto'!DY5&gt;0,'Indices Auto'!DZ5&gt;100),"V",IF(AND('Cambios Auto'!DY5&gt;0,'Indices Auto'!DZ5&lt;100),"A",IF(AND('Cambios Auto'!DY5&lt;0,'Indices Auto'!DZ5&gt;100),"N",IF(AND('Cambios Auto'!DY5&lt;0,'Indices Auto'!DZ5&lt;100),"R","NULL"))))</f>
        <v>A</v>
      </c>
      <c r="DZ5" s="2" t="str">
        <f>IF(AND('Cambios Auto'!DZ5&gt;0,'Indices Auto'!EA5&gt;100),"V",IF(AND('Cambios Auto'!DZ5&gt;0,'Indices Auto'!EA5&lt;100),"A",IF(AND('Cambios Auto'!DZ5&lt;0,'Indices Auto'!EA5&gt;100),"N",IF(AND('Cambios Auto'!DZ5&lt;0,'Indices Auto'!EA5&lt;100),"R","NULL"))))</f>
        <v>A</v>
      </c>
      <c r="EA5" s="2" t="str">
        <f>IF(AND('Cambios Auto'!EA5&gt;0,'Indices Auto'!EB5&gt;100),"V",IF(AND('Cambios Auto'!EA5&gt;0,'Indices Auto'!EB5&lt;100),"A",IF(AND('Cambios Auto'!EA5&lt;0,'Indices Auto'!EB5&gt;100),"N",IF(AND('Cambios Auto'!EA5&lt;0,'Indices Auto'!EB5&lt;100),"R","NULL"))))</f>
        <v>A</v>
      </c>
      <c r="EB5" s="2" t="str">
        <f>IF(AND('Cambios Auto'!EB5&gt;0,'Indices Auto'!EC5&gt;100),"V",IF(AND('Cambios Auto'!EB5&gt;0,'Indices Auto'!EC5&lt;100),"A",IF(AND('Cambios Auto'!EB5&lt;0,'Indices Auto'!EC5&gt;100),"N",IF(AND('Cambios Auto'!EB5&lt;0,'Indices Auto'!EC5&lt;100),"R","NULL"))))</f>
        <v>A</v>
      </c>
      <c r="EC5" s="2" t="str">
        <f>IF(AND('Cambios Auto'!EC5&gt;0,'Indices Auto'!ED5&gt;100),"V",IF(AND('Cambios Auto'!EC5&gt;0,'Indices Auto'!ED5&lt;100),"A",IF(AND('Cambios Auto'!EC5&lt;0,'Indices Auto'!ED5&gt;100),"N",IF(AND('Cambios Auto'!EC5&lt;0,'Indices Auto'!ED5&lt;100),"R","NULL"))))</f>
        <v>A</v>
      </c>
      <c r="ED5" s="2" t="str">
        <f>IF(AND('Cambios Auto'!ED5&gt;0,'Indices Auto'!EE5&gt;100),"V",IF(AND('Cambios Auto'!ED5&gt;0,'Indices Auto'!EE5&lt;100),"A",IF(AND('Cambios Auto'!ED5&lt;0,'Indices Auto'!EE5&gt;100),"N",IF(AND('Cambios Auto'!ED5&lt;0,'Indices Auto'!EE5&lt;100),"R","NULL"))))</f>
        <v>A</v>
      </c>
      <c r="EE5" s="2" t="str">
        <f>IF(AND('Cambios Auto'!EE5&gt;0,'Indices Auto'!EF5&gt;100),"V",IF(AND('Cambios Auto'!EE5&gt;0,'Indices Auto'!EF5&lt;100),"A",IF(AND('Cambios Auto'!EE5&lt;0,'Indices Auto'!EF5&gt;100),"N",IF(AND('Cambios Auto'!EE5&lt;0,'Indices Auto'!EF5&lt;100),"R","NULL"))))</f>
        <v>A</v>
      </c>
      <c r="EF5" s="2" t="str">
        <f>IF(AND('Cambios Auto'!EF5&gt;0,'Indices Auto'!EG5&gt;100),"V",IF(AND('Cambios Auto'!EF5&gt;0,'Indices Auto'!EG5&lt;100),"A",IF(AND('Cambios Auto'!EF5&lt;0,'Indices Auto'!EG5&gt;100),"N",IF(AND('Cambios Auto'!EF5&lt;0,'Indices Auto'!EG5&lt;100),"R","NULL"))))</f>
        <v>A</v>
      </c>
      <c r="EG5" s="2" t="str">
        <f>IF(AND('Cambios Auto'!EG5&gt;0,'Indices Auto'!EH5&gt;100),"V",IF(AND('Cambios Auto'!EG5&gt;0,'Indices Auto'!EH5&lt;100),"A",IF(AND('Cambios Auto'!EG5&lt;0,'Indices Auto'!EH5&gt;100),"N",IF(AND('Cambios Auto'!EG5&lt;0,'Indices Auto'!EH5&lt;100),"R","NULL"))))</f>
        <v>A</v>
      </c>
      <c r="EH5" s="2" t="str">
        <f>IF(AND('Cambios Auto'!EH5&gt;0,'Indices Auto'!EI5&gt;100),"V",IF(AND('Cambios Auto'!EH5&gt;0,'Indices Auto'!EI5&lt;100),"A",IF(AND('Cambios Auto'!EH5&lt;0,'Indices Auto'!EI5&gt;100),"N",IF(AND('Cambios Auto'!EH5&lt;0,'Indices Auto'!EI5&lt;100),"R","NULL"))))</f>
        <v>V</v>
      </c>
      <c r="EI5" s="2" t="str">
        <f>IF(AND('Cambios Auto'!EI5&gt;0,'Indices Auto'!EJ5&gt;100),"V",IF(AND('Cambios Auto'!EI5&gt;0,'Indices Auto'!EJ5&lt;100),"A",IF(AND('Cambios Auto'!EI5&lt;0,'Indices Auto'!EJ5&gt;100),"N",IF(AND('Cambios Auto'!EI5&lt;0,'Indices Auto'!EJ5&lt;100),"R","NULL"))))</f>
        <v>V</v>
      </c>
      <c r="EJ5" s="2" t="str">
        <f>IF(AND('Cambios Auto'!EJ5&gt;0,'Indices Auto'!EK5&gt;100),"V",IF(AND('Cambios Auto'!EJ5&gt;0,'Indices Auto'!EK5&lt;100),"A",IF(AND('Cambios Auto'!EJ5&lt;0,'Indices Auto'!EK5&gt;100),"N",IF(AND('Cambios Auto'!EJ5&lt;0,'Indices Auto'!EK5&lt;100),"R","NULL"))))</f>
        <v>V</v>
      </c>
      <c r="EK5" s="2" t="str">
        <f>IF(AND('Cambios Auto'!EK5&gt;0,'Indices Auto'!EL5&gt;100),"V",IF(AND('Cambios Auto'!EK5&gt;0,'Indices Auto'!EL5&lt;100),"A",IF(AND('Cambios Auto'!EK5&lt;0,'Indices Auto'!EL5&gt;100),"N",IF(AND('Cambios Auto'!EK5&lt;0,'Indices Auto'!EL5&lt;100),"R","NULL"))))</f>
        <v>V</v>
      </c>
      <c r="EL5" s="2" t="str">
        <f>IF(AND('Cambios Auto'!EL5&gt;0,'Indices Auto'!EM5&gt;100),"V",IF(AND('Cambios Auto'!EL5&gt;0,'Indices Auto'!EM5&lt;100),"A",IF(AND('Cambios Auto'!EL5&lt;0,'Indices Auto'!EM5&gt;100),"N",IF(AND('Cambios Auto'!EL5&lt;0,'Indices Auto'!EM5&lt;100),"R","NULL"))))</f>
        <v>V</v>
      </c>
      <c r="EM5" s="2" t="str">
        <f>IF(AND('Cambios Auto'!EM5&gt;0,'Indices Auto'!EN5&gt;100),"V",IF(AND('Cambios Auto'!EM5&gt;0,'Indices Auto'!EN5&lt;100),"A",IF(AND('Cambios Auto'!EM5&lt;0,'Indices Auto'!EN5&gt;100),"N",IF(AND('Cambios Auto'!EM5&lt;0,'Indices Auto'!EN5&lt;100),"R","NULL"))))</f>
        <v>V</v>
      </c>
      <c r="EN5" s="2" t="str">
        <f>IF(AND('Cambios Auto'!EN5&gt;0,'Indices Auto'!EO5&gt;100),"V",IF(AND('Cambios Auto'!EN5&gt;0,'Indices Auto'!EO5&lt;100),"A",IF(AND('Cambios Auto'!EN5&lt;0,'Indices Auto'!EO5&gt;100),"N",IF(AND('Cambios Auto'!EN5&lt;0,'Indices Auto'!EO5&lt;100),"R","NULL"))))</f>
        <v>V</v>
      </c>
      <c r="EO5" s="2" t="str">
        <f>IF(AND('Cambios Auto'!EO5&gt;0,'Indices Auto'!EP5&gt;100),"V",IF(AND('Cambios Auto'!EO5&gt;0,'Indices Auto'!EP5&lt;100),"A",IF(AND('Cambios Auto'!EO5&lt;0,'Indices Auto'!EP5&gt;100),"N",IF(AND('Cambios Auto'!EO5&lt;0,'Indices Auto'!EP5&lt;100),"R","NULL"))))</f>
        <v>V</v>
      </c>
      <c r="EP5" s="2" t="str">
        <f>IF(AND('Cambios Auto'!EP5&gt;0,'Indices Auto'!EQ5&gt;100),"V",IF(AND('Cambios Auto'!EP5&gt;0,'Indices Auto'!EQ5&lt;100),"A",IF(AND('Cambios Auto'!EP5&lt;0,'Indices Auto'!EQ5&gt;100),"N",IF(AND('Cambios Auto'!EP5&lt;0,'Indices Auto'!EQ5&lt;100),"R","NULL"))))</f>
        <v>V</v>
      </c>
      <c r="EQ5" s="2" t="str">
        <f>IF(AND('Cambios Auto'!EQ5&gt;0,'Indices Auto'!ER5&gt;100),"V",IF(AND('Cambios Auto'!EQ5&gt;0,'Indices Auto'!ER5&lt;100),"A",IF(AND('Cambios Auto'!EQ5&lt;0,'Indices Auto'!ER5&gt;100),"N",IF(AND('Cambios Auto'!EQ5&lt;0,'Indices Auto'!ER5&lt;100),"R","NULL"))))</f>
        <v>V</v>
      </c>
      <c r="ER5" s="2" t="str">
        <f>IF(AND('Cambios Auto'!ER5&gt;0,'Indices Auto'!ES5&gt;100),"V",IF(AND('Cambios Auto'!ER5&gt;0,'Indices Auto'!ES5&lt;100),"A",IF(AND('Cambios Auto'!ER5&lt;0,'Indices Auto'!ES5&gt;100),"N",IF(AND('Cambios Auto'!ER5&lt;0,'Indices Auto'!ES5&lt;100),"R","NULL"))))</f>
        <v>V</v>
      </c>
      <c r="ES5" s="2" t="str">
        <f>IF(AND('Cambios Auto'!ES5&gt;0,'Indices Auto'!ET5&gt;100),"V",IF(AND('Cambios Auto'!ES5&gt;0,'Indices Auto'!ET5&lt;100),"A",IF(AND('Cambios Auto'!ES5&lt;0,'Indices Auto'!ET5&gt;100),"N",IF(AND('Cambios Auto'!ES5&lt;0,'Indices Auto'!ET5&lt;100),"R","NULL"))))</f>
        <v>V</v>
      </c>
      <c r="ET5" s="2" t="str">
        <f>IF(AND('Cambios Auto'!ET5&gt;0,'Indices Auto'!EU5&gt;100),"V",IF(AND('Cambios Auto'!ET5&gt;0,'Indices Auto'!EU5&lt;100),"A",IF(AND('Cambios Auto'!ET5&lt;0,'Indices Auto'!EU5&gt;100),"N",IF(AND('Cambios Auto'!ET5&lt;0,'Indices Auto'!EU5&lt;100),"R","NULL"))))</f>
        <v>V</v>
      </c>
      <c r="EU5" s="2" t="str">
        <f>IF(AND('Cambios Auto'!EU5&gt;0,'Indices Auto'!EV5&gt;100),"V",IF(AND('Cambios Auto'!EU5&gt;0,'Indices Auto'!EV5&lt;100),"A",IF(AND('Cambios Auto'!EU5&lt;0,'Indices Auto'!EV5&gt;100),"N",IF(AND('Cambios Auto'!EU5&lt;0,'Indices Auto'!EV5&lt;100),"R","NULL"))))</f>
        <v>V</v>
      </c>
      <c r="EV5" s="2" t="str">
        <f>IF(AND('Cambios Auto'!EV5&gt;0,'Indices Auto'!EW5&gt;100),"V",IF(AND('Cambios Auto'!EV5&gt;0,'Indices Auto'!EW5&lt;100),"A",IF(AND('Cambios Auto'!EV5&lt;0,'Indices Auto'!EW5&gt;100),"N",IF(AND('Cambios Auto'!EV5&lt;0,'Indices Auto'!EW5&lt;100),"R","NULL"))))</f>
        <v>N</v>
      </c>
      <c r="EW5" s="2" t="str">
        <f>IF(AND('Cambios Auto'!EW5&gt;0,'Indices Auto'!EX5&gt;100),"V",IF(AND('Cambios Auto'!EW5&gt;0,'Indices Auto'!EX5&lt;100),"A",IF(AND('Cambios Auto'!EW5&lt;0,'Indices Auto'!EX5&gt;100),"N",IF(AND('Cambios Auto'!EW5&lt;0,'Indices Auto'!EX5&lt;100),"R","NULL"))))</f>
        <v>N</v>
      </c>
      <c r="EX5" s="2" t="str">
        <f>IF(AND('Cambios Auto'!EX5&gt;0,'Indices Auto'!EY5&gt;100),"V",IF(AND('Cambios Auto'!EX5&gt;0,'Indices Auto'!EY5&lt;100),"A",IF(AND('Cambios Auto'!EX5&lt;0,'Indices Auto'!EY5&gt;100),"N",IF(AND('Cambios Auto'!EX5&lt;0,'Indices Auto'!EY5&lt;100),"R","NULL"))))</f>
        <v>N</v>
      </c>
      <c r="EY5" s="2" t="str">
        <f>IF(AND('Cambios Auto'!EY5&gt;0,'Indices Auto'!EZ5&gt;100),"V",IF(AND('Cambios Auto'!EY5&gt;0,'Indices Auto'!EZ5&lt;100),"A",IF(AND('Cambios Auto'!EY5&lt;0,'Indices Auto'!EZ5&gt;100),"N",IF(AND('Cambios Auto'!EY5&lt;0,'Indices Auto'!EZ5&lt;100),"R","NULL"))))</f>
        <v>N</v>
      </c>
      <c r="EZ5" s="2" t="str">
        <f>IF(AND('Cambios Auto'!EZ5&gt;0,'Indices Auto'!FA5&gt;100),"V",IF(AND('Cambios Auto'!EZ5&gt;0,'Indices Auto'!FA5&lt;100),"A",IF(AND('Cambios Auto'!EZ5&lt;0,'Indices Auto'!FA5&gt;100),"N",IF(AND('Cambios Auto'!EZ5&lt;0,'Indices Auto'!FA5&lt;100),"R","NULL"))))</f>
        <v>N</v>
      </c>
      <c r="FA5" s="2" t="str">
        <f>IF(AND('Cambios Auto'!FA5&gt;0,'Indices Auto'!FB5&gt;100),"V",IF(AND('Cambios Auto'!FA5&gt;0,'Indices Auto'!FB5&lt;100),"A",IF(AND('Cambios Auto'!FA5&lt;0,'Indices Auto'!FB5&gt;100),"N",IF(AND('Cambios Auto'!FA5&lt;0,'Indices Auto'!FB5&lt;100),"R","NULL"))))</f>
        <v>N</v>
      </c>
      <c r="FB5" s="2" t="str">
        <f>IF(AND('Cambios Auto'!FB5&gt;0,'Indices Auto'!FC5&gt;100),"V",IF(AND('Cambios Auto'!FB5&gt;0,'Indices Auto'!FC5&lt;100),"A",IF(AND('Cambios Auto'!FB5&lt;0,'Indices Auto'!FC5&gt;100),"N",IF(AND('Cambios Auto'!FB5&lt;0,'Indices Auto'!FC5&lt;100),"R","NULL"))))</f>
        <v>N</v>
      </c>
      <c r="FC5" s="2" t="str">
        <f>IF(AND('Cambios Auto'!FC5&gt;0,'Indices Auto'!FD5&gt;100),"V",IF(AND('Cambios Auto'!FC5&gt;0,'Indices Auto'!FD5&lt;100),"A",IF(AND('Cambios Auto'!FC5&lt;0,'Indices Auto'!FD5&gt;100),"N",IF(AND('Cambios Auto'!FC5&lt;0,'Indices Auto'!FD5&lt;100),"R","NULL"))))</f>
        <v>N</v>
      </c>
      <c r="FD5" s="2" t="str">
        <f>IF(AND('Cambios Auto'!FD5&gt;0,'Indices Auto'!FE5&gt;100),"V",IF(AND('Cambios Auto'!FD5&gt;0,'Indices Auto'!FE5&lt;100),"A",IF(AND('Cambios Auto'!FD5&lt;0,'Indices Auto'!FE5&gt;100),"N",IF(AND('Cambios Auto'!FD5&lt;0,'Indices Auto'!FE5&lt;100),"R","NULL"))))</f>
        <v>N</v>
      </c>
      <c r="FE5" s="2" t="str">
        <f>IF(AND('Cambios Auto'!FE5&gt;0,'Indices Auto'!FF5&gt;100),"V",IF(AND('Cambios Auto'!FE5&gt;0,'Indices Auto'!FF5&lt;100),"A",IF(AND('Cambios Auto'!FE5&lt;0,'Indices Auto'!FF5&gt;100),"N",IF(AND('Cambios Auto'!FE5&lt;0,'Indices Auto'!FF5&lt;100),"R","NULL"))))</f>
        <v>N</v>
      </c>
      <c r="FF5" s="2" t="str">
        <f>IF(AND('Cambios Auto'!FF5&gt;0,'Indices Auto'!FG5&gt;100),"V",IF(AND('Cambios Auto'!FF5&gt;0,'Indices Auto'!FG5&lt;100),"A",IF(AND('Cambios Auto'!FF5&lt;0,'Indices Auto'!FG5&gt;100),"N",IF(AND('Cambios Auto'!FF5&lt;0,'Indices Auto'!FG5&lt;100),"R","NULL"))))</f>
        <v>N</v>
      </c>
      <c r="FG5" s="2" t="str">
        <f>IF(AND('Cambios Auto'!FG5&gt;0,'Indices Auto'!FH5&gt;100),"V",IF(AND('Cambios Auto'!FG5&gt;0,'Indices Auto'!FH5&lt;100),"A",IF(AND('Cambios Auto'!FG5&lt;0,'Indices Auto'!FH5&gt;100),"N",IF(AND('Cambios Auto'!FG5&lt;0,'Indices Auto'!FH5&lt;100),"R","NULL"))))</f>
        <v>N</v>
      </c>
      <c r="FH5" s="2" t="str">
        <f>IF(AND('Cambios Auto'!FH5&gt;0,'Indices Auto'!FI5&gt;100),"V",IF(AND('Cambios Auto'!FH5&gt;0,'Indices Auto'!FI5&lt;100),"A",IF(AND('Cambios Auto'!FH5&lt;0,'Indices Auto'!FI5&gt;100),"N",IF(AND('Cambios Auto'!FH5&lt;0,'Indices Auto'!FI5&lt;100),"R","NULL"))))</f>
        <v>N</v>
      </c>
      <c r="FI5" s="2" t="str">
        <f>IF(AND('Cambios Auto'!FI5&gt;0,'Indices Auto'!FJ5&gt;100),"V",IF(AND('Cambios Auto'!FI5&gt;0,'Indices Auto'!FJ5&lt;100),"A",IF(AND('Cambios Auto'!FI5&lt;0,'Indices Auto'!FJ5&gt;100),"N",IF(AND('Cambios Auto'!FI5&lt;0,'Indices Auto'!FJ5&lt;100),"R","NULL"))))</f>
        <v>N</v>
      </c>
      <c r="FJ5" s="2" t="str">
        <f>IF(AND('Cambios Auto'!FJ5&gt;0,'Indices Auto'!FK5&gt;100),"V",IF(AND('Cambios Auto'!FJ5&gt;0,'Indices Auto'!FK5&lt;100),"A",IF(AND('Cambios Auto'!FJ5&lt;0,'Indices Auto'!FK5&gt;100),"N",IF(AND('Cambios Auto'!FJ5&lt;0,'Indices Auto'!FK5&lt;100),"R","NULL"))))</f>
        <v>N</v>
      </c>
      <c r="FK5" s="2" t="str">
        <f>IF(AND('Cambios Auto'!FK5&gt;0,'Indices Auto'!FL5&gt;100),"V",IF(AND('Cambios Auto'!FK5&gt;0,'Indices Auto'!FL5&lt;100),"A",IF(AND('Cambios Auto'!FK5&lt;0,'Indices Auto'!FL5&gt;100),"N",IF(AND('Cambios Auto'!FK5&lt;0,'Indices Auto'!FL5&lt;100),"R","NULL"))))</f>
        <v>N</v>
      </c>
      <c r="FL5" s="2" t="str">
        <f>IF(AND('Cambios Auto'!FL5&gt;0,'Indices Auto'!FM5&gt;100),"V",IF(AND('Cambios Auto'!FL5&gt;0,'Indices Auto'!FM5&lt;100),"A",IF(AND('Cambios Auto'!FL5&lt;0,'Indices Auto'!FM5&gt;100),"N",IF(AND('Cambios Auto'!FL5&lt;0,'Indices Auto'!FM5&lt;100),"R","NULL"))))</f>
        <v>R</v>
      </c>
      <c r="FM5" s="2" t="str">
        <f>IF(AND('Cambios Auto'!FM5&gt;0,'Indices Auto'!FN5&gt;100),"V",IF(AND('Cambios Auto'!FM5&gt;0,'Indices Auto'!FN5&lt;100),"A",IF(AND('Cambios Auto'!FM5&lt;0,'Indices Auto'!FN5&gt;100),"N",IF(AND('Cambios Auto'!FM5&lt;0,'Indices Auto'!FN5&lt;100),"R","NULL"))))</f>
        <v>R</v>
      </c>
      <c r="FN5" s="2" t="str">
        <f>IF(AND('Cambios Auto'!FN5&gt;0,'Indices Auto'!FO5&gt;100),"V",IF(AND('Cambios Auto'!FN5&gt;0,'Indices Auto'!FO5&lt;100),"A",IF(AND('Cambios Auto'!FN5&lt;0,'Indices Auto'!FO5&gt;100),"N",IF(AND('Cambios Auto'!FN5&lt;0,'Indices Auto'!FO5&lt;100),"R","NULL"))))</f>
        <v>R</v>
      </c>
      <c r="FO5" s="2" t="str">
        <f>IF(AND('Cambios Auto'!FO5&gt;0,'Indices Auto'!FP5&gt;100),"V",IF(AND('Cambios Auto'!FO5&gt;0,'Indices Auto'!FP5&lt;100),"A",IF(AND('Cambios Auto'!FO5&lt;0,'Indices Auto'!FP5&gt;100),"N",IF(AND('Cambios Auto'!FO5&lt;0,'Indices Auto'!FP5&lt;100),"R","NULL"))))</f>
        <v>R</v>
      </c>
      <c r="FP5" s="2" t="str">
        <f>IF(AND('Cambios Auto'!FP5&gt;0,'Indices Auto'!FQ5&gt;100),"V",IF(AND('Cambios Auto'!FP5&gt;0,'Indices Auto'!FQ5&lt;100),"A",IF(AND('Cambios Auto'!FP5&lt;0,'Indices Auto'!FQ5&gt;100),"N",IF(AND('Cambios Auto'!FP5&lt;0,'Indices Auto'!FQ5&lt;100),"R","NULL"))))</f>
        <v>A</v>
      </c>
      <c r="FQ5" s="2" t="str">
        <f>IF(AND('Cambios Auto'!FQ5&gt;0,'Indices Auto'!FR5&gt;100),"V",IF(AND('Cambios Auto'!FQ5&gt;0,'Indices Auto'!FR5&lt;100),"A",IF(AND('Cambios Auto'!FQ5&lt;0,'Indices Auto'!FR5&gt;100),"N",IF(AND('Cambios Auto'!FQ5&lt;0,'Indices Auto'!FR5&lt;100),"R","NULL"))))</f>
        <v>V</v>
      </c>
      <c r="FR5" s="2" t="str">
        <f>IF(AND('Cambios Auto'!FR5&gt;0,'Indices Auto'!FS5&gt;100),"V",IF(AND('Cambios Auto'!FR5&gt;0,'Indices Auto'!FS5&lt;100),"A",IF(AND('Cambios Auto'!FR5&lt;0,'Indices Auto'!FS5&gt;100),"N",IF(AND('Cambios Auto'!FR5&lt;0,'Indices Auto'!FS5&lt;100),"R","NULL"))))</f>
        <v>V</v>
      </c>
      <c r="FS5" s="2" t="str">
        <f>IF(AND('Cambios Auto'!FS5&gt;0,'Indices Auto'!FT5&gt;100),"V",IF(AND('Cambios Auto'!FS5&gt;0,'Indices Auto'!FT5&lt;100),"A",IF(AND('Cambios Auto'!FS5&lt;0,'Indices Auto'!FT5&gt;100),"N",IF(AND('Cambios Auto'!FS5&lt;0,'Indices Auto'!FT5&lt;100),"R","NULL"))))</f>
        <v>V</v>
      </c>
      <c r="FT5" s="2" t="str">
        <f>IF(AND('Cambios Auto'!FT5&gt;0,'Indices Auto'!FU5&gt;100),"V",IF(AND('Cambios Auto'!FT5&gt;0,'Indices Auto'!FU5&lt;100),"A",IF(AND('Cambios Auto'!FT5&lt;0,'Indices Auto'!FU5&gt;100),"N",IF(AND('Cambios Auto'!FT5&lt;0,'Indices Auto'!FU5&lt;100),"R","NULL"))))</f>
        <v>V</v>
      </c>
      <c r="FU5" s="2" t="str">
        <f>IF(AND('Cambios Auto'!FU5&gt;0,'Indices Auto'!FV5&gt;100),"V",IF(AND('Cambios Auto'!FU5&gt;0,'Indices Auto'!FV5&lt;100),"A",IF(AND('Cambios Auto'!FU5&lt;0,'Indices Auto'!FV5&gt;100),"N",IF(AND('Cambios Auto'!FU5&lt;0,'Indices Auto'!FV5&lt;100),"R","NULL"))))</f>
        <v>R</v>
      </c>
      <c r="FV5" s="2" t="str">
        <f>IF(AND('Cambios Auto'!FV5&gt;0,'Indices Auto'!FW5&gt;100),"V",IF(AND('Cambios Auto'!FV5&gt;0,'Indices Auto'!FW5&lt;100),"A",IF(AND('Cambios Auto'!FV5&lt;0,'Indices Auto'!FW5&gt;100),"N",IF(AND('Cambios Auto'!FV5&lt;0,'Indices Auto'!FW5&lt;100),"R","NULL"))))</f>
        <v>R</v>
      </c>
      <c r="FW5" s="2" t="str">
        <f>IF(AND('Cambios Auto'!FW5&gt;0,'Indices Auto'!FX5&gt;100),"V",IF(AND('Cambios Auto'!FW5&gt;0,'Indices Auto'!FX5&lt;100),"A",IF(AND('Cambios Auto'!FW5&lt;0,'Indices Auto'!FX5&gt;100),"N",IF(AND('Cambios Auto'!FW5&lt;0,'Indices Auto'!FX5&lt;100),"R","NULL"))))</f>
        <v>R</v>
      </c>
      <c r="FX5" s="2" t="str">
        <f>IF(AND('Cambios Auto'!FX5&gt;0,'Indices Auto'!FY5&gt;100),"V",IF(AND('Cambios Auto'!FX5&gt;0,'Indices Auto'!FY5&lt;100),"A",IF(AND('Cambios Auto'!FX5&lt;0,'Indices Auto'!FY5&gt;100),"N",IF(AND('Cambios Auto'!FX5&lt;0,'Indices Auto'!FY5&lt;100),"R","NULL"))))</f>
        <v>R</v>
      </c>
      <c r="FY5" s="2" t="str">
        <f>IF(AND('Cambios Auto'!FY5&gt;0,'Indices Auto'!FZ5&gt;100),"V",IF(AND('Cambios Auto'!FY5&gt;0,'Indices Auto'!FZ5&lt;100),"A",IF(AND('Cambios Auto'!FY5&lt;0,'Indices Auto'!FZ5&gt;100),"N",IF(AND('Cambios Auto'!FY5&lt;0,'Indices Auto'!FZ5&lt;100),"R","NULL"))))</f>
        <v>R</v>
      </c>
      <c r="FZ5" s="2" t="str">
        <f>IF(AND('Cambios Auto'!FZ5&gt;0,'Indices Auto'!GA5&gt;100),"V",IF(AND('Cambios Auto'!FZ5&gt;0,'Indices Auto'!GA5&lt;100),"A",IF(AND('Cambios Auto'!FZ5&lt;0,'Indices Auto'!GA5&gt;100),"N",IF(AND('Cambios Auto'!FZ5&lt;0,'Indices Auto'!GA5&lt;100),"R","NULL"))))</f>
        <v>R</v>
      </c>
      <c r="GA5" s="2" t="str">
        <f>IF(AND('Cambios Auto'!GA5&gt;0,'Indices Auto'!GB5&gt;100),"V",IF(AND('Cambios Auto'!GA5&gt;0,'Indices Auto'!GB5&lt;100),"A",IF(AND('Cambios Auto'!GA5&lt;0,'Indices Auto'!GB5&gt;100),"N",IF(AND('Cambios Auto'!GA5&lt;0,'Indices Auto'!GB5&lt;100),"R","NULL"))))</f>
        <v>R</v>
      </c>
      <c r="GB5" s="2" t="str">
        <f>IF(AND('Cambios Auto'!GB5&gt;0,'Indices Auto'!GC5&gt;100),"V",IF(AND('Cambios Auto'!GB5&gt;0,'Indices Auto'!GC5&lt;100),"A",IF(AND('Cambios Auto'!GB5&lt;0,'Indices Auto'!GC5&gt;100),"N",IF(AND('Cambios Auto'!GB5&lt;0,'Indices Auto'!GC5&lt;100),"R","NULL"))))</f>
        <v>R</v>
      </c>
      <c r="GC5" s="2" t="str">
        <f>IF(AND('Cambios Auto'!GC5&gt;0,'Indices Auto'!GD5&gt;100),"V",IF(AND('Cambios Auto'!GC5&gt;0,'Indices Auto'!GD5&lt;100),"A",IF(AND('Cambios Auto'!GC5&lt;0,'Indices Auto'!GD5&gt;100),"N",IF(AND('Cambios Auto'!GC5&lt;0,'Indices Auto'!GD5&lt;100),"R","NULL"))))</f>
        <v>A</v>
      </c>
      <c r="GD5" s="2" t="str">
        <f>IF(AND('Cambios Auto'!GD5&gt;0,'Indices Auto'!GE5&gt;100),"V",IF(AND('Cambios Auto'!GD5&gt;0,'Indices Auto'!GE5&lt;100),"A",IF(AND('Cambios Auto'!GD5&lt;0,'Indices Auto'!GE5&gt;100),"N",IF(AND('Cambios Auto'!GD5&lt;0,'Indices Auto'!GE5&lt;100),"R","NULL"))))</f>
        <v>A</v>
      </c>
      <c r="GE5" s="2" t="str">
        <f>IF(AND('Cambios Auto'!GE5&gt;0,'Indices Auto'!GF5&gt;100),"V",IF(AND('Cambios Auto'!GE5&gt;0,'Indices Auto'!GF5&lt;100),"A",IF(AND('Cambios Auto'!GE5&lt;0,'Indices Auto'!GF5&gt;100),"N",IF(AND('Cambios Auto'!GE5&lt;0,'Indices Auto'!GF5&lt;100),"R","NULL"))))</f>
        <v>V</v>
      </c>
      <c r="GF5" s="2" t="str">
        <f>IF(AND('Cambios Auto'!GF5&gt;0,'Indices Auto'!GG5&gt;100),"V",IF(AND('Cambios Auto'!GF5&gt;0,'Indices Auto'!GG5&lt;100),"A",IF(AND('Cambios Auto'!GF5&lt;0,'Indices Auto'!GG5&gt;100),"N",IF(AND('Cambios Auto'!GF5&lt;0,'Indices Auto'!GG5&lt;100),"R","NULL"))))</f>
        <v>V</v>
      </c>
      <c r="GG5" s="2" t="str">
        <f>IF(AND('Cambios Auto'!GG5&gt;0,'Indices Auto'!GH5&gt;100),"V",IF(AND('Cambios Auto'!GG5&gt;0,'Indices Auto'!GH5&lt;100),"A",IF(AND('Cambios Auto'!GG5&lt;0,'Indices Auto'!GH5&gt;100),"N",IF(AND('Cambios Auto'!GG5&lt;0,'Indices Auto'!GH5&lt;100),"R","NULL"))))</f>
        <v>V</v>
      </c>
      <c r="GH5" s="2" t="str">
        <f>IF(AND('Cambios Auto'!GH5&gt;0,'Indices Auto'!GR5&gt;100),"V",IF(AND('Cambios Auto'!GH5&gt;0,'Indices Auto'!GR5&lt;100),"A",IF(AND('Cambios Auto'!GH5&lt;0,'Indices Auto'!GR5&gt;100),"N",IF(AND('Cambios Auto'!GH5&lt;0,'Indices Auto'!GR5&lt;100),"R","NULL"))))</f>
        <v>V</v>
      </c>
      <c r="GI5" s="2" t="str">
        <f>IF(AND('Cambios Auto'!GI5&gt;0,'Indices Auto'!GS5&gt;100),"V",IF(AND('Cambios Auto'!GI5&gt;0,'Indices Auto'!GS5&lt;100),"A",IF(AND('Cambios Auto'!GI5&lt;0,'Indices Auto'!GS5&gt;100),"N",IF(AND('Cambios Auto'!GI5&lt;0,'Indices Auto'!GS5&lt;100),"R","NULL"))))</f>
        <v>V</v>
      </c>
      <c r="GJ5" s="2" t="str">
        <f>IF(AND('Cambios Auto'!GJ5&gt;0,'Indices Auto'!GT5&gt;100),"V",IF(AND('Cambios Auto'!GJ5&gt;0,'Indices Auto'!GT5&lt;100),"A",IF(AND('Cambios Auto'!GJ5&lt;0,'Indices Auto'!GT5&gt;100),"N",IF(AND('Cambios Auto'!GJ5&lt;0,'Indices Auto'!GT5&lt;100),"R","NULL"))))</f>
        <v>N</v>
      </c>
      <c r="GK5" s="2" t="str">
        <f>IF(AND('Cambios Auto'!GK5&gt;0,'Indices Auto'!GU5&gt;100),"V",IF(AND('Cambios Auto'!GK5&gt;0,'Indices Auto'!GU5&lt;100),"A",IF(AND('Cambios Auto'!GK5&lt;0,'Indices Auto'!GU5&gt;100),"N",IF(AND('Cambios Auto'!GK5&lt;0,'Indices Auto'!GU5&lt;100),"R","NULL"))))</f>
        <v>N</v>
      </c>
      <c r="GL5" s="2" t="str">
        <f>IF(AND('Cambios Auto'!GL5&gt;0,'Indices Auto'!GV5&gt;100),"V",IF(AND('Cambios Auto'!GL5&gt;0,'Indices Auto'!GV5&lt;100),"A",IF(AND('Cambios Auto'!GL5&lt;0,'Indices Auto'!GV5&gt;100),"N",IF(AND('Cambios Auto'!GL5&lt;0,'Indices Auto'!GV5&lt;100),"R","NULL"))))</f>
        <v>R</v>
      </c>
      <c r="GM5" s="2" t="str">
        <f>IF(AND('Cambios Auto'!GM5&gt;0,'Indices Auto'!GW5&gt;100),"V",IF(AND('Cambios Auto'!GM5&gt;0,'Indices Auto'!GW5&lt;100),"A",IF(AND('Cambios Auto'!GM5&lt;0,'Indices Auto'!GW5&gt;100),"N",IF(AND('Cambios Auto'!GM5&lt;0,'Indices Auto'!GW5&lt;100),"R","NULL"))))</f>
        <v>R</v>
      </c>
      <c r="GN5" s="2" t="str">
        <f>IF(AND('Cambios Auto'!GN5&gt;0,'Indices Auto'!GX5&gt;100),"V",IF(AND('Cambios Auto'!GN5&gt;0,'Indices Auto'!GX5&lt;100),"A",IF(AND('Cambios Auto'!GN5&lt;0,'Indices Auto'!GX5&gt;100),"N",IF(AND('Cambios Auto'!GN5&lt;0,'Indices Auto'!GX5&lt;100),"R","NULL"))))</f>
        <v>R</v>
      </c>
      <c r="GO5" s="2" t="str">
        <f>IF(AND('Cambios Auto'!GO5&gt;0,'Indices Auto'!GY5&gt;100),"V",IF(AND('Cambios Auto'!GO5&gt;0,'Indices Auto'!GY5&lt;100),"A",IF(AND('Cambios Auto'!GO5&lt;0,'Indices Auto'!GY5&gt;100),"N",IF(AND('Cambios Auto'!GO5&lt;0,'Indices Auto'!GY5&lt;100),"R","NULL"))))</f>
        <v>R</v>
      </c>
      <c r="GP5" s="2" t="str">
        <f>IF(AND('Cambios Auto'!GP5&gt;0,'Indices Auto'!GZ5&gt;100),"V",IF(AND('Cambios Auto'!GP5&gt;0,'Indices Auto'!GZ5&lt;100),"A",IF(AND('Cambios Auto'!GP5&lt;0,'Indices Auto'!GZ5&gt;100),"N",IF(AND('Cambios Auto'!GP5&lt;0,'Indices Auto'!GZ5&lt;100),"R","NULL"))))</f>
        <v>NULL</v>
      </c>
      <c r="GQ5" s="2" t="str">
        <f>IF(AND('Cambios Auto'!GQ5&gt;0,'Indices Auto'!HA5&gt;100),"V",IF(AND('Cambios Auto'!GQ5&gt;0,'Indices Auto'!HA5&lt;100),"A",IF(AND('Cambios Auto'!GQ5&lt;0,'Indices Auto'!HA5&gt;100),"N",IF(AND('Cambios Auto'!GQ5&lt;0,'Indices Auto'!HA5&lt;100),"R","NULL"))))</f>
        <v>NULL</v>
      </c>
      <c r="GR5" s="2" t="str">
        <f>IF(AND('Cambios Auto'!GR5&gt;0,'Indices Auto'!HB5&gt;100),"V",IF(AND('Cambios Auto'!GR5&gt;0,'Indices Auto'!HB5&lt;100),"A",IF(AND('Cambios Auto'!GR5&lt;0,'Indices Auto'!HB5&gt;100),"N",IF(AND('Cambios Auto'!GR5&lt;0,'Indices Auto'!HB5&lt;100),"R","NULL"))))</f>
        <v>NULL</v>
      </c>
      <c r="GS5" s="2" t="str">
        <f>IF(AND('Cambios Auto'!GS5&gt;0,'Indices Auto'!HC5&gt;100),"V",IF(AND('Cambios Auto'!GS5&gt;0,'Indices Auto'!HC5&lt;100),"A",IF(AND('Cambios Auto'!GS5&lt;0,'Indices Auto'!HC5&gt;100),"N",IF(AND('Cambios Auto'!GS5&lt;0,'Indices Auto'!HC5&lt;100),"R","NULL"))))</f>
        <v>NULL</v>
      </c>
      <c r="GT5" s="2" t="str">
        <f>IF(AND('Cambios Auto'!GT5&gt;0,'Indices Auto'!HD5&gt;100),"V",IF(AND('Cambios Auto'!GT5&gt;0,'Indices Auto'!HD5&lt;100),"A",IF(AND('Cambios Auto'!GT5&lt;0,'Indices Auto'!HD5&gt;100),"N",IF(AND('Cambios Auto'!GT5&lt;0,'Indices Auto'!HD5&lt;100),"R","NULL"))))</f>
        <v>NULL</v>
      </c>
      <c r="GU5" s="2" t="str">
        <f>IF(AND('Cambios Auto'!GU5&gt;0,'Indices Auto'!HE5&gt;100),"V",IF(AND('Cambios Auto'!GU5&gt;0,'Indices Auto'!HE5&lt;100),"A",IF(AND('Cambios Auto'!GU5&lt;0,'Indices Auto'!HE5&gt;100),"N",IF(AND('Cambios Auto'!GU5&lt;0,'Indices Auto'!HE5&lt;100),"R","NULL"))))</f>
        <v>NULL</v>
      </c>
      <c r="GV5" s="2" t="str">
        <f>IF(AND('Cambios Auto'!GV5&gt;0,'Indices Auto'!HF5&gt;100),"V",IF(AND('Cambios Auto'!GV5&gt;0,'Indices Auto'!HF5&lt;100),"A",IF(AND('Cambios Auto'!GV5&lt;0,'Indices Auto'!HF5&gt;100),"N",IF(AND('Cambios Auto'!GV5&lt;0,'Indices Auto'!HF5&lt;100),"R","NULL"))))</f>
        <v>NULL</v>
      </c>
      <c r="GW5" s="2" t="str">
        <f>IF(AND('Cambios Auto'!GW5&gt;0,'Indices Auto'!HG5&gt;100),"V",IF(AND('Cambios Auto'!GW5&gt;0,'Indices Auto'!HG5&lt;100),"A",IF(AND('Cambios Auto'!GW5&lt;0,'Indices Auto'!HG5&gt;100),"N",IF(AND('Cambios Auto'!GW5&lt;0,'Indices Auto'!HG5&lt;100),"R","NULL"))))</f>
        <v>NULL</v>
      </c>
      <c r="GX5" s="2" t="str">
        <f>IF(AND('Cambios Auto'!GX5&gt;0,'Indices Auto'!HH5&gt;100),"V",IF(AND('Cambios Auto'!GX5&gt;0,'Indices Auto'!HH5&lt;100),"A",IF(AND('Cambios Auto'!GX5&lt;0,'Indices Auto'!HH5&gt;100),"N",IF(AND('Cambios Auto'!GX5&lt;0,'Indices Auto'!HH5&lt;100),"R","NULL"))))</f>
        <v>NULL</v>
      </c>
      <c r="GY5" s="2" t="str">
        <f>IF(AND('Cambios Auto'!GY5&gt;0,'Indices Auto'!HI5&gt;100),"V",IF(AND('Cambios Auto'!GY5&gt;0,'Indices Auto'!HI5&lt;100),"A",IF(AND('Cambios Auto'!GY5&lt;0,'Indices Auto'!HI5&gt;100),"N",IF(AND('Cambios Auto'!GY5&lt;0,'Indices Auto'!HI5&lt;100),"R","NULL"))))</f>
        <v>NULL</v>
      </c>
      <c r="GZ5" s="2" t="str">
        <f>IF(AND('Cambios Auto'!GZ5&gt;0,'Indices Auto'!HJ5&gt;100),"V",IF(AND('Cambios Auto'!GZ5&gt;0,'Indices Auto'!HJ5&lt;100),"A",IF(AND('Cambios Auto'!GZ5&lt;0,'Indices Auto'!HJ5&gt;100),"N",IF(AND('Cambios Auto'!GZ5&lt;0,'Indices Auto'!HJ5&lt;100),"R","NULL"))))</f>
        <v>NULL</v>
      </c>
      <c r="HA5" s="2" t="str">
        <f>IF(AND('Cambios Auto'!HA5&gt;0,'Indices Auto'!HK5&gt;100),"V",IF(AND('Cambios Auto'!HA5&gt;0,'Indices Auto'!HK5&lt;100),"A",IF(AND('Cambios Auto'!HA5&lt;0,'Indices Auto'!HK5&gt;100),"N",IF(AND('Cambios Auto'!HA5&lt;0,'Indices Auto'!HK5&lt;100),"R","NULL"))))</f>
        <v>NULL</v>
      </c>
      <c r="HB5" s="2" t="str">
        <f>IF(AND('Cambios Auto'!HB5&gt;0,'Indices Auto'!HL5&gt;100),"V",IF(AND('Cambios Auto'!HB5&gt;0,'Indices Auto'!HL5&lt;100),"A",IF(AND('Cambios Auto'!HB5&lt;0,'Indices Auto'!HL5&gt;100),"N",IF(AND('Cambios Auto'!HB5&lt;0,'Indices Auto'!HL5&lt;100),"R","NULL"))))</f>
        <v>NULL</v>
      </c>
      <c r="HC5" s="2" t="str">
        <f>IF(AND('Cambios Auto'!HC5&gt;0,'Indices Auto'!HM5&gt;100),"V",IF(AND('Cambios Auto'!HC5&gt;0,'Indices Auto'!HM5&lt;100),"A",IF(AND('Cambios Auto'!HC5&lt;0,'Indices Auto'!HM5&gt;100),"N",IF(AND('Cambios Auto'!HC5&lt;0,'Indices Auto'!HM5&lt;100),"R","NULL"))))</f>
        <v>NULL</v>
      </c>
      <c r="HD5" s="2" t="str">
        <f>IF(AND('Cambios Auto'!HD5&gt;0,'Indices Auto'!HN5&gt;100),"V",IF(AND('Cambios Auto'!HD5&gt;0,'Indices Auto'!HN5&lt;100),"A",IF(AND('Cambios Auto'!HD5&lt;0,'Indices Auto'!HN5&gt;100),"N",IF(AND('Cambios Auto'!HD5&lt;0,'Indices Auto'!HN5&lt;100),"R","NULL"))))</f>
        <v>NULL</v>
      </c>
      <c r="HE5" s="2" t="str">
        <f>IF(AND('Cambios Auto'!HE5&gt;0,'Indices Auto'!HO5&gt;100),"V",IF(AND('Cambios Auto'!HE5&gt;0,'Indices Auto'!HO5&lt;100),"A",IF(AND('Cambios Auto'!HE5&lt;0,'Indices Auto'!HO5&gt;100),"N",IF(AND('Cambios Auto'!HE5&lt;0,'Indices Auto'!HO5&lt;100),"R","NULL"))))</f>
        <v>NULL</v>
      </c>
      <c r="HF5" s="2" t="str">
        <f>IF(AND('Cambios Auto'!HF5&gt;0,'Indices Auto'!HP5&gt;100),"V",IF(AND('Cambios Auto'!HF5&gt;0,'Indices Auto'!HP5&lt;100),"A",IF(AND('Cambios Auto'!HF5&lt;0,'Indices Auto'!HP5&gt;100),"N",IF(AND('Cambios Auto'!HF5&lt;0,'Indices Auto'!HP5&lt;100),"R","NULL"))))</f>
        <v>NULL</v>
      </c>
      <c r="HG5" s="2" t="str">
        <f>IF(AND('Cambios Auto'!HG5&gt;0,'Indices Auto'!HQ5&gt;100),"V",IF(AND('Cambios Auto'!HG5&gt;0,'Indices Auto'!HQ5&lt;100),"A",IF(AND('Cambios Auto'!HG5&lt;0,'Indices Auto'!HQ5&gt;100),"N",IF(AND('Cambios Auto'!HG5&lt;0,'Indices Auto'!HQ5&lt;100),"R","NULL"))))</f>
        <v>NULL</v>
      </c>
      <c r="HH5" s="2" t="str">
        <f>IF(AND('Cambios Auto'!HH5&gt;0,'Indices Auto'!HR5&gt;100),"V",IF(AND('Cambios Auto'!HH5&gt;0,'Indices Auto'!HR5&lt;100),"A",IF(AND('Cambios Auto'!HH5&lt;0,'Indices Auto'!HR5&gt;100),"N",IF(AND('Cambios Auto'!HH5&lt;0,'Indices Auto'!HR5&lt;100),"R","NULL"))))</f>
        <v>NULL</v>
      </c>
      <c r="HI5" s="2" t="str">
        <f>IF(AND('Cambios Auto'!HI5&gt;0,'Indices Auto'!HS5&gt;100),"V",IF(AND('Cambios Auto'!HI5&gt;0,'Indices Auto'!HS5&lt;100),"A",IF(AND('Cambios Auto'!HI5&lt;0,'Indices Auto'!HS5&gt;100),"N",IF(AND('Cambios Auto'!HI5&lt;0,'Indices Auto'!HS5&lt;100),"R","NULL"))))</f>
        <v>NULL</v>
      </c>
      <c r="HJ5" s="2" t="str">
        <f>IF(AND('Cambios Auto'!HJ5&gt;0,'Indices Auto'!HT5&gt;100),"V",IF(AND('Cambios Auto'!HJ5&gt;0,'Indices Auto'!HT5&lt;100),"A",IF(AND('Cambios Auto'!HJ5&lt;0,'Indices Auto'!HT5&gt;100),"N",IF(AND('Cambios Auto'!HJ5&lt;0,'Indices Auto'!HT5&lt;100),"R","NULL"))))</f>
        <v>NULL</v>
      </c>
      <c r="HK5" s="2" t="str">
        <f>IF(AND('Cambios Auto'!HK5&gt;0,'Indices Auto'!HU5&gt;100),"V",IF(AND('Cambios Auto'!HK5&gt;0,'Indices Auto'!HU5&lt;100),"A",IF(AND('Cambios Auto'!HK5&lt;0,'Indices Auto'!HU5&gt;100),"N",IF(AND('Cambios Auto'!HK5&lt;0,'Indices Auto'!HU5&lt;100),"R","NULL"))))</f>
        <v>NULL</v>
      </c>
      <c r="HL5" s="2" t="str">
        <f>IF(AND('Cambios Auto'!HL5&gt;0,'Indices Auto'!HV5&gt;100),"V",IF(AND('Cambios Auto'!HL5&gt;0,'Indices Auto'!HV5&lt;100),"A",IF(AND('Cambios Auto'!HL5&lt;0,'Indices Auto'!HV5&gt;100),"N",IF(AND('Cambios Auto'!HL5&lt;0,'Indices Auto'!HV5&lt;100),"R","NULL"))))</f>
        <v>NULL</v>
      </c>
      <c r="HM5" s="2" t="str">
        <f>IF(AND('Cambios Auto'!HM5&gt;0,'Indices Auto'!HW5&gt;100),"V",IF(AND('Cambios Auto'!HM5&gt;0,'Indices Auto'!HW5&lt;100),"A",IF(AND('Cambios Auto'!HM5&lt;0,'Indices Auto'!HW5&gt;100),"N",IF(AND('Cambios Auto'!HM5&lt;0,'Indices Auto'!HW5&lt;100),"R","NULL"))))</f>
        <v>NULL</v>
      </c>
      <c r="HN5" s="2" t="str">
        <f>IF(AND('Cambios Auto'!HN5&gt;0,'Indices Auto'!HX5&gt;100),"V",IF(AND('Cambios Auto'!HN5&gt;0,'Indices Auto'!HX5&lt;100),"A",IF(AND('Cambios Auto'!HN5&lt;0,'Indices Auto'!HX5&gt;100),"N",IF(AND('Cambios Auto'!HN5&lt;0,'Indices Auto'!HX5&lt;100),"R","NULL"))))</f>
        <v>NULL</v>
      </c>
      <c r="HO5" s="2" t="str">
        <f>IF(AND('Cambios Auto'!HO5&gt;0,'Indices Auto'!HY5&gt;100),"V",IF(AND('Cambios Auto'!HO5&gt;0,'Indices Auto'!HY5&lt;100),"A",IF(AND('Cambios Auto'!HO5&lt;0,'Indices Auto'!HY5&gt;100),"N",IF(AND('Cambios Auto'!HO5&lt;0,'Indices Auto'!HY5&lt;100),"R","NULL"))))</f>
        <v>NULL</v>
      </c>
      <c r="HP5" s="2" t="str">
        <f>IF(AND('Cambios Auto'!HP5&gt;0,'Indices Auto'!HZ5&gt;100),"V",IF(AND('Cambios Auto'!HP5&gt;0,'Indices Auto'!HZ5&lt;100),"A",IF(AND('Cambios Auto'!HP5&lt;0,'Indices Auto'!HZ5&gt;100),"N",IF(AND('Cambios Auto'!HP5&lt;0,'Indices Auto'!HZ5&lt;100),"R","NULL"))))</f>
        <v>NULL</v>
      </c>
      <c r="HQ5" s="2" t="str">
        <f>IF(AND('Cambios Auto'!HQ5&gt;0,'Indices Auto'!IA5&gt;100),"V",IF(AND('Cambios Auto'!HQ5&gt;0,'Indices Auto'!IA5&lt;100),"A",IF(AND('Cambios Auto'!HQ5&lt;0,'Indices Auto'!IA5&gt;100),"N",IF(AND('Cambios Auto'!HQ5&lt;0,'Indices Auto'!IA5&lt;100),"R","NULL"))))</f>
        <v>NULL</v>
      </c>
      <c r="HR5" s="2" t="str">
        <f>IF(AND('Cambios Auto'!HR5&gt;0,'Indices Auto'!IB5&gt;100),"V",IF(AND('Cambios Auto'!HR5&gt;0,'Indices Auto'!IB5&lt;100),"A",IF(AND('Cambios Auto'!HR5&lt;0,'Indices Auto'!IB5&gt;100),"N",IF(AND('Cambios Auto'!HR5&lt;0,'Indices Auto'!IB5&lt;100),"R","NULL"))))</f>
        <v>NULL</v>
      </c>
      <c r="HS5" s="2" t="str">
        <f>IF(AND('Cambios Auto'!HS5&gt;0,'Indices Auto'!IC5&gt;100),"V",IF(AND('Cambios Auto'!HS5&gt;0,'Indices Auto'!IC5&lt;100),"A",IF(AND('Cambios Auto'!HS5&lt;0,'Indices Auto'!IC5&gt;100),"N",IF(AND('Cambios Auto'!HS5&lt;0,'Indices Auto'!IC5&lt;100),"R","NULL"))))</f>
        <v>NULL</v>
      </c>
      <c r="HT5" s="2" t="str">
        <f>IF(AND('Cambios Auto'!HT5&gt;0,'Indices Auto'!ID5&gt;100),"V",IF(AND('Cambios Auto'!HT5&gt;0,'Indices Auto'!ID5&lt;100),"A",IF(AND('Cambios Auto'!HT5&lt;0,'Indices Auto'!ID5&gt;100),"N",IF(AND('Cambios Auto'!HT5&lt;0,'Indices Auto'!ID5&lt;100),"R","NULL"))))</f>
        <v>NULL</v>
      </c>
      <c r="HU5" s="2" t="str">
        <f>IF(AND('Cambios Auto'!HU5&gt;0,'Indices Auto'!IE5&gt;100),"V",IF(AND('Cambios Auto'!HU5&gt;0,'Indices Auto'!IE5&lt;100),"A",IF(AND('Cambios Auto'!HU5&lt;0,'Indices Auto'!IE5&gt;100),"N",IF(AND('Cambios Auto'!HU5&lt;0,'Indices Auto'!IE5&lt;100),"R","NULL"))))</f>
        <v>NULL</v>
      </c>
      <c r="HV5" s="2" t="str">
        <f>IF(AND('Cambios Auto'!HV5&gt;0,'Indices Auto'!IF5&gt;100),"V",IF(AND('Cambios Auto'!HV5&gt;0,'Indices Auto'!IF5&lt;100),"A",IF(AND('Cambios Auto'!HV5&lt;0,'Indices Auto'!IF5&gt;100),"N",IF(AND('Cambios Auto'!HV5&lt;0,'Indices Auto'!IF5&lt;100),"R","NULL"))))</f>
        <v>NULL</v>
      </c>
      <c r="HW5" s="2" t="str">
        <f>IF(AND('Cambios Auto'!HW5&gt;0,'Indices Auto'!IG5&gt;100),"V",IF(AND('Cambios Auto'!HW5&gt;0,'Indices Auto'!IG5&lt;100),"A",IF(AND('Cambios Auto'!HW5&lt;0,'Indices Auto'!IG5&gt;100),"N",IF(AND('Cambios Auto'!HW5&lt;0,'Indices Auto'!IG5&lt;100),"R","NULL"))))</f>
        <v>NULL</v>
      </c>
      <c r="HX5" s="2" t="str">
        <f>IF(AND('Cambios Auto'!HX5&gt;0,'Indices Auto'!IH5&gt;100),"V",IF(AND('Cambios Auto'!HX5&gt;0,'Indices Auto'!IH5&lt;100),"A",IF(AND('Cambios Auto'!HX5&lt;0,'Indices Auto'!IH5&gt;100),"N",IF(AND('Cambios Auto'!HX5&lt;0,'Indices Auto'!IH5&lt;100),"R","NULL"))))</f>
        <v>NULL</v>
      </c>
      <c r="HY5" s="2" t="str">
        <f>IF(AND('Cambios Auto'!HY5&gt;0,'Indices Auto'!II5&gt;100),"V",IF(AND('Cambios Auto'!HY5&gt;0,'Indices Auto'!II5&lt;100),"A",IF(AND('Cambios Auto'!HY5&lt;0,'Indices Auto'!II5&gt;100),"N",IF(AND('Cambios Auto'!HY5&lt;0,'Indices Auto'!II5&lt;100),"R","NULL"))))</f>
        <v>NULL</v>
      </c>
      <c r="HZ5" s="2" t="str">
        <f>IF(AND('Cambios Auto'!HZ5&gt;0,'Indices Auto'!IJ5&gt;100),"V",IF(AND('Cambios Auto'!HZ5&gt;0,'Indices Auto'!IJ5&lt;100),"A",IF(AND('Cambios Auto'!HZ5&lt;0,'Indices Auto'!IJ5&gt;100),"N",IF(AND('Cambios Auto'!HZ5&lt;0,'Indices Auto'!IJ5&lt;100),"R","NULL"))))</f>
        <v>NULL</v>
      </c>
      <c r="IA5" s="2" t="str">
        <f>IF(AND('Cambios Auto'!IA5&gt;0,'Indices Auto'!IK5&gt;100),"V",IF(AND('Cambios Auto'!IA5&gt;0,'Indices Auto'!IK5&lt;100),"A",IF(AND('Cambios Auto'!IA5&lt;0,'Indices Auto'!IK5&gt;100),"N",IF(AND('Cambios Auto'!IA5&lt;0,'Indices Auto'!IK5&lt;100),"R","NULL"))))</f>
        <v>NULL</v>
      </c>
      <c r="IB5" s="2" t="str">
        <f>IF(AND('Cambios Auto'!IB5&gt;0,'Indices Auto'!IL5&gt;100),"V",IF(AND('Cambios Auto'!IB5&gt;0,'Indices Auto'!IL5&lt;100),"A",IF(AND('Cambios Auto'!IB5&lt;0,'Indices Auto'!IL5&gt;100),"N",IF(AND('Cambios Auto'!IB5&lt;0,'Indices Auto'!IL5&lt;100),"R","NULL"))))</f>
        <v>NULL</v>
      </c>
      <c r="IC5" s="2" t="str">
        <f>IF(AND('Cambios Auto'!IC5&gt;0,'Indices Auto'!IM5&gt;100),"V",IF(AND('Cambios Auto'!IC5&gt;0,'Indices Auto'!IM5&lt;100),"A",IF(AND('Cambios Auto'!IC5&lt;0,'Indices Auto'!IM5&gt;100),"N",IF(AND('Cambios Auto'!IC5&lt;0,'Indices Auto'!IM5&lt;100),"R","NULL"))))</f>
        <v>NULL</v>
      </c>
      <c r="ID5" s="2" t="str">
        <f>IF(AND('Cambios Auto'!ID5&gt;0,'Indices Auto'!IN5&gt;100),"V",IF(AND('Cambios Auto'!ID5&gt;0,'Indices Auto'!IN5&lt;100),"A",IF(AND('Cambios Auto'!ID5&lt;0,'Indices Auto'!IN5&gt;100),"N",IF(AND('Cambios Auto'!ID5&lt;0,'Indices Auto'!IN5&lt;100),"R","NULL"))))</f>
        <v>NULL</v>
      </c>
      <c r="IE5" s="2" t="str">
        <f>IF(AND('Cambios Auto'!IE5&gt;0,'Indices Auto'!IO5&gt;100),"V",IF(AND('Cambios Auto'!IE5&gt;0,'Indices Auto'!IO5&lt;100),"A",IF(AND('Cambios Auto'!IE5&lt;0,'Indices Auto'!IO5&gt;100),"N",IF(AND('Cambios Auto'!IE5&lt;0,'Indices Auto'!IO5&lt;100),"R","NULL"))))</f>
        <v>NULL</v>
      </c>
      <c r="IF5" s="2" t="str">
        <f>IF(AND('Cambios Auto'!IF5&gt;0,'Indices Auto'!IP5&gt;100),"V",IF(AND('Cambios Auto'!IF5&gt;0,'Indices Auto'!IP5&lt;100),"A",IF(AND('Cambios Auto'!IF5&lt;0,'Indices Auto'!IP5&gt;100),"N",IF(AND('Cambios Auto'!IF5&lt;0,'Indices Auto'!IP5&lt;100),"R","NULL"))))</f>
        <v>NULL</v>
      </c>
      <c r="IG5" s="2" t="str">
        <f>IF(AND('Cambios Auto'!IG5&gt;0,'Indices Auto'!IQ5&gt;100),"V",IF(AND('Cambios Auto'!IG5&gt;0,'Indices Auto'!IQ5&lt;100),"A",IF(AND('Cambios Auto'!IG5&lt;0,'Indices Auto'!IQ5&gt;100),"N",IF(AND('Cambios Auto'!IG5&lt;0,'Indices Auto'!IQ5&lt;100),"R","NULL"))))</f>
        <v>NULL</v>
      </c>
      <c r="IH5" s="2" t="str">
        <f>IF(AND('Cambios Auto'!IH5&gt;0,'Indices Auto'!IR5&gt;100),"V",IF(AND('Cambios Auto'!IH5&gt;0,'Indices Auto'!IR5&lt;100),"A",IF(AND('Cambios Auto'!IH5&lt;0,'Indices Auto'!IR5&gt;100),"N",IF(AND('Cambios Auto'!IH5&lt;0,'Indices Auto'!IR5&lt;100),"R","NULL"))))</f>
        <v>NULL</v>
      </c>
      <c r="II5" s="2" t="str">
        <f>IF(AND('Cambios Auto'!II5&gt;0,'Indices Auto'!IS5&gt;100),"V",IF(AND('Cambios Auto'!II5&gt;0,'Indices Auto'!IS5&lt;100),"A",IF(AND('Cambios Auto'!II5&lt;0,'Indices Auto'!IS5&gt;100),"N",IF(AND('Cambios Auto'!II5&lt;0,'Indices Auto'!IS5&lt;100),"R","NULL"))))</f>
        <v>NULL</v>
      </c>
      <c r="IJ5" s="2" t="str">
        <f>IF(AND('Cambios Auto'!IJ5&gt;0,'Indices Auto'!IT5&gt;100),"V",IF(AND('Cambios Auto'!IJ5&gt;0,'Indices Auto'!IT5&lt;100),"A",IF(AND('Cambios Auto'!IJ5&lt;0,'Indices Auto'!IT5&gt;100),"N",IF(AND('Cambios Auto'!IJ5&lt;0,'Indices Auto'!IT5&lt;100),"R","NULL"))))</f>
        <v>NULL</v>
      </c>
      <c r="IK5" s="2" t="str">
        <f>IF(AND('Cambios Auto'!IK5&gt;0,'Indices Auto'!IU5&gt;100),"V",IF(AND('Cambios Auto'!IK5&gt;0,'Indices Auto'!IU5&lt;100),"A",IF(AND('Cambios Auto'!IK5&lt;0,'Indices Auto'!IU5&gt;100),"N",IF(AND('Cambios Auto'!IK5&lt;0,'Indices Auto'!IU5&lt;100),"R","NULL"))))</f>
        <v>NULL</v>
      </c>
      <c r="IL5" s="2" t="str">
        <f>IF(AND('Cambios Auto'!IL5&gt;0,'Indices Auto'!IV5&gt;100),"V",IF(AND('Cambios Auto'!IL5&gt;0,'Indices Auto'!IV5&lt;100),"A",IF(AND('Cambios Auto'!IL5&lt;0,'Indices Auto'!IV5&gt;100),"N",IF(AND('Cambios Auto'!IL5&lt;0,'Indices Auto'!IV5&lt;100),"R","NULL"))))</f>
        <v>NULL</v>
      </c>
      <c r="IM5" s="2" t="str">
        <f>IF(AND('Cambios Auto'!IM5&gt;0,'Indices Auto'!IW5&gt;100),"V",IF(AND('Cambios Auto'!IM5&gt;0,'Indices Auto'!IW5&lt;100),"A",IF(AND('Cambios Auto'!IM5&lt;0,'Indices Auto'!IW5&gt;100),"N",IF(AND('Cambios Auto'!IM5&lt;0,'Indices Auto'!IW5&lt;100),"R","NULL"))))</f>
        <v>NULL</v>
      </c>
      <c r="IN5" s="2" t="str">
        <f>IF(AND('Cambios Auto'!IN5&gt;0,'Indices Auto'!IX5&gt;100),"V",IF(AND('Cambios Auto'!IN5&gt;0,'Indices Auto'!IX5&lt;100),"A",IF(AND('Cambios Auto'!IN5&lt;0,'Indices Auto'!IX5&gt;100),"N",IF(AND('Cambios Auto'!IN5&lt;0,'Indices Auto'!IX5&lt;100),"R","NULL"))))</f>
        <v>NULL</v>
      </c>
      <c r="IO5" s="2" t="str">
        <f>IF(AND('Cambios Auto'!IO5&gt;0,'Indices Auto'!IY5&gt;100),"V",IF(AND('Cambios Auto'!IO5&gt;0,'Indices Auto'!IY5&lt;100),"A",IF(AND('Cambios Auto'!IO5&lt;0,'Indices Auto'!IY5&gt;100),"N",IF(AND('Cambios Auto'!IO5&lt;0,'Indices Auto'!IY5&lt;100),"R","NULL"))))</f>
        <v>NULL</v>
      </c>
      <c r="IP5" s="2" t="str">
        <f>IF(AND('Cambios Auto'!IP5&gt;0,'Indices Auto'!IZ5&gt;100),"V",IF(AND('Cambios Auto'!IP5&gt;0,'Indices Auto'!IZ5&lt;100),"A",IF(AND('Cambios Auto'!IP5&lt;0,'Indices Auto'!IZ5&gt;100),"N",IF(AND('Cambios Auto'!IP5&lt;0,'Indices Auto'!IZ5&lt;100),"R","NULL"))))</f>
        <v>NULL</v>
      </c>
      <c r="IQ5" s="2" t="str">
        <f>IF(AND('Cambios Auto'!IQ5&gt;0,'Indices Auto'!JA5&gt;100),"V",IF(AND('Cambios Auto'!IQ5&gt;0,'Indices Auto'!JA5&lt;100),"A",IF(AND('Cambios Auto'!IQ5&lt;0,'Indices Auto'!JA5&gt;100),"N",IF(AND('Cambios Auto'!IQ5&lt;0,'Indices Auto'!JA5&lt;100),"R","NULL"))))</f>
        <v>NULL</v>
      </c>
      <c r="IR5" s="2" t="str">
        <f>IF(AND('Cambios Auto'!IR5&gt;0,'Indices Auto'!JB5&gt;100),"V",IF(AND('Cambios Auto'!IR5&gt;0,'Indices Auto'!JB5&lt;100),"A",IF(AND('Cambios Auto'!IR5&lt;0,'Indices Auto'!JB5&gt;100),"N",IF(AND('Cambios Auto'!IR5&lt;0,'Indices Auto'!JB5&lt;100),"R","NULL"))))</f>
        <v>NULL</v>
      </c>
      <c r="IS5" s="2" t="str">
        <f>IF(AND('Cambios Auto'!IS5&gt;0,'Indices Auto'!JC5&gt;100),"V",IF(AND('Cambios Auto'!IS5&gt;0,'Indices Auto'!JC5&lt;100),"A",IF(AND('Cambios Auto'!IS5&lt;0,'Indices Auto'!JC5&gt;100),"N",IF(AND('Cambios Auto'!IS5&lt;0,'Indices Auto'!JC5&lt;100),"R","NULL"))))</f>
        <v>NULL</v>
      </c>
      <c r="IT5" s="14"/>
    </row>
    <row r="6" spans="1:254" x14ac:dyDescent="0.25">
      <c r="A6" s="6" t="s">
        <v>192</v>
      </c>
      <c r="B6" s="2" t="str">
        <f>IF(AND('Cambios Auto'!B6&gt;0,'Indices Auto'!C6&gt;100),"V",IF(AND('Cambios Auto'!B6&gt;0,'Indices Auto'!C6&lt;100),"A",IF(AND('Cambios Auto'!B6&lt;0,'Indices Auto'!C6&gt;100),"N",IF(AND('Cambios Auto'!B6&lt;0,'Indices Auto'!C6&lt;100),"R","NULL"))))</f>
        <v>V</v>
      </c>
      <c r="C6" s="2" t="str">
        <f>IF(AND('Cambios Auto'!C6&gt;0,'Indices Auto'!D6&gt;100),"V",IF(AND('Cambios Auto'!C6&gt;0,'Indices Auto'!D6&lt;100),"A",IF(AND('Cambios Auto'!C6&lt;0,'Indices Auto'!D6&gt;100),"N",IF(AND('Cambios Auto'!C6&lt;0,'Indices Auto'!D6&lt;100),"R","NULL"))))</f>
        <v>V</v>
      </c>
      <c r="D6" s="2" t="str">
        <f>IF(AND('Cambios Auto'!D6&gt;0,'Indices Auto'!E6&gt;100),"V",IF(AND('Cambios Auto'!D6&gt;0,'Indices Auto'!E6&lt;100),"A",IF(AND('Cambios Auto'!D6&lt;0,'Indices Auto'!E6&gt;100),"N",IF(AND('Cambios Auto'!D6&lt;0,'Indices Auto'!E6&lt;100),"R","NULL"))))</f>
        <v>V</v>
      </c>
      <c r="E6" s="2" t="str">
        <f>IF(AND('Cambios Auto'!E6&gt;0,'Indices Auto'!F6&gt;100),"V",IF(AND('Cambios Auto'!E6&gt;0,'Indices Auto'!F6&lt;100),"A",IF(AND('Cambios Auto'!E6&lt;0,'Indices Auto'!F6&gt;100),"N",IF(AND('Cambios Auto'!E6&lt;0,'Indices Auto'!F6&lt;100),"R","NULL"))))</f>
        <v>V</v>
      </c>
      <c r="F6" s="2" t="str">
        <f>IF(AND('Cambios Auto'!F6&gt;0,'Indices Auto'!G6&gt;100),"V",IF(AND('Cambios Auto'!F6&gt;0,'Indices Auto'!G6&lt;100),"A",IF(AND('Cambios Auto'!F6&lt;0,'Indices Auto'!G6&gt;100),"N",IF(AND('Cambios Auto'!F6&lt;0,'Indices Auto'!G6&lt;100),"R","NULL"))))</f>
        <v>V</v>
      </c>
      <c r="G6" s="2" t="str">
        <f>IF(AND('Cambios Auto'!G6&gt;0,'Indices Auto'!H6&gt;100),"V",IF(AND('Cambios Auto'!G6&gt;0,'Indices Auto'!H6&lt;100),"A",IF(AND('Cambios Auto'!G6&lt;0,'Indices Auto'!H6&gt;100),"N",IF(AND('Cambios Auto'!G6&lt;0,'Indices Auto'!H6&lt;100),"R","NULL"))))</f>
        <v>V</v>
      </c>
      <c r="H6" s="2" t="str">
        <f>IF(AND('Cambios Auto'!H6&gt;0,'Indices Auto'!I6&gt;100),"V",IF(AND('Cambios Auto'!H6&gt;0,'Indices Auto'!I6&lt;100),"A",IF(AND('Cambios Auto'!H6&lt;0,'Indices Auto'!I6&gt;100),"N",IF(AND('Cambios Auto'!H6&lt;0,'Indices Auto'!I6&lt;100),"R","NULL"))))</f>
        <v>N</v>
      </c>
      <c r="I6" s="2" t="str">
        <f>IF(AND('Cambios Auto'!I6&gt;0,'Indices Auto'!J6&gt;100),"V",IF(AND('Cambios Auto'!I6&gt;0,'Indices Auto'!J6&lt;100),"A",IF(AND('Cambios Auto'!I6&lt;0,'Indices Auto'!J6&gt;100),"N",IF(AND('Cambios Auto'!I6&lt;0,'Indices Auto'!J6&lt;100),"R","NULL"))))</f>
        <v>N</v>
      </c>
      <c r="J6" s="2" t="str">
        <f>IF(AND('Cambios Auto'!J6&gt;0,'Indices Auto'!K6&gt;100),"V",IF(AND('Cambios Auto'!J6&gt;0,'Indices Auto'!K6&lt;100),"A",IF(AND('Cambios Auto'!J6&lt;0,'Indices Auto'!K6&gt;100),"N",IF(AND('Cambios Auto'!J6&lt;0,'Indices Auto'!K6&lt;100),"R","NULL"))))</f>
        <v>N</v>
      </c>
      <c r="K6" s="2" t="str">
        <f>IF(AND('Cambios Auto'!K6&gt;0,'Indices Auto'!L6&gt;100),"V",IF(AND('Cambios Auto'!K6&gt;0,'Indices Auto'!L6&lt;100),"A",IF(AND('Cambios Auto'!K6&lt;0,'Indices Auto'!L6&gt;100),"N",IF(AND('Cambios Auto'!K6&lt;0,'Indices Auto'!L6&lt;100),"R","NULL"))))</f>
        <v>N</v>
      </c>
      <c r="L6" s="2" t="str">
        <f>IF(AND('Cambios Auto'!L6&gt;0,'Indices Auto'!M6&gt;100),"V",IF(AND('Cambios Auto'!L6&gt;0,'Indices Auto'!M6&lt;100),"A",IF(AND('Cambios Auto'!L6&lt;0,'Indices Auto'!M6&gt;100),"N",IF(AND('Cambios Auto'!L6&lt;0,'Indices Auto'!M6&lt;100),"R","NULL"))))</f>
        <v>N</v>
      </c>
      <c r="M6" s="2" t="str">
        <f>IF(AND('Cambios Auto'!M6&gt;0,'Indices Auto'!N6&gt;100),"V",IF(AND('Cambios Auto'!M6&gt;0,'Indices Auto'!N6&lt;100),"A",IF(AND('Cambios Auto'!M6&lt;0,'Indices Auto'!N6&gt;100),"N",IF(AND('Cambios Auto'!M6&lt;0,'Indices Auto'!N6&lt;100),"R","NULL"))))</f>
        <v>N</v>
      </c>
      <c r="N6" s="2" t="str">
        <f>IF(AND('Cambios Auto'!N6&gt;0,'Indices Auto'!O6&gt;100),"V",IF(AND('Cambios Auto'!N6&gt;0,'Indices Auto'!O6&lt;100),"A",IF(AND('Cambios Auto'!N6&lt;0,'Indices Auto'!O6&gt;100),"N",IF(AND('Cambios Auto'!N6&lt;0,'Indices Auto'!O6&lt;100),"R","NULL"))))</f>
        <v>N</v>
      </c>
      <c r="O6" s="2" t="str">
        <f>IF(AND('Cambios Auto'!O6&gt;0,'Indices Auto'!P6&gt;100),"V",IF(AND('Cambios Auto'!O6&gt;0,'Indices Auto'!P6&lt;100),"A",IF(AND('Cambios Auto'!O6&lt;0,'Indices Auto'!P6&gt;100),"N",IF(AND('Cambios Auto'!O6&lt;0,'Indices Auto'!P6&lt;100),"R","NULL"))))</f>
        <v>R</v>
      </c>
      <c r="P6" s="2" t="str">
        <f>IF(AND('Cambios Auto'!P6&gt;0,'Indices Auto'!Q6&gt;100),"V",IF(AND('Cambios Auto'!P6&gt;0,'Indices Auto'!Q6&lt;100),"A",IF(AND('Cambios Auto'!P6&lt;0,'Indices Auto'!Q6&gt;100),"N",IF(AND('Cambios Auto'!P6&lt;0,'Indices Auto'!Q6&lt;100),"R","NULL"))))</f>
        <v>R</v>
      </c>
      <c r="Q6" s="2" t="str">
        <f>IF(AND('Cambios Auto'!Q6&gt;0,'Indices Auto'!R6&gt;100),"V",IF(AND('Cambios Auto'!Q6&gt;0,'Indices Auto'!R6&lt;100),"A",IF(AND('Cambios Auto'!Q6&lt;0,'Indices Auto'!R6&gt;100),"N",IF(AND('Cambios Auto'!Q6&lt;0,'Indices Auto'!R6&lt;100),"R","NULL"))))</f>
        <v>R</v>
      </c>
      <c r="R6" s="2" t="str">
        <f>IF(AND('Cambios Auto'!R6&gt;0,'Indices Auto'!S6&gt;100),"V",IF(AND('Cambios Auto'!R6&gt;0,'Indices Auto'!S6&lt;100),"A",IF(AND('Cambios Auto'!R6&lt;0,'Indices Auto'!S6&gt;100),"N",IF(AND('Cambios Auto'!R6&lt;0,'Indices Auto'!S6&lt;100),"R","NULL"))))</f>
        <v>R</v>
      </c>
      <c r="S6" s="2" t="str">
        <f>IF(AND('Cambios Auto'!S6&gt;0,'Indices Auto'!T6&gt;100),"V",IF(AND('Cambios Auto'!S6&gt;0,'Indices Auto'!T6&lt;100),"A",IF(AND('Cambios Auto'!S6&lt;0,'Indices Auto'!T6&gt;100),"N",IF(AND('Cambios Auto'!S6&lt;0,'Indices Auto'!T6&lt;100),"R","NULL"))))</f>
        <v>A</v>
      </c>
      <c r="T6" s="2" t="str">
        <f>IF(AND('Cambios Auto'!T6&gt;0,'Indices Auto'!U6&gt;100),"V",IF(AND('Cambios Auto'!T6&gt;0,'Indices Auto'!U6&lt;100),"A",IF(AND('Cambios Auto'!T6&lt;0,'Indices Auto'!U6&gt;100),"N",IF(AND('Cambios Auto'!T6&lt;0,'Indices Auto'!U6&lt;100),"R","NULL"))))</f>
        <v>A</v>
      </c>
      <c r="U6" s="2" t="str">
        <f>IF(AND('Cambios Auto'!U6&gt;0,'Indices Auto'!V6&gt;100),"V",IF(AND('Cambios Auto'!U6&gt;0,'Indices Auto'!V6&lt;100),"A",IF(AND('Cambios Auto'!U6&lt;0,'Indices Auto'!V6&gt;100),"N",IF(AND('Cambios Auto'!U6&lt;0,'Indices Auto'!V6&lt;100),"R","NULL"))))</f>
        <v>R</v>
      </c>
      <c r="V6" s="2" t="str">
        <f>IF(AND('Cambios Auto'!V6&gt;0,'Indices Auto'!W6&gt;100),"V",IF(AND('Cambios Auto'!V6&gt;0,'Indices Auto'!W6&lt;100),"A",IF(AND('Cambios Auto'!V6&lt;0,'Indices Auto'!W6&gt;100),"N",IF(AND('Cambios Auto'!V6&lt;0,'Indices Auto'!W6&lt;100),"R","NULL"))))</f>
        <v>R</v>
      </c>
      <c r="W6" s="2" t="str">
        <f>IF(AND('Cambios Auto'!W6&gt;0,'Indices Auto'!X6&gt;100),"V",IF(AND('Cambios Auto'!W6&gt;0,'Indices Auto'!X6&lt;100),"A",IF(AND('Cambios Auto'!W6&lt;0,'Indices Auto'!X6&gt;100),"N",IF(AND('Cambios Auto'!W6&lt;0,'Indices Auto'!X6&lt;100),"R","NULL"))))</f>
        <v>R</v>
      </c>
      <c r="X6" s="2" t="str">
        <f>IF(AND('Cambios Auto'!X6&gt;0,'Indices Auto'!Y6&gt;100),"V",IF(AND('Cambios Auto'!X6&gt;0,'Indices Auto'!Y6&lt;100),"A",IF(AND('Cambios Auto'!X6&lt;0,'Indices Auto'!Y6&gt;100),"N",IF(AND('Cambios Auto'!X6&lt;0,'Indices Auto'!Y6&lt;100),"R","NULL"))))</f>
        <v>R</v>
      </c>
      <c r="Y6" s="2" t="str">
        <f>IF(AND('Cambios Auto'!Y6&gt;0,'Indices Auto'!Z6&gt;100),"V",IF(AND('Cambios Auto'!Y6&gt;0,'Indices Auto'!Z6&lt;100),"A",IF(AND('Cambios Auto'!Y6&lt;0,'Indices Auto'!Z6&gt;100),"N",IF(AND('Cambios Auto'!Y6&lt;0,'Indices Auto'!Z6&lt;100),"R","NULL"))))</f>
        <v>R</v>
      </c>
      <c r="Z6" s="2" t="str">
        <f>IF(AND('Cambios Auto'!Z6&gt;0,'Indices Auto'!AA6&gt;100),"V",IF(AND('Cambios Auto'!Z6&gt;0,'Indices Auto'!AA6&lt;100),"A",IF(AND('Cambios Auto'!Z6&lt;0,'Indices Auto'!AA6&gt;100),"N",IF(AND('Cambios Auto'!Z6&lt;0,'Indices Auto'!AA6&lt;100),"R","NULL"))))</f>
        <v>R</v>
      </c>
      <c r="AA6" s="2" t="str">
        <f>IF(AND('Cambios Auto'!AA6&gt;0,'Indices Auto'!AB6&gt;100),"V",IF(AND('Cambios Auto'!AA6&gt;0,'Indices Auto'!AB6&lt;100),"A",IF(AND('Cambios Auto'!AA6&lt;0,'Indices Auto'!AB6&gt;100),"N",IF(AND('Cambios Auto'!AA6&lt;0,'Indices Auto'!AB6&lt;100),"R","NULL"))))</f>
        <v>R</v>
      </c>
      <c r="AB6" s="2" t="str">
        <f>IF(AND('Cambios Auto'!AB6&gt;0,'Indices Auto'!AC6&gt;100),"V",IF(AND('Cambios Auto'!AB6&gt;0,'Indices Auto'!AC6&lt;100),"A",IF(AND('Cambios Auto'!AB6&lt;0,'Indices Auto'!AC6&gt;100),"N",IF(AND('Cambios Auto'!AB6&lt;0,'Indices Auto'!AC6&lt;100),"R","NULL"))))</f>
        <v>R</v>
      </c>
      <c r="AC6" s="2" t="str">
        <f>IF(AND('Cambios Auto'!AC6&gt;0,'Indices Auto'!AD6&gt;100),"V",IF(AND('Cambios Auto'!AC6&gt;0,'Indices Auto'!AD6&lt;100),"A",IF(AND('Cambios Auto'!AC6&lt;0,'Indices Auto'!AD6&gt;100),"N",IF(AND('Cambios Auto'!AC6&lt;0,'Indices Auto'!AD6&lt;100),"R","NULL"))))</f>
        <v>R</v>
      </c>
      <c r="AD6" s="2" t="str">
        <f>IF(AND('Cambios Auto'!AD6&gt;0,'Indices Auto'!AE6&gt;100),"V",IF(AND('Cambios Auto'!AD6&gt;0,'Indices Auto'!AE6&lt;100),"A",IF(AND('Cambios Auto'!AD6&lt;0,'Indices Auto'!AE6&gt;100),"N",IF(AND('Cambios Auto'!AD6&lt;0,'Indices Auto'!AE6&lt;100),"R","NULL"))))</f>
        <v>A</v>
      </c>
      <c r="AE6" s="2" t="str">
        <f>IF(AND('Cambios Auto'!AE6&gt;0,'Indices Auto'!AF6&gt;100),"V",IF(AND('Cambios Auto'!AE6&gt;0,'Indices Auto'!AF6&lt;100),"A",IF(AND('Cambios Auto'!AE6&lt;0,'Indices Auto'!AF6&gt;100),"N",IF(AND('Cambios Auto'!AE6&lt;0,'Indices Auto'!AF6&lt;100),"R","NULL"))))</f>
        <v>A</v>
      </c>
      <c r="AF6" s="2" t="str">
        <f>IF(AND('Cambios Auto'!AF6&gt;0,'Indices Auto'!AG6&gt;100),"V",IF(AND('Cambios Auto'!AF6&gt;0,'Indices Auto'!AG6&lt;100),"A",IF(AND('Cambios Auto'!AF6&lt;0,'Indices Auto'!AG6&gt;100),"N",IF(AND('Cambios Auto'!AF6&lt;0,'Indices Auto'!AG6&lt;100),"R","NULL"))))</f>
        <v>A</v>
      </c>
      <c r="AG6" s="2" t="str">
        <f>IF(AND('Cambios Auto'!AG6&gt;0,'Indices Auto'!AH6&gt;100),"V",IF(AND('Cambios Auto'!AG6&gt;0,'Indices Auto'!AH6&lt;100),"A",IF(AND('Cambios Auto'!AG6&lt;0,'Indices Auto'!AH6&gt;100),"N",IF(AND('Cambios Auto'!AG6&lt;0,'Indices Auto'!AH6&lt;100),"R","NULL"))))</f>
        <v>A</v>
      </c>
      <c r="AH6" s="2" t="str">
        <f>IF(AND('Cambios Auto'!AH6&gt;0,'Indices Auto'!AI6&gt;100),"V",IF(AND('Cambios Auto'!AH6&gt;0,'Indices Auto'!AI6&lt;100),"A",IF(AND('Cambios Auto'!AH6&lt;0,'Indices Auto'!AI6&gt;100),"N",IF(AND('Cambios Auto'!AH6&lt;0,'Indices Auto'!AI6&lt;100),"R","NULL"))))</f>
        <v>A</v>
      </c>
      <c r="AI6" s="2" t="str">
        <f>IF(AND('Cambios Auto'!AI6&gt;0,'Indices Auto'!AJ6&gt;100),"V",IF(AND('Cambios Auto'!AI6&gt;0,'Indices Auto'!AJ6&lt;100),"A",IF(AND('Cambios Auto'!AI6&lt;0,'Indices Auto'!AJ6&gt;100),"N",IF(AND('Cambios Auto'!AI6&lt;0,'Indices Auto'!AJ6&lt;100),"R","NULL"))))</f>
        <v>R</v>
      </c>
      <c r="AJ6" s="2" t="str">
        <f>IF(AND('Cambios Auto'!AJ6&gt;0,'Indices Auto'!AK6&gt;100),"V",IF(AND('Cambios Auto'!AJ6&gt;0,'Indices Auto'!AK6&lt;100),"A",IF(AND('Cambios Auto'!AJ6&lt;0,'Indices Auto'!AK6&gt;100),"N",IF(AND('Cambios Auto'!AJ6&lt;0,'Indices Auto'!AK6&lt;100),"R","NULL"))))</f>
        <v>R</v>
      </c>
      <c r="AK6" s="2" t="str">
        <f>IF(AND('Cambios Auto'!AK6&gt;0,'Indices Auto'!AL6&gt;100),"V",IF(AND('Cambios Auto'!AK6&gt;0,'Indices Auto'!AL6&lt;100),"A",IF(AND('Cambios Auto'!AK6&lt;0,'Indices Auto'!AL6&gt;100),"N",IF(AND('Cambios Auto'!AK6&lt;0,'Indices Auto'!AL6&lt;100),"R","NULL"))))</f>
        <v>R</v>
      </c>
      <c r="AL6" s="2" t="str">
        <f>IF(AND('Cambios Auto'!AL6&gt;0,'Indices Auto'!AM6&gt;100),"V",IF(AND('Cambios Auto'!AL6&gt;0,'Indices Auto'!AM6&lt;100),"A",IF(AND('Cambios Auto'!AL6&lt;0,'Indices Auto'!AM6&gt;100),"N",IF(AND('Cambios Auto'!AL6&lt;0,'Indices Auto'!AM6&lt;100),"R","NULL"))))</f>
        <v>R</v>
      </c>
      <c r="AM6" s="2" t="str">
        <f>IF(AND('Cambios Auto'!AM6&gt;0,'Indices Auto'!AN6&gt;100),"V",IF(AND('Cambios Auto'!AM6&gt;0,'Indices Auto'!AN6&lt;100),"A",IF(AND('Cambios Auto'!AM6&lt;0,'Indices Auto'!AN6&gt;100),"N",IF(AND('Cambios Auto'!AM6&lt;0,'Indices Auto'!AN6&lt;100),"R","NULL"))))</f>
        <v>R</v>
      </c>
      <c r="AN6" s="2" t="str">
        <f>IF(AND('Cambios Auto'!AN6&gt;0,'Indices Auto'!AO6&gt;100),"V",IF(AND('Cambios Auto'!AN6&gt;0,'Indices Auto'!AO6&lt;100),"A",IF(AND('Cambios Auto'!AN6&lt;0,'Indices Auto'!AO6&gt;100),"N",IF(AND('Cambios Auto'!AN6&lt;0,'Indices Auto'!AO6&lt;100),"R","NULL"))))</f>
        <v>R</v>
      </c>
      <c r="AO6" s="2" t="str">
        <f>IF(AND('Cambios Auto'!AO6&gt;0,'Indices Auto'!AP6&gt;100),"V",IF(AND('Cambios Auto'!AO6&gt;0,'Indices Auto'!AP6&lt;100),"A",IF(AND('Cambios Auto'!AO6&lt;0,'Indices Auto'!AP6&gt;100),"N",IF(AND('Cambios Auto'!AO6&lt;0,'Indices Auto'!AP6&lt;100),"R","NULL"))))</f>
        <v>R</v>
      </c>
      <c r="AP6" s="2" t="str">
        <f>IF(AND('Cambios Auto'!AP6&gt;0,'Indices Auto'!AQ6&gt;100),"V",IF(AND('Cambios Auto'!AP6&gt;0,'Indices Auto'!AQ6&lt;100),"A",IF(AND('Cambios Auto'!AP6&lt;0,'Indices Auto'!AQ6&gt;100),"N",IF(AND('Cambios Auto'!AP6&lt;0,'Indices Auto'!AQ6&lt;100),"R","NULL"))))</f>
        <v>R</v>
      </c>
      <c r="AQ6" s="2" t="str">
        <f>IF(AND('Cambios Auto'!AQ6&gt;0,'Indices Auto'!AR6&gt;100),"V",IF(AND('Cambios Auto'!AQ6&gt;0,'Indices Auto'!AR6&lt;100),"A",IF(AND('Cambios Auto'!AQ6&lt;0,'Indices Auto'!AR6&gt;100),"N",IF(AND('Cambios Auto'!AQ6&lt;0,'Indices Auto'!AR6&lt;100),"R","NULL"))))</f>
        <v>R</v>
      </c>
      <c r="AR6" s="2" t="str">
        <f>IF(AND('Cambios Auto'!AR6&gt;0,'Indices Auto'!AS6&gt;100),"V",IF(AND('Cambios Auto'!AR6&gt;0,'Indices Auto'!AS6&lt;100),"A",IF(AND('Cambios Auto'!AR6&lt;0,'Indices Auto'!AS6&gt;100),"N",IF(AND('Cambios Auto'!AR6&lt;0,'Indices Auto'!AS6&lt;100),"R","NULL"))))</f>
        <v>R</v>
      </c>
      <c r="AS6" s="2" t="str">
        <f>IF(AND('Cambios Auto'!AS6&gt;0,'Indices Auto'!AT6&gt;100),"V",IF(AND('Cambios Auto'!AS6&gt;0,'Indices Auto'!AT6&lt;100),"A",IF(AND('Cambios Auto'!AS6&lt;0,'Indices Auto'!AT6&gt;100),"N",IF(AND('Cambios Auto'!AS6&lt;0,'Indices Auto'!AT6&lt;100),"R","NULL"))))</f>
        <v>A</v>
      </c>
      <c r="AT6" s="2" t="str">
        <f>IF(AND('Cambios Auto'!AT6&gt;0,'Indices Auto'!AU6&gt;100),"V",IF(AND('Cambios Auto'!AT6&gt;0,'Indices Auto'!AU6&lt;100),"A",IF(AND('Cambios Auto'!AT6&lt;0,'Indices Auto'!AU6&gt;100),"N",IF(AND('Cambios Auto'!AT6&lt;0,'Indices Auto'!AU6&lt;100),"R","NULL"))))</f>
        <v>A</v>
      </c>
      <c r="AU6" s="2" t="str">
        <f>IF(AND('Cambios Auto'!AU6&gt;0,'Indices Auto'!AV6&gt;100),"V",IF(AND('Cambios Auto'!AU6&gt;0,'Indices Auto'!AV6&lt;100),"A",IF(AND('Cambios Auto'!AU6&lt;0,'Indices Auto'!AV6&gt;100),"N",IF(AND('Cambios Auto'!AU6&lt;0,'Indices Auto'!AV6&lt;100),"R","NULL"))))</f>
        <v>A</v>
      </c>
      <c r="AV6" s="2" t="str">
        <f>IF(AND('Cambios Auto'!AV6&gt;0,'Indices Auto'!AW6&gt;100),"V",IF(AND('Cambios Auto'!AV6&gt;0,'Indices Auto'!AW6&lt;100),"A",IF(AND('Cambios Auto'!AV6&lt;0,'Indices Auto'!AW6&gt;100),"N",IF(AND('Cambios Auto'!AV6&lt;0,'Indices Auto'!AW6&lt;100),"R","NULL"))))</f>
        <v>A</v>
      </c>
      <c r="AW6" s="2" t="str">
        <f>IF(AND('Cambios Auto'!AW6&gt;0,'Indices Auto'!AX6&gt;100),"V",IF(AND('Cambios Auto'!AW6&gt;0,'Indices Auto'!AX6&lt;100),"A",IF(AND('Cambios Auto'!AW6&lt;0,'Indices Auto'!AX6&gt;100),"N",IF(AND('Cambios Auto'!AW6&lt;0,'Indices Auto'!AX6&lt;100),"R","NULL"))))</f>
        <v>A</v>
      </c>
      <c r="AX6" s="2" t="str">
        <f>IF(AND('Cambios Auto'!AX6&gt;0,'Indices Auto'!AY6&gt;100),"V",IF(AND('Cambios Auto'!AX6&gt;0,'Indices Auto'!AY6&lt;100),"A",IF(AND('Cambios Auto'!AX6&lt;0,'Indices Auto'!AY6&gt;100),"N",IF(AND('Cambios Auto'!AX6&lt;0,'Indices Auto'!AY6&lt;100),"R","NULL"))))</f>
        <v>A</v>
      </c>
      <c r="AY6" s="2" t="str">
        <f>IF(AND('Cambios Auto'!AY6&gt;0,'Indices Auto'!AZ6&gt;100),"V",IF(AND('Cambios Auto'!AY6&gt;0,'Indices Auto'!AZ6&lt;100),"A",IF(AND('Cambios Auto'!AY6&lt;0,'Indices Auto'!AZ6&gt;100),"N",IF(AND('Cambios Auto'!AY6&lt;0,'Indices Auto'!AZ6&lt;100),"R","NULL"))))</f>
        <v>A</v>
      </c>
      <c r="AZ6" s="2" t="str">
        <f>IF(AND('Cambios Auto'!AZ6&gt;0,'Indices Auto'!BA6&gt;100),"V",IF(AND('Cambios Auto'!AZ6&gt;0,'Indices Auto'!BA6&lt;100),"A",IF(AND('Cambios Auto'!AZ6&lt;0,'Indices Auto'!BA6&gt;100),"N",IF(AND('Cambios Auto'!AZ6&lt;0,'Indices Auto'!BA6&lt;100),"R","NULL"))))</f>
        <v>A</v>
      </c>
      <c r="BA6" s="2" t="str">
        <f>IF(AND('Cambios Auto'!BA6&gt;0,'Indices Auto'!BB6&gt;100),"V",IF(AND('Cambios Auto'!BA6&gt;0,'Indices Auto'!BB6&lt;100),"A",IF(AND('Cambios Auto'!BA6&lt;0,'Indices Auto'!BB6&gt;100),"N",IF(AND('Cambios Auto'!BA6&lt;0,'Indices Auto'!BB6&lt;100),"R","NULL"))))</f>
        <v>A</v>
      </c>
      <c r="BB6" s="2" t="str">
        <f>IF(AND('Cambios Auto'!BB6&gt;0,'Indices Auto'!BC6&gt;100),"V",IF(AND('Cambios Auto'!BB6&gt;0,'Indices Auto'!BC6&lt;100),"A",IF(AND('Cambios Auto'!BB6&lt;0,'Indices Auto'!BC6&gt;100),"N",IF(AND('Cambios Auto'!BB6&lt;0,'Indices Auto'!BC6&lt;100),"R","NULL"))))</f>
        <v>R</v>
      </c>
      <c r="BC6" s="2" t="str">
        <f>IF(AND('Cambios Auto'!BC6&gt;0,'Indices Auto'!BD6&gt;100),"V",IF(AND('Cambios Auto'!BC6&gt;0,'Indices Auto'!BD6&lt;100),"A",IF(AND('Cambios Auto'!BC6&lt;0,'Indices Auto'!BD6&gt;100),"N",IF(AND('Cambios Auto'!BC6&lt;0,'Indices Auto'!BD6&lt;100),"R","NULL"))))</f>
        <v>R</v>
      </c>
      <c r="BD6" s="2" t="str">
        <f>IF(AND('Cambios Auto'!BD6&gt;0,'Indices Auto'!BE6&gt;100),"V",IF(AND('Cambios Auto'!BD6&gt;0,'Indices Auto'!BE6&lt;100),"A",IF(AND('Cambios Auto'!BD6&lt;0,'Indices Auto'!BE6&gt;100),"N",IF(AND('Cambios Auto'!BD6&lt;0,'Indices Auto'!BE6&lt;100),"R","NULL"))))</f>
        <v>R</v>
      </c>
      <c r="BE6" s="2" t="str">
        <f>IF(AND('Cambios Auto'!BE6&gt;0,'Indices Auto'!BF6&gt;100),"V",IF(AND('Cambios Auto'!BE6&gt;0,'Indices Auto'!BF6&lt;100),"A",IF(AND('Cambios Auto'!BE6&lt;0,'Indices Auto'!BF6&gt;100),"N",IF(AND('Cambios Auto'!BE6&lt;0,'Indices Auto'!BF6&lt;100),"R","NULL"))))</f>
        <v>R</v>
      </c>
      <c r="BF6" s="2" t="str">
        <f>IF(AND('Cambios Auto'!BF6&gt;0,'Indices Auto'!BG6&gt;100),"V",IF(AND('Cambios Auto'!BF6&gt;0,'Indices Auto'!BG6&lt;100),"A",IF(AND('Cambios Auto'!BF6&lt;0,'Indices Auto'!BG6&gt;100),"N",IF(AND('Cambios Auto'!BF6&lt;0,'Indices Auto'!BG6&lt;100),"R","NULL"))))</f>
        <v>A</v>
      </c>
      <c r="BG6" s="2" t="str">
        <f>IF(AND('Cambios Auto'!BG6&gt;0,'Indices Auto'!BH6&gt;100),"V",IF(AND('Cambios Auto'!BG6&gt;0,'Indices Auto'!BH6&lt;100),"A",IF(AND('Cambios Auto'!BG6&lt;0,'Indices Auto'!BH6&gt;100),"N",IF(AND('Cambios Auto'!BG6&lt;0,'Indices Auto'!BH6&lt;100),"R","NULL"))))</f>
        <v>A</v>
      </c>
      <c r="BH6" s="2" t="str">
        <f>IF(AND('Cambios Auto'!BH6&gt;0,'Indices Auto'!BI6&gt;100),"V",IF(AND('Cambios Auto'!BH6&gt;0,'Indices Auto'!BI6&lt;100),"A",IF(AND('Cambios Auto'!BH6&lt;0,'Indices Auto'!BI6&gt;100),"N",IF(AND('Cambios Auto'!BH6&lt;0,'Indices Auto'!BI6&lt;100),"R","NULL"))))</f>
        <v>A</v>
      </c>
      <c r="BI6" s="2" t="str">
        <f>IF(AND('Cambios Auto'!BI6&gt;0,'Indices Auto'!BJ6&gt;100),"V",IF(AND('Cambios Auto'!BI6&gt;0,'Indices Auto'!BJ6&lt;100),"A",IF(AND('Cambios Auto'!BI6&lt;0,'Indices Auto'!BJ6&gt;100),"N",IF(AND('Cambios Auto'!BI6&lt;0,'Indices Auto'!BJ6&lt;100),"R","NULL"))))</f>
        <v>A</v>
      </c>
      <c r="BJ6" s="2" t="str">
        <f>IF(AND('Cambios Auto'!BJ6&gt;0,'Indices Auto'!BK6&gt;100),"V",IF(AND('Cambios Auto'!BJ6&gt;0,'Indices Auto'!BK6&lt;100),"A",IF(AND('Cambios Auto'!BJ6&lt;0,'Indices Auto'!BK6&gt;100),"N",IF(AND('Cambios Auto'!BJ6&lt;0,'Indices Auto'!BK6&lt;100),"R","NULL"))))</f>
        <v>A</v>
      </c>
      <c r="BK6" s="2" t="str">
        <f>IF(AND('Cambios Auto'!BK6&gt;0,'Indices Auto'!BL6&gt;100),"V",IF(AND('Cambios Auto'!BK6&gt;0,'Indices Auto'!BL6&lt;100),"A",IF(AND('Cambios Auto'!BK6&lt;0,'Indices Auto'!BL6&gt;100),"N",IF(AND('Cambios Auto'!BK6&lt;0,'Indices Auto'!BL6&lt;100),"R","NULL"))))</f>
        <v>A</v>
      </c>
      <c r="BL6" s="2" t="str">
        <f>IF(AND('Cambios Auto'!BL6&gt;0,'Indices Auto'!BM6&gt;100),"V",IF(AND('Cambios Auto'!BL6&gt;0,'Indices Auto'!BM6&lt;100),"A",IF(AND('Cambios Auto'!BL6&lt;0,'Indices Auto'!BM6&gt;100),"N",IF(AND('Cambios Auto'!BL6&lt;0,'Indices Auto'!BM6&lt;100),"R","NULL"))))</f>
        <v>A</v>
      </c>
      <c r="BM6" s="2" t="str">
        <f>IF(AND('Cambios Auto'!BM6&gt;0,'Indices Auto'!BN6&gt;100),"V",IF(AND('Cambios Auto'!BM6&gt;0,'Indices Auto'!BN6&lt;100),"A",IF(AND('Cambios Auto'!BM6&lt;0,'Indices Auto'!BN6&gt;100),"N",IF(AND('Cambios Auto'!BM6&lt;0,'Indices Auto'!BN6&lt;100),"R","NULL"))))</f>
        <v>R</v>
      </c>
      <c r="BN6" s="2" t="str">
        <f>IF(AND('Cambios Auto'!BN6&gt;0,'Indices Auto'!BO6&gt;100),"V",IF(AND('Cambios Auto'!BN6&gt;0,'Indices Auto'!BO6&lt;100),"A",IF(AND('Cambios Auto'!BN6&lt;0,'Indices Auto'!BO6&gt;100),"N",IF(AND('Cambios Auto'!BN6&lt;0,'Indices Auto'!BO6&lt;100),"R","NULL"))))</f>
        <v>R</v>
      </c>
      <c r="BO6" s="2" t="str">
        <f>IF(AND('Cambios Auto'!BO6&gt;0,'Indices Auto'!BP6&gt;100),"V",IF(AND('Cambios Auto'!BO6&gt;0,'Indices Auto'!BP6&lt;100),"A",IF(AND('Cambios Auto'!BO6&lt;0,'Indices Auto'!BP6&gt;100),"N",IF(AND('Cambios Auto'!BO6&lt;0,'Indices Auto'!BP6&lt;100),"R","NULL"))))</f>
        <v>R</v>
      </c>
      <c r="BP6" s="2" t="str">
        <f>IF(AND('Cambios Auto'!BP6&gt;0,'Indices Auto'!BQ6&gt;100),"V",IF(AND('Cambios Auto'!BP6&gt;0,'Indices Auto'!BQ6&lt;100),"A",IF(AND('Cambios Auto'!BP6&lt;0,'Indices Auto'!BQ6&gt;100),"N",IF(AND('Cambios Auto'!BP6&lt;0,'Indices Auto'!BQ6&lt;100),"R","NULL"))))</f>
        <v>R</v>
      </c>
      <c r="BQ6" s="2" t="str">
        <f>IF(AND('Cambios Auto'!BQ6&gt;0,'Indices Auto'!BR6&gt;100),"V",IF(AND('Cambios Auto'!BQ6&gt;0,'Indices Auto'!BR6&lt;100),"A",IF(AND('Cambios Auto'!BQ6&lt;0,'Indices Auto'!BR6&gt;100),"N",IF(AND('Cambios Auto'!BQ6&lt;0,'Indices Auto'!BR6&lt;100),"R","NULL"))))</f>
        <v>A</v>
      </c>
      <c r="BR6" s="2" t="str">
        <f>IF(AND('Cambios Auto'!BR6&gt;0,'Indices Auto'!BS6&gt;100),"V",IF(AND('Cambios Auto'!BR6&gt;0,'Indices Auto'!BS6&lt;100),"A",IF(AND('Cambios Auto'!BR6&lt;0,'Indices Auto'!BS6&gt;100),"N",IF(AND('Cambios Auto'!BR6&lt;0,'Indices Auto'!BS6&lt;100),"R","NULL"))))</f>
        <v>V</v>
      </c>
      <c r="BS6" s="2" t="str">
        <f>IF(AND('Cambios Auto'!BS6&gt;0,'Indices Auto'!BT6&gt;100),"V",IF(AND('Cambios Auto'!BS6&gt;0,'Indices Auto'!BT6&lt;100),"A",IF(AND('Cambios Auto'!BS6&lt;0,'Indices Auto'!BT6&gt;100),"N",IF(AND('Cambios Auto'!BS6&lt;0,'Indices Auto'!BT6&lt;100),"R","NULL"))))</f>
        <v>V</v>
      </c>
      <c r="BT6" s="2" t="str">
        <f>IF(AND('Cambios Auto'!BT6&gt;0,'Indices Auto'!BU6&gt;100),"V",IF(AND('Cambios Auto'!BT6&gt;0,'Indices Auto'!BU6&lt;100),"A",IF(AND('Cambios Auto'!BT6&lt;0,'Indices Auto'!BU6&gt;100),"N",IF(AND('Cambios Auto'!BT6&lt;0,'Indices Auto'!BU6&lt;100),"R","NULL"))))</f>
        <v>V</v>
      </c>
      <c r="BU6" s="2" t="str">
        <f>IF(AND('Cambios Auto'!BU6&gt;0,'Indices Auto'!BV6&gt;100),"V",IF(AND('Cambios Auto'!BU6&gt;0,'Indices Auto'!BV6&lt;100),"A",IF(AND('Cambios Auto'!BU6&lt;0,'Indices Auto'!BV6&gt;100),"N",IF(AND('Cambios Auto'!BU6&lt;0,'Indices Auto'!BV6&lt;100),"R","NULL"))))</f>
        <v>V</v>
      </c>
      <c r="BV6" s="2" t="str">
        <f>IF(AND('Cambios Auto'!BV6&gt;0,'Indices Auto'!BW6&gt;100),"V",IF(AND('Cambios Auto'!BV6&gt;0,'Indices Auto'!BW6&lt;100),"A",IF(AND('Cambios Auto'!BV6&lt;0,'Indices Auto'!BW6&gt;100),"N",IF(AND('Cambios Auto'!BV6&lt;0,'Indices Auto'!BW6&lt;100),"R","NULL"))))</f>
        <v>V</v>
      </c>
      <c r="BW6" s="2" t="str">
        <f>IF(AND('Cambios Auto'!BW6&gt;0,'Indices Auto'!BX6&gt;100),"V",IF(AND('Cambios Auto'!BW6&gt;0,'Indices Auto'!BX6&lt;100),"A",IF(AND('Cambios Auto'!BW6&lt;0,'Indices Auto'!BX6&gt;100),"N",IF(AND('Cambios Auto'!BW6&lt;0,'Indices Auto'!BX6&lt;100),"R","NULL"))))</f>
        <v>V</v>
      </c>
      <c r="BX6" s="2" t="str">
        <f>IF(AND('Cambios Auto'!BX6&gt;0,'Indices Auto'!BY6&gt;100),"V",IF(AND('Cambios Auto'!BX6&gt;0,'Indices Auto'!BY6&lt;100),"A",IF(AND('Cambios Auto'!BX6&lt;0,'Indices Auto'!BY6&gt;100),"N",IF(AND('Cambios Auto'!BX6&lt;0,'Indices Auto'!BY6&lt;100),"R","NULL"))))</f>
        <v>V</v>
      </c>
      <c r="BY6" s="2" t="str">
        <f>IF(AND('Cambios Auto'!BY6&gt;0,'Indices Auto'!BZ6&gt;100),"V",IF(AND('Cambios Auto'!BY6&gt;0,'Indices Auto'!BZ6&lt;100),"A",IF(AND('Cambios Auto'!BY6&lt;0,'Indices Auto'!BZ6&gt;100),"N",IF(AND('Cambios Auto'!BY6&lt;0,'Indices Auto'!BZ6&lt;100),"R","NULL"))))</f>
        <v>V</v>
      </c>
      <c r="BZ6" s="2" t="str">
        <f>IF(AND('Cambios Auto'!BZ6&gt;0,'Indices Auto'!CA6&gt;100),"V",IF(AND('Cambios Auto'!BZ6&gt;0,'Indices Auto'!CA6&lt;100),"A",IF(AND('Cambios Auto'!BZ6&lt;0,'Indices Auto'!CA6&gt;100),"N",IF(AND('Cambios Auto'!BZ6&lt;0,'Indices Auto'!CA6&lt;100),"R","NULL"))))</f>
        <v>V</v>
      </c>
      <c r="CA6" s="2" t="str">
        <f>IF(AND('Cambios Auto'!CA6&gt;0,'Indices Auto'!CB6&gt;100),"V",IF(AND('Cambios Auto'!CA6&gt;0,'Indices Auto'!CB6&lt;100),"A",IF(AND('Cambios Auto'!CA6&lt;0,'Indices Auto'!CB6&gt;100),"N",IF(AND('Cambios Auto'!CA6&lt;0,'Indices Auto'!CB6&lt;100),"R","NULL"))))</f>
        <v>V</v>
      </c>
      <c r="CB6" s="2" t="str">
        <f>IF(AND('Cambios Auto'!CB6&gt;0,'Indices Auto'!CC6&gt;100),"V",IF(AND('Cambios Auto'!CB6&gt;0,'Indices Auto'!CC6&lt;100),"A",IF(AND('Cambios Auto'!CB6&lt;0,'Indices Auto'!CC6&gt;100),"N",IF(AND('Cambios Auto'!CB6&lt;0,'Indices Auto'!CC6&lt;100),"R","NULL"))))</f>
        <v>N</v>
      </c>
      <c r="CC6" s="2" t="str">
        <f>IF(AND('Cambios Auto'!CC6&gt;0,'Indices Auto'!CD6&gt;100),"V",IF(AND('Cambios Auto'!CC6&gt;0,'Indices Auto'!CD6&lt;100),"A",IF(AND('Cambios Auto'!CC6&lt;0,'Indices Auto'!CD6&gt;100),"N",IF(AND('Cambios Auto'!CC6&lt;0,'Indices Auto'!CD6&lt;100),"R","NULL"))))</f>
        <v>N</v>
      </c>
      <c r="CD6" s="2" t="str">
        <f>IF(AND('Cambios Auto'!CD6&gt;0,'Indices Auto'!CE6&gt;100),"V",IF(AND('Cambios Auto'!CD6&gt;0,'Indices Auto'!CE6&lt;100),"A",IF(AND('Cambios Auto'!CD6&lt;0,'Indices Auto'!CE6&gt;100),"N",IF(AND('Cambios Auto'!CD6&lt;0,'Indices Auto'!CE6&lt;100),"R","NULL"))))</f>
        <v>N</v>
      </c>
      <c r="CE6" s="2" t="str">
        <f>IF(AND('Cambios Auto'!CE6&gt;0,'Indices Auto'!CF6&gt;100),"V",IF(AND('Cambios Auto'!CE6&gt;0,'Indices Auto'!CF6&lt;100),"A",IF(AND('Cambios Auto'!CE6&lt;0,'Indices Auto'!CF6&gt;100),"N",IF(AND('Cambios Auto'!CE6&lt;0,'Indices Auto'!CF6&lt;100),"R","NULL"))))</f>
        <v>N</v>
      </c>
      <c r="CF6" s="2" t="str">
        <f>IF(AND('Cambios Auto'!CF6&gt;0,'Indices Auto'!CG6&gt;100),"V",IF(AND('Cambios Auto'!CF6&gt;0,'Indices Auto'!CG6&lt;100),"A",IF(AND('Cambios Auto'!CF6&lt;0,'Indices Auto'!CG6&gt;100),"N",IF(AND('Cambios Auto'!CF6&lt;0,'Indices Auto'!CG6&lt;100),"R","NULL"))))</f>
        <v>N</v>
      </c>
      <c r="CG6" s="2" t="str">
        <f>IF(AND('Cambios Auto'!CG6&gt;0,'Indices Auto'!CH6&gt;100),"V",IF(AND('Cambios Auto'!CG6&gt;0,'Indices Auto'!CH6&lt;100),"A",IF(AND('Cambios Auto'!CG6&lt;0,'Indices Auto'!CH6&gt;100),"N",IF(AND('Cambios Auto'!CG6&lt;0,'Indices Auto'!CH6&lt;100),"R","NULL"))))</f>
        <v>N</v>
      </c>
      <c r="CH6" s="2" t="str">
        <f>IF(AND('Cambios Auto'!CH6&gt;0,'Indices Auto'!CI6&gt;100),"V",IF(AND('Cambios Auto'!CH6&gt;0,'Indices Auto'!CI6&lt;100),"A",IF(AND('Cambios Auto'!CH6&lt;0,'Indices Auto'!CI6&gt;100),"N",IF(AND('Cambios Auto'!CH6&lt;0,'Indices Auto'!CI6&lt;100),"R","NULL"))))</f>
        <v>V</v>
      </c>
      <c r="CI6" s="2" t="str">
        <f>IF(AND('Cambios Auto'!CI6&gt;0,'Indices Auto'!CJ6&gt;100),"V",IF(AND('Cambios Auto'!CI6&gt;0,'Indices Auto'!CJ6&lt;100),"A",IF(AND('Cambios Auto'!CI6&lt;0,'Indices Auto'!CJ6&gt;100),"N",IF(AND('Cambios Auto'!CI6&lt;0,'Indices Auto'!CJ6&lt;100),"R","NULL"))))</f>
        <v>V</v>
      </c>
      <c r="CJ6" s="2" t="str">
        <f>IF(AND('Cambios Auto'!CJ6&gt;0,'Indices Auto'!CK6&gt;100),"V",IF(AND('Cambios Auto'!CJ6&gt;0,'Indices Auto'!CK6&lt;100),"A",IF(AND('Cambios Auto'!CJ6&lt;0,'Indices Auto'!CK6&gt;100),"N",IF(AND('Cambios Auto'!CJ6&lt;0,'Indices Auto'!CK6&lt;100),"R","NULL"))))</f>
        <v>V</v>
      </c>
      <c r="CK6" s="2" t="str">
        <f>IF(AND('Cambios Auto'!CK6&gt;0,'Indices Auto'!CL6&gt;100),"V",IF(AND('Cambios Auto'!CK6&gt;0,'Indices Auto'!CL6&lt;100),"A",IF(AND('Cambios Auto'!CK6&lt;0,'Indices Auto'!CL6&gt;100),"N",IF(AND('Cambios Auto'!CK6&lt;0,'Indices Auto'!CL6&lt;100),"R","NULL"))))</f>
        <v>V</v>
      </c>
      <c r="CL6" s="2" t="str">
        <f>IF(AND('Cambios Auto'!CL6&gt;0,'Indices Auto'!CM6&gt;100),"V",IF(AND('Cambios Auto'!CL6&gt;0,'Indices Auto'!CM6&lt;100),"A",IF(AND('Cambios Auto'!CL6&lt;0,'Indices Auto'!CM6&gt;100),"N",IF(AND('Cambios Auto'!CL6&lt;0,'Indices Auto'!CM6&lt;100),"R","NULL"))))</f>
        <v>V</v>
      </c>
      <c r="CM6" s="2" t="str">
        <f>IF(AND('Cambios Auto'!CM6&gt;0,'Indices Auto'!CN6&gt;100),"V",IF(AND('Cambios Auto'!CM6&gt;0,'Indices Auto'!CN6&lt;100),"A",IF(AND('Cambios Auto'!CM6&lt;0,'Indices Auto'!CN6&gt;100),"N",IF(AND('Cambios Auto'!CM6&lt;0,'Indices Auto'!CN6&lt;100),"R","NULL"))))</f>
        <v>V</v>
      </c>
      <c r="CN6" s="2" t="str">
        <f>IF(AND('Cambios Auto'!CN6&gt;0,'Indices Auto'!CO6&gt;100),"V",IF(AND('Cambios Auto'!CN6&gt;0,'Indices Auto'!CO6&lt;100),"A",IF(AND('Cambios Auto'!CN6&lt;0,'Indices Auto'!CO6&gt;100),"N",IF(AND('Cambios Auto'!CN6&lt;0,'Indices Auto'!CO6&lt;100),"R","NULL"))))</f>
        <v>V</v>
      </c>
      <c r="CO6" s="2" t="str">
        <f>IF(AND('Cambios Auto'!CO6&gt;0,'Indices Auto'!CP6&gt;100),"V",IF(AND('Cambios Auto'!CO6&gt;0,'Indices Auto'!CP6&lt;100),"A",IF(AND('Cambios Auto'!CO6&lt;0,'Indices Auto'!CP6&gt;100),"N",IF(AND('Cambios Auto'!CO6&lt;0,'Indices Auto'!CP6&lt;100),"R","NULL"))))</f>
        <v>N</v>
      </c>
      <c r="CP6" s="2" t="str">
        <f>IF(AND('Cambios Auto'!CP6&gt;0,'Indices Auto'!CQ6&gt;100),"V",IF(AND('Cambios Auto'!CP6&gt;0,'Indices Auto'!CQ6&lt;100),"A",IF(AND('Cambios Auto'!CP6&lt;0,'Indices Auto'!CQ6&gt;100),"N",IF(AND('Cambios Auto'!CP6&lt;0,'Indices Auto'!CQ6&lt;100),"R","NULL"))))</f>
        <v>N</v>
      </c>
      <c r="CQ6" s="2" t="str">
        <f>IF(AND('Cambios Auto'!CQ6&gt;0,'Indices Auto'!CR6&gt;100),"V",IF(AND('Cambios Auto'!CQ6&gt;0,'Indices Auto'!CR6&lt;100),"A",IF(AND('Cambios Auto'!CQ6&lt;0,'Indices Auto'!CR6&gt;100),"N",IF(AND('Cambios Auto'!CQ6&lt;0,'Indices Auto'!CR6&lt;100),"R","NULL"))))</f>
        <v>N</v>
      </c>
      <c r="CR6" s="2" t="str">
        <f>IF(AND('Cambios Auto'!CR6&gt;0,'Indices Auto'!CS6&gt;100),"V",IF(AND('Cambios Auto'!CR6&gt;0,'Indices Auto'!CS6&lt;100),"A",IF(AND('Cambios Auto'!CR6&lt;0,'Indices Auto'!CS6&gt;100),"N",IF(AND('Cambios Auto'!CR6&lt;0,'Indices Auto'!CS6&lt;100),"R","NULL"))))</f>
        <v>V</v>
      </c>
      <c r="CS6" s="2" t="str">
        <f>IF(AND('Cambios Auto'!CS6&gt;0,'Indices Auto'!CT6&gt;100),"V",IF(AND('Cambios Auto'!CS6&gt;0,'Indices Auto'!CT6&lt;100),"A",IF(AND('Cambios Auto'!CS6&lt;0,'Indices Auto'!CT6&gt;100),"N",IF(AND('Cambios Auto'!CS6&lt;0,'Indices Auto'!CT6&lt;100),"R","NULL"))))</f>
        <v>V</v>
      </c>
      <c r="CT6" s="2" t="str">
        <f>IF(AND('Cambios Auto'!CT6&gt;0,'Indices Auto'!CU6&gt;100),"V",IF(AND('Cambios Auto'!CT6&gt;0,'Indices Auto'!CU6&lt;100),"A",IF(AND('Cambios Auto'!CT6&lt;0,'Indices Auto'!CU6&gt;100),"N",IF(AND('Cambios Auto'!CT6&lt;0,'Indices Auto'!CU6&lt;100),"R","NULL"))))</f>
        <v>V</v>
      </c>
      <c r="CU6" s="2" t="str">
        <f>IF(AND('Cambios Auto'!CU6&gt;0,'Indices Auto'!CV6&gt;100),"V",IF(AND('Cambios Auto'!CU6&gt;0,'Indices Auto'!CV6&lt;100),"A",IF(AND('Cambios Auto'!CU6&lt;0,'Indices Auto'!CV6&gt;100),"N",IF(AND('Cambios Auto'!CU6&lt;0,'Indices Auto'!CV6&lt;100),"R","NULL"))))</f>
        <v>V</v>
      </c>
      <c r="CV6" s="2" t="str">
        <f>IF(AND('Cambios Auto'!CV6&gt;0,'Indices Auto'!CW6&gt;100),"V",IF(AND('Cambios Auto'!CV6&gt;0,'Indices Auto'!CW6&lt;100),"A",IF(AND('Cambios Auto'!CV6&lt;0,'Indices Auto'!CW6&gt;100),"N",IF(AND('Cambios Auto'!CV6&lt;0,'Indices Auto'!CW6&lt;100),"R","NULL"))))</f>
        <v>N</v>
      </c>
      <c r="CW6" s="2" t="str">
        <f>IF(AND('Cambios Auto'!CW6&gt;0,'Indices Auto'!CX6&gt;100),"V",IF(AND('Cambios Auto'!CW6&gt;0,'Indices Auto'!CX6&lt;100),"A",IF(AND('Cambios Auto'!CW6&lt;0,'Indices Auto'!CX6&gt;100),"N",IF(AND('Cambios Auto'!CW6&lt;0,'Indices Auto'!CX6&lt;100),"R","NULL"))))</f>
        <v>N</v>
      </c>
      <c r="CX6" s="2" t="str">
        <f>IF(AND('Cambios Auto'!CX6&gt;0,'Indices Auto'!CY6&gt;100),"V",IF(AND('Cambios Auto'!CX6&gt;0,'Indices Auto'!CY6&lt;100),"A",IF(AND('Cambios Auto'!CX6&lt;0,'Indices Auto'!CY6&gt;100),"N",IF(AND('Cambios Auto'!CX6&lt;0,'Indices Auto'!CY6&lt;100),"R","NULL"))))</f>
        <v>N</v>
      </c>
      <c r="CY6" s="2" t="str">
        <f>IF(AND('Cambios Auto'!CY6&gt;0,'Indices Auto'!CZ6&gt;100),"V",IF(AND('Cambios Auto'!CY6&gt;0,'Indices Auto'!CZ6&lt;100),"A",IF(AND('Cambios Auto'!CY6&lt;0,'Indices Auto'!CZ6&gt;100),"N",IF(AND('Cambios Auto'!CY6&lt;0,'Indices Auto'!CZ6&lt;100),"R","NULL"))))</f>
        <v>N</v>
      </c>
      <c r="CZ6" s="2" t="str">
        <f>IF(AND('Cambios Auto'!CZ6&gt;0,'Indices Auto'!DA6&gt;100),"V",IF(AND('Cambios Auto'!CZ6&gt;0,'Indices Auto'!DA6&lt;100),"A",IF(AND('Cambios Auto'!CZ6&lt;0,'Indices Auto'!DA6&gt;100),"N",IF(AND('Cambios Auto'!CZ6&lt;0,'Indices Auto'!DA6&lt;100),"R","NULL"))))</f>
        <v>N</v>
      </c>
      <c r="DA6" s="2" t="str">
        <f>IF(AND('Cambios Auto'!DA6&gt;0,'Indices Auto'!DB6&gt;100),"V",IF(AND('Cambios Auto'!DA6&gt;0,'Indices Auto'!DB6&lt;100),"A",IF(AND('Cambios Auto'!DA6&lt;0,'Indices Auto'!DB6&gt;100),"N",IF(AND('Cambios Auto'!DA6&lt;0,'Indices Auto'!DB6&lt;100),"R","NULL"))))</f>
        <v>N</v>
      </c>
      <c r="DB6" s="2" t="str">
        <f>IF(AND('Cambios Auto'!DB6&gt;0,'Indices Auto'!DC6&gt;100),"V",IF(AND('Cambios Auto'!DB6&gt;0,'Indices Auto'!DC6&lt;100),"A",IF(AND('Cambios Auto'!DB6&lt;0,'Indices Auto'!DC6&gt;100),"N",IF(AND('Cambios Auto'!DB6&lt;0,'Indices Auto'!DC6&lt;100),"R","NULL"))))</f>
        <v>R</v>
      </c>
      <c r="DC6" s="2" t="str">
        <f>IF(AND('Cambios Auto'!DC6&gt;0,'Indices Auto'!DD6&gt;100),"V",IF(AND('Cambios Auto'!DC6&gt;0,'Indices Auto'!DD6&lt;100),"A",IF(AND('Cambios Auto'!DC6&lt;0,'Indices Auto'!DD6&gt;100),"N",IF(AND('Cambios Auto'!DC6&lt;0,'Indices Auto'!DD6&lt;100),"R","NULL"))))</f>
        <v>R</v>
      </c>
      <c r="DD6" s="2" t="str">
        <f>IF(AND('Cambios Auto'!DD6&gt;0,'Indices Auto'!DE6&gt;100),"V",IF(AND('Cambios Auto'!DD6&gt;0,'Indices Auto'!DE6&lt;100),"A",IF(AND('Cambios Auto'!DD6&lt;0,'Indices Auto'!DE6&gt;100),"N",IF(AND('Cambios Auto'!DD6&lt;0,'Indices Auto'!DE6&lt;100),"R","NULL"))))</f>
        <v>R</v>
      </c>
      <c r="DE6" s="2" t="str">
        <f>IF(AND('Cambios Auto'!DE6&gt;0,'Indices Auto'!DF6&gt;100),"V",IF(AND('Cambios Auto'!DE6&gt;0,'Indices Auto'!DF6&lt;100),"A",IF(AND('Cambios Auto'!DE6&lt;0,'Indices Auto'!DF6&gt;100),"N",IF(AND('Cambios Auto'!DE6&lt;0,'Indices Auto'!DF6&lt;100),"R","NULL"))))</f>
        <v>R</v>
      </c>
      <c r="DF6" s="2" t="str">
        <f>IF(AND('Cambios Auto'!DF6&gt;0,'Indices Auto'!DG6&gt;100),"V",IF(AND('Cambios Auto'!DF6&gt;0,'Indices Auto'!DG6&lt;100),"A",IF(AND('Cambios Auto'!DF6&lt;0,'Indices Auto'!DG6&gt;100),"N",IF(AND('Cambios Auto'!DF6&lt;0,'Indices Auto'!DG6&lt;100),"R","NULL"))))</f>
        <v>R</v>
      </c>
      <c r="DG6" s="2" t="str">
        <f>IF(AND('Cambios Auto'!DG6&gt;0,'Indices Auto'!DH6&gt;100),"V",IF(AND('Cambios Auto'!DG6&gt;0,'Indices Auto'!DH6&lt;100),"A",IF(AND('Cambios Auto'!DG6&lt;0,'Indices Auto'!DH6&gt;100),"N",IF(AND('Cambios Auto'!DG6&lt;0,'Indices Auto'!DH6&lt;100),"R","NULL"))))</f>
        <v>R</v>
      </c>
      <c r="DH6" s="2" t="str">
        <f>IF(AND('Cambios Auto'!DH6&gt;0,'Indices Auto'!DI6&gt;100),"V",IF(AND('Cambios Auto'!DH6&gt;0,'Indices Auto'!DI6&lt;100),"A",IF(AND('Cambios Auto'!DH6&lt;0,'Indices Auto'!DI6&gt;100),"N",IF(AND('Cambios Auto'!DH6&lt;0,'Indices Auto'!DI6&lt;100),"R","NULL"))))</f>
        <v>R</v>
      </c>
      <c r="DI6" s="2" t="str">
        <f>IF(AND('Cambios Auto'!DI6&gt;0,'Indices Auto'!DJ6&gt;100),"V",IF(AND('Cambios Auto'!DI6&gt;0,'Indices Auto'!DJ6&lt;100),"A",IF(AND('Cambios Auto'!DI6&lt;0,'Indices Auto'!DJ6&gt;100),"N",IF(AND('Cambios Auto'!DI6&lt;0,'Indices Auto'!DJ6&lt;100),"R","NULL"))))</f>
        <v>R</v>
      </c>
      <c r="DJ6" s="2" t="str">
        <f>IF(AND('Cambios Auto'!DJ6&gt;0,'Indices Auto'!DK6&gt;100),"V",IF(AND('Cambios Auto'!DJ6&gt;0,'Indices Auto'!DK6&lt;100),"A",IF(AND('Cambios Auto'!DJ6&lt;0,'Indices Auto'!DK6&gt;100),"N",IF(AND('Cambios Auto'!DJ6&lt;0,'Indices Auto'!DK6&lt;100),"R","NULL"))))</f>
        <v>R</v>
      </c>
      <c r="DK6" s="2" t="str">
        <f>IF(AND('Cambios Auto'!DK6&gt;0,'Indices Auto'!DL6&gt;100),"V",IF(AND('Cambios Auto'!DK6&gt;0,'Indices Auto'!DL6&lt;100),"A",IF(AND('Cambios Auto'!DK6&lt;0,'Indices Auto'!DL6&gt;100),"N",IF(AND('Cambios Auto'!DK6&lt;0,'Indices Auto'!DL6&lt;100),"R","NULL"))))</f>
        <v>R</v>
      </c>
      <c r="DL6" s="2" t="str">
        <f>IF(AND('Cambios Auto'!DL6&gt;0,'Indices Auto'!DM6&gt;100),"V",IF(AND('Cambios Auto'!DL6&gt;0,'Indices Auto'!DM6&lt;100),"A",IF(AND('Cambios Auto'!DL6&lt;0,'Indices Auto'!DM6&gt;100),"N",IF(AND('Cambios Auto'!DL6&lt;0,'Indices Auto'!DM6&lt;100),"R","NULL"))))</f>
        <v>A</v>
      </c>
      <c r="DM6" s="2" t="str">
        <f>IF(AND('Cambios Auto'!DM6&gt;0,'Indices Auto'!DN6&gt;100),"V",IF(AND('Cambios Auto'!DM6&gt;0,'Indices Auto'!DN6&lt;100),"A",IF(AND('Cambios Auto'!DM6&lt;0,'Indices Auto'!DN6&gt;100),"N",IF(AND('Cambios Auto'!DM6&lt;0,'Indices Auto'!DN6&lt;100),"R","NULL"))))</f>
        <v>A</v>
      </c>
      <c r="DN6" s="2" t="str">
        <f>IF(AND('Cambios Auto'!DN6&gt;0,'Indices Auto'!DO6&gt;100),"V",IF(AND('Cambios Auto'!DN6&gt;0,'Indices Auto'!DO6&lt;100),"A",IF(AND('Cambios Auto'!DN6&lt;0,'Indices Auto'!DO6&gt;100),"N",IF(AND('Cambios Auto'!DN6&lt;0,'Indices Auto'!DO6&lt;100),"R","NULL"))))</f>
        <v>A</v>
      </c>
      <c r="DO6" s="2" t="str">
        <f>IF(AND('Cambios Auto'!DO6&gt;0,'Indices Auto'!DP6&gt;100),"V",IF(AND('Cambios Auto'!DO6&gt;0,'Indices Auto'!DP6&lt;100),"A",IF(AND('Cambios Auto'!DO6&lt;0,'Indices Auto'!DP6&gt;100),"N",IF(AND('Cambios Auto'!DO6&lt;0,'Indices Auto'!DP6&lt;100),"R","NULL"))))</f>
        <v>A</v>
      </c>
      <c r="DP6" s="2" t="str">
        <f>IF(AND('Cambios Auto'!DP6&gt;0,'Indices Auto'!DQ6&gt;100),"V",IF(AND('Cambios Auto'!DP6&gt;0,'Indices Auto'!DQ6&lt;100),"A",IF(AND('Cambios Auto'!DP6&lt;0,'Indices Auto'!DQ6&gt;100),"N",IF(AND('Cambios Auto'!DP6&lt;0,'Indices Auto'!DQ6&lt;100),"R","NULL"))))</f>
        <v>A</v>
      </c>
      <c r="DQ6" s="2" t="str">
        <f>IF(AND('Cambios Auto'!DQ6&gt;0,'Indices Auto'!DR6&gt;100),"V",IF(AND('Cambios Auto'!DQ6&gt;0,'Indices Auto'!DR6&lt;100),"A",IF(AND('Cambios Auto'!DQ6&lt;0,'Indices Auto'!DR6&gt;100),"N",IF(AND('Cambios Auto'!DQ6&lt;0,'Indices Auto'!DR6&lt;100),"R","NULL"))))</f>
        <v>A</v>
      </c>
      <c r="DR6" s="2" t="str">
        <f>IF(AND('Cambios Auto'!DR6&gt;0,'Indices Auto'!DS6&gt;100),"V",IF(AND('Cambios Auto'!DR6&gt;0,'Indices Auto'!DS6&lt;100),"A",IF(AND('Cambios Auto'!DR6&lt;0,'Indices Auto'!DS6&gt;100),"N",IF(AND('Cambios Auto'!DR6&lt;0,'Indices Auto'!DS6&lt;100),"R","NULL"))))</f>
        <v>A</v>
      </c>
      <c r="DS6" s="2" t="str">
        <f>IF(AND('Cambios Auto'!DS6&gt;0,'Indices Auto'!DT6&gt;100),"V",IF(AND('Cambios Auto'!DS6&gt;0,'Indices Auto'!DT6&lt;100),"A",IF(AND('Cambios Auto'!DS6&lt;0,'Indices Auto'!DT6&gt;100),"N",IF(AND('Cambios Auto'!DS6&lt;0,'Indices Auto'!DT6&lt;100),"R","NULL"))))</f>
        <v>A</v>
      </c>
      <c r="DT6" s="2" t="str">
        <f>IF(AND('Cambios Auto'!DT6&gt;0,'Indices Auto'!DU6&gt;100),"V",IF(AND('Cambios Auto'!DT6&gt;0,'Indices Auto'!DU6&lt;100),"A",IF(AND('Cambios Auto'!DT6&lt;0,'Indices Auto'!DU6&gt;100),"N",IF(AND('Cambios Auto'!DT6&lt;0,'Indices Auto'!DU6&lt;100),"R","NULL"))))</f>
        <v>A</v>
      </c>
      <c r="DU6" s="2" t="str">
        <f>IF(AND('Cambios Auto'!DU6&gt;0,'Indices Auto'!DV6&gt;100),"V",IF(AND('Cambios Auto'!DU6&gt;0,'Indices Auto'!DV6&lt;100),"A",IF(AND('Cambios Auto'!DU6&lt;0,'Indices Auto'!DV6&gt;100),"N",IF(AND('Cambios Auto'!DU6&lt;0,'Indices Auto'!DV6&lt;100),"R","NULL"))))</f>
        <v>A</v>
      </c>
      <c r="DV6" s="2" t="str">
        <f>IF(AND('Cambios Auto'!DV6&gt;0,'Indices Auto'!DW6&gt;100),"V",IF(AND('Cambios Auto'!DV6&gt;0,'Indices Auto'!DW6&lt;100),"A",IF(AND('Cambios Auto'!DV6&lt;0,'Indices Auto'!DW6&gt;100),"N",IF(AND('Cambios Auto'!DV6&lt;0,'Indices Auto'!DW6&lt;100),"R","NULL"))))</f>
        <v>A</v>
      </c>
      <c r="DW6" s="2" t="str">
        <f>IF(AND('Cambios Auto'!DW6&gt;0,'Indices Auto'!DX6&gt;100),"V",IF(AND('Cambios Auto'!DW6&gt;0,'Indices Auto'!DX6&lt;100),"A",IF(AND('Cambios Auto'!DW6&lt;0,'Indices Auto'!DX6&gt;100),"N",IF(AND('Cambios Auto'!DW6&lt;0,'Indices Auto'!DX6&lt;100),"R","NULL"))))</f>
        <v>A</v>
      </c>
      <c r="DX6" s="2" t="str">
        <f>IF(AND('Cambios Auto'!DX6&gt;0,'Indices Auto'!DY6&gt;100),"V",IF(AND('Cambios Auto'!DX6&gt;0,'Indices Auto'!DY6&lt;100),"A",IF(AND('Cambios Auto'!DX6&lt;0,'Indices Auto'!DY6&gt;100),"N",IF(AND('Cambios Auto'!DX6&lt;0,'Indices Auto'!DY6&lt;100),"R","NULL"))))</f>
        <v>A</v>
      </c>
      <c r="DY6" s="2" t="str">
        <f>IF(AND('Cambios Auto'!DY6&gt;0,'Indices Auto'!DZ6&gt;100),"V",IF(AND('Cambios Auto'!DY6&gt;0,'Indices Auto'!DZ6&lt;100),"A",IF(AND('Cambios Auto'!DY6&lt;0,'Indices Auto'!DZ6&gt;100),"N",IF(AND('Cambios Auto'!DY6&lt;0,'Indices Auto'!DZ6&lt;100),"R","NULL"))))</f>
        <v>A</v>
      </c>
      <c r="DZ6" s="2" t="str">
        <f>IF(AND('Cambios Auto'!DZ6&gt;0,'Indices Auto'!EA6&gt;100),"V",IF(AND('Cambios Auto'!DZ6&gt;0,'Indices Auto'!EA6&lt;100),"A",IF(AND('Cambios Auto'!DZ6&lt;0,'Indices Auto'!EA6&gt;100),"N",IF(AND('Cambios Auto'!DZ6&lt;0,'Indices Auto'!EA6&lt;100),"R","NULL"))))</f>
        <v>A</v>
      </c>
      <c r="EA6" s="2" t="str">
        <f>IF(AND('Cambios Auto'!EA6&gt;0,'Indices Auto'!EB6&gt;100),"V",IF(AND('Cambios Auto'!EA6&gt;0,'Indices Auto'!EB6&lt;100),"A",IF(AND('Cambios Auto'!EA6&lt;0,'Indices Auto'!EB6&gt;100),"N",IF(AND('Cambios Auto'!EA6&lt;0,'Indices Auto'!EB6&lt;100),"R","NULL"))))</f>
        <v>A</v>
      </c>
      <c r="EB6" s="2" t="str">
        <f>IF(AND('Cambios Auto'!EB6&gt;0,'Indices Auto'!EC6&gt;100),"V",IF(AND('Cambios Auto'!EB6&gt;0,'Indices Auto'!EC6&lt;100),"A",IF(AND('Cambios Auto'!EB6&lt;0,'Indices Auto'!EC6&gt;100),"N",IF(AND('Cambios Auto'!EB6&lt;0,'Indices Auto'!EC6&lt;100),"R","NULL"))))</f>
        <v>A</v>
      </c>
      <c r="EC6" s="2" t="str">
        <f>IF(AND('Cambios Auto'!EC6&gt;0,'Indices Auto'!ED6&gt;100),"V",IF(AND('Cambios Auto'!EC6&gt;0,'Indices Auto'!ED6&lt;100),"A",IF(AND('Cambios Auto'!EC6&lt;0,'Indices Auto'!ED6&gt;100),"N",IF(AND('Cambios Auto'!EC6&lt;0,'Indices Auto'!ED6&lt;100),"R","NULL"))))</f>
        <v>A</v>
      </c>
      <c r="ED6" s="2" t="str">
        <f>IF(AND('Cambios Auto'!ED6&gt;0,'Indices Auto'!EE6&gt;100),"V",IF(AND('Cambios Auto'!ED6&gt;0,'Indices Auto'!EE6&lt;100),"A",IF(AND('Cambios Auto'!ED6&lt;0,'Indices Auto'!EE6&gt;100),"N",IF(AND('Cambios Auto'!ED6&lt;0,'Indices Auto'!EE6&lt;100),"R","NULL"))))</f>
        <v>A</v>
      </c>
      <c r="EE6" s="2" t="str">
        <f>IF(AND('Cambios Auto'!EE6&gt;0,'Indices Auto'!EF6&gt;100),"V",IF(AND('Cambios Auto'!EE6&gt;0,'Indices Auto'!EF6&lt;100),"A",IF(AND('Cambios Auto'!EE6&lt;0,'Indices Auto'!EF6&gt;100),"N",IF(AND('Cambios Auto'!EE6&lt;0,'Indices Auto'!EF6&lt;100),"R","NULL"))))</f>
        <v>A</v>
      </c>
      <c r="EF6" s="2" t="str">
        <f>IF(AND('Cambios Auto'!EF6&gt;0,'Indices Auto'!EG6&gt;100),"V",IF(AND('Cambios Auto'!EF6&gt;0,'Indices Auto'!EG6&lt;100),"A",IF(AND('Cambios Auto'!EF6&lt;0,'Indices Auto'!EG6&gt;100),"N",IF(AND('Cambios Auto'!EF6&lt;0,'Indices Auto'!EG6&lt;100),"R","NULL"))))</f>
        <v>A</v>
      </c>
      <c r="EG6" s="2" t="str">
        <f>IF(AND('Cambios Auto'!EG6&gt;0,'Indices Auto'!EH6&gt;100),"V",IF(AND('Cambios Auto'!EG6&gt;0,'Indices Auto'!EH6&lt;100),"A",IF(AND('Cambios Auto'!EG6&lt;0,'Indices Auto'!EH6&gt;100),"N",IF(AND('Cambios Auto'!EG6&lt;0,'Indices Auto'!EH6&lt;100),"R","NULL"))))</f>
        <v>V</v>
      </c>
      <c r="EH6" s="2" t="str">
        <f>IF(AND('Cambios Auto'!EH6&gt;0,'Indices Auto'!EI6&gt;100),"V",IF(AND('Cambios Auto'!EH6&gt;0,'Indices Auto'!EI6&lt;100),"A",IF(AND('Cambios Auto'!EH6&lt;0,'Indices Auto'!EI6&gt;100),"N",IF(AND('Cambios Auto'!EH6&lt;0,'Indices Auto'!EI6&lt;100),"R","NULL"))))</f>
        <v>V</v>
      </c>
      <c r="EI6" s="2" t="str">
        <f>IF(AND('Cambios Auto'!EI6&gt;0,'Indices Auto'!EJ6&gt;100),"V",IF(AND('Cambios Auto'!EI6&gt;0,'Indices Auto'!EJ6&lt;100),"A",IF(AND('Cambios Auto'!EI6&lt;0,'Indices Auto'!EJ6&gt;100),"N",IF(AND('Cambios Auto'!EI6&lt;0,'Indices Auto'!EJ6&lt;100),"R","NULL"))))</f>
        <v>V</v>
      </c>
      <c r="EJ6" s="2" t="str">
        <f>IF(AND('Cambios Auto'!EJ6&gt;0,'Indices Auto'!EK6&gt;100),"V",IF(AND('Cambios Auto'!EJ6&gt;0,'Indices Auto'!EK6&lt;100),"A",IF(AND('Cambios Auto'!EJ6&lt;0,'Indices Auto'!EK6&gt;100),"N",IF(AND('Cambios Auto'!EJ6&lt;0,'Indices Auto'!EK6&lt;100),"R","NULL"))))</f>
        <v>V</v>
      </c>
      <c r="EK6" s="2" t="str">
        <f>IF(AND('Cambios Auto'!EK6&gt;0,'Indices Auto'!EL6&gt;100),"V",IF(AND('Cambios Auto'!EK6&gt;0,'Indices Auto'!EL6&lt;100),"A",IF(AND('Cambios Auto'!EK6&lt;0,'Indices Auto'!EL6&gt;100),"N",IF(AND('Cambios Auto'!EK6&lt;0,'Indices Auto'!EL6&lt;100),"R","NULL"))))</f>
        <v>V</v>
      </c>
      <c r="EL6" s="2" t="str">
        <f>IF(AND('Cambios Auto'!EL6&gt;0,'Indices Auto'!EM6&gt;100),"V",IF(AND('Cambios Auto'!EL6&gt;0,'Indices Auto'!EM6&lt;100),"A",IF(AND('Cambios Auto'!EL6&lt;0,'Indices Auto'!EM6&gt;100),"N",IF(AND('Cambios Auto'!EL6&lt;0,'Indices Auto'!EM6&lt;100),"R","NULL"))))</f>
        <v>V</v>
      </c>
      <c r="EM6" s="2" t="str">
        <f>IF(AND('Cambios Auto'!EM6&gt;0,'Indices Auto'!EN6&gt;100),"V",IF(AND('Cambios Auto'!EM6&gt;0,'Indices Auto'!EN6&lt;100),"A",IF(AND('Cambios Auto'!EM6&lt;0,'Indices Auto'!EN6&gt;100),"N",IF(AND('Cambios Auto'!EM6&lt;0,'Indices Auto'!EN6&lt;100),"R","NULL"))))</f>
        <v>V</v>
      </c>
      <c r="EN6" s="2" t="str">
        <f>IF(AND('Cambios Auto'!EN6&gt;0,'Indices Auto'!EO6&gt;100),"V",IF(AND('Cambios Auto'!EN6&gt;0,'Indices Auto'!EO6&lt;100),"A",IF(AND('Cambios Auto'!EN6&lt;0,'Indices Auto'!EO6&gt;100),"N",IF(AND('Cambios Auto'!EN6&lt;0,'Indices Auto'!EO6&lt;100),"R","NULL"))))</f>
        <v>V</v>
      </c>
      <c r="EO6" s="2" t="str">
        <f>IF(AND('Cambios Auto'!EO6&gt;0,'Indices Auto'!EP6&gt;100),"V",IF(AND('Cambios Auto'!EO6&gt;0,'Indices Auto'!EP6&lt;100),"A",IF(AND('Cambios Auto'!EO6&lt;0,'Indices Auto'!EP6&gt;100),"N",IF(AND('Cambios Auto'!EO6&lt;0,'Indices Auto'!EP6&lt;100),"R","NULL"))))</f>
        <v>V</v>
      </c>
      <c r="EP6" s="2" t="str">
        <f>IF(AND('Cambios Auto'!EP6&gt;0,'Indices Auto'!EQ6&gt;100),"V",IF(AND('Cambios Auto'!EP6&gt;0,'Indices Auto'!EQ6&lt;100),"A",IF(AND('Cambios Auto'!EP6&lt;0,'Indices Auto'!EQ6&gt;100),"N",IF(AND('Cambios Auto'!EP6&lt;0,'Indices Auto'!EQ6&lt;100),"R","NULL"))))</f>
        <v>V</v>
      </c>
      <c r="EQ6" s="2" t="str">
        <f>IF(AND('Cambios Auto'!EQ6&gt;0,'Indices Auto'!ER6&gt;100),"V",IF(AND('Cambios Auto'!EQ6&gt;0,'Indices Auto'!ER6&lt;100),"A",IF(AND('Cambios Auto'!EQ6&lt;0,'Indices Auto'!ER6&gt;100),"N",IF(AND('Cambios Auto'!EQ6&lt;0,'Indices Auto'!ER6&lt;100),"R","NULL"))))</f>
        <v>V</v>
      </c>
      <c r="ER6" s="2" t="str">
        <f>IF(AND('Cambios Auto'!ER6&gt;0,'Indices Auto'!ES6&gt;100),"V",IF(AND('Cambios Auto'!ER6&gt;0,'Indices Auto'!ES6&lt;100),"A",IF(AND('Cambios Auto'!ER6&lt;0,'Indices Auto'!ES6&gt;100),"N",IF(AND('Cambios Auto'!ER6&lt;0,'Indices Auto'!ES6&lt;100),"R","NULL"))))</f>
        <v>V</v>
      </c>
      <c r="ES6" s="2" t="str">
        <f>IF(AND('Cambios Auto'!ES6&gt;0,'Indices Auto'!ET6&gt;100),"V",IF(AND('Cambios Auto'!ES6&gt;0,'Indices Auto'!ET6&lt;100),"A",IF(AND('Cambios Auto'!ES6&lt;0,'Indices Auto'!ET6&gt;100),"N",IF(AND('Cambios Auto'!ES6&lt;0,'Indices Auto'!ET6&lt;100),"R","NULL"))))</f>
        <v>V</v>
      </c>
      <c r="ET6" s="2" t="str">
        <f>IF(AND('Cambios Auto'!ET6&gt;0,'Indices Auto'!EU6&gt;100),"V",IF(AND('Cambios Auto'!ET6&gt;0,'Indices Auto'!EU6&lt;100),"A",IF(AND('Cambios Auto'!ET6&lt;0,'Indices Auto'!EU6&gt;100),"N",IF(AND('Cambios Auto'!ET6&lt;0,'Indices Auto'!EU6&lt;100),"R","NULL"))))</f>
        <v>V</v>
      </c>
      <c r="EU6" s="2" t="str">
        <f>IF(AND('Cambios Auto'!EU6&gt;0,'Indices Auto'!EV6&gt;100),"V",IF(AND('Cambios Auto'!EU6&gt;0,'Indices Auto'!EV6&lt;100),"A",IF(AND('Cambios Auto'!EU6&lt;0,'Indices Auto'!EV6&gt;100),"N",IF(AND('Cambios Auto'!EU6&lt;0,'Indices Auto'!EV6&lt;100),"R","NULL"))))</f>
        <v>N</v>
      </c>
      <c r="EV6" s="2" t="str">
        <f>IF(AND('Cambios Auto'!EV6&gt;0,'Indices Auto'!EW6&gt;100),"V",IF(AND('Cambios Auto'!EV6&gt;0,'Indices Auto'!EW6&lt;100),"A",IF(AND('Cambios Auto'!EV6&lt;0,'Indices Auto'!EW6&gt;100),"N",IF(AND('Cambios Auto'!EV6&lt;0,'Indices Auto'!EW6&lt;100),"R","NULL"))))</f>
        <v>N</v>
      </c>
      <c r="EW6" s="2" t="str">
        <f>IF(AND('Cambios Auto'!EW6&gt;0,'Indices Auto'!EX6&gt;100),"V",IF(AND('Cambios Auto'!EW6&gt;0,'Indices Auto'!EX6&lt;100),"A",IF(AND('Cambios Auto'!EW6&lt;0,'Indices Auto'!EX6&gt;100),"N",IF(AND('Cambios Auto'!EW6&lt;0,'Indices Auto'!EX6&lt;100),"R","NULL"))))</f>
        <v>N</v>
      </c>
      <c r="EX6" s="2" t="str">
        <f>IF(AND('Cambios Auto'!EX6&gt;0,'Indices Auto'!EY6&gt;100),"V",IF(AND('Cambios Auto'!EX6&gt;0,'Indices Auto'!EY6&lt;100),"A",IF(AND('Cambios Auto'!EX6&lt;0,'Indices Auto'!EY6&gt;100),"N",IF(AND('Cambios Auto'!EX6&lt;0,'Indices Auto'!EY6&lt;100),"R","NULL"))))</f>
        <v>N</v>
      </c>
      <c r="EY6" s="2" t="str">
        <f>IF(AND('Cambios Auto'!EY6&gt;0,'Indices Auto'!EZ6&gt;100),"V",IF(AND('Cambios Auto'!EY6&gt;0,'Indices Auto'!EZ6&lt;100),"A",IF(AND('Cambios Auto'!EY6&lt;0,'Indices Auto'!EZ6&gt;100),"N",IF(AND('Cambios Auto'!EY6&lt;0,'Indices Auto'!EZ6&lt;100),"R","NULL"))))</f>
        <v>N</v>
      </c>
      <c r="EZ6" s="2" t="str">
        <f>IF(AND('Cambios Auto'!EZ6&gt;0,'Indices Auto'!FA6&gt;100),"V",IF(AND('Cambios Auto'!EZ6&gt;0,'Indices Auto'!FA6&lt;100),"A",IF(AND('Cambios Auto'!EZ6&lt;0,'Indices Auto'!FA6&gt;100),"N",IF(AND('Cambios Auto'!EZ6&lt;0,'Indices Auto'!FA6&lt;100),"R","NULL"))))</f>
        <v>N</v>
      </c>
      <c r="FA6" s="2" t="str">
        <f>IF(AND('Cambios Auto'!FA6&gt;0,'Indices Auto'!FB6&gt;100),"V",IF(AND('Cambios Auto'!FA6&gt;0,'Indices Auto'!FB6&lt;100),"A",IF(AND('Cambios Auto'!FA6&lt;0,'Indices Auto'!FB6&gt;100),"N",IF(AND('Cambios Auto'!FA6&lt;0,'Indices Auto'!FB6&lt;100),"R","NULL"))))</f>
        <v>N</v>
      </c>
      <c r="FB6" s="2" t="str">
        <f>IF(AND('Cambios Auto'!FB6&gt;0,'Indices Auto'!FC6&gt;100),"V",IF(AND('Cambios Auto'!FB6&gt;0,'Indices Auto'!FC6&lt;100),"A",IF(AND('Cambios Auto'!FB6&lt;0,'Indices Auto'!FC6&gt;100),"N",IF(AND('Cambios Auto'!FB6&lt;0,'Indices Auto'!FC6&lt;100),"R","NULL"))))</f>
        <v>N</v>
      </c>
      <c r="FC6" s="2" t="str">
        <f>IF(AND('Cambios Auto'!FC6&gt;0,'Indices Auto'!FD6&gt;100),"V",IF(AND('Cambios Auto'!FC6&gt;0,'Indices Auto'!FD6&lt;100),"A",IF(AND('Cambios Auto'!FC6&lt;0,'Indices Auto'!FD6&gt;100),"N",IF(AND('Cambios Auto'!FC6&lt;0,'Indices Auto'!FD6&lt;100),"R","NULL"))))</f>
        <v>R</v>
      </c>
      <c r="FD6" s="2" t="str">
        <f>IF(AND('Cambios Auto'!FD6&gt;0,'Indices Auto'!FE6&gt;100),"V",IF(AND('Cambios Auto'!FD6&gt;0,'Indices Auto'!FE6&lt;100),"A",IF(AND('Cambios Auto'!FD6&lt;0,'Indices Auto'!FE6&gt;100),"N",IF(AND('Cambios Auto'!FD6&lt;0,'Indices Auto'!FE6&lt;100),"R","NULL"))))</f>
        <v>R</v>
      </c>
      <c r="FE6" s="2" t="str">
        <f>IF(AND('Cambios Auto'!FE6&gt;0,'Indices Auto'!FF6&gt;100),"V",IF(AND('Cambios Auto'!FE6&gt;0,'Indices Auto'!FF6&lt;100),"A",IF(AND('Cambios Auto'!FE6&lt;0,'Indices Auto'!FF6&gt;100),"N",IF(AND('Cambios Auto'!FE6&lt;0,'Indices Auto'!FF6&lt;100),"R","NULL"))))</f>
        <v>R</v>
      </c>
      <c r="FF6" s="2" t="str">
        <f>IF(AND('Cambios Auto'!FF6&gt;0,'Indices Auto'!FG6&gt;100),"V",IF(AND('Cambios Auto'!FF6&gt;0,'Indices Auto'!FG6&lt;100),"A",IF(AND('Cambios Auto'!FF6&lt;0,'Indices Auto'!FG6&gt;100),"N",IF(AND('Cambios Auto'!FF6&lt;0,'Indices Auto'!FG6&lt;100),"R","NULL"))))</f>
        <v>R</v>
      </c>
      <c r="FG6" s="2" t="str">
        <f>IF(AND('Cambios Auto'!FG6&gt;0,'Indices Auto'!FH6&gt;100),"V",IF(AND('Cambios Auto'!FG6&gt;0,'Indices Auto'!FH6&lt;100),"A",IF(AND('Cambios Auto'!FG6&lt;0,'Indices Auto'!FH6&gt;100),"N",IF(AND('Cambios Auto'!FG6&lt;0,'Indices Auto'!FH6&lt;100),"R","NULL"))))</f>
        <v>R</v>
      </c>
      <c r="FH6" s="2" t="str">
        <f>IF(AND('Cambios Auto'!FH6&gt;0,'Indices Auto'!FI6&gt;100),"V",IF(AND('Cambios Auto'!FH6&gt;0,'Indices Auto'!FI6&lt;100),"A",IF(AND('Cambios Auto'!FH6&lt;0,'Indices Auto'!FI6&gt;100),"N",IF(AND('Cambios Auto'!FH6&lt;0,'Indices Auto'!FI6&lt;100),"R","NULL"))))</f>
        <v>R</v>
      </c>
      <c r="FI6" s="2" t="str">
        <f>IF(AND('Cambios Auto'!FI6&gt;0,'Indices Auto'!FJ6&gt;100),"V",IF(AND('Cambios Auto'!FI6&gt;0,'Indices Auto'!FJ6&lt;100),"A",IF(AND('Cambios Auto'!FI6&lt;0,'Indices Auto'!FJ6&gt;100),"N",IF(AND('Cambios Auto'!FI6&lt;0,'Indices Auto'!FJ6&lt;100),"R","NULL"))))</f>
        <v>R</v>
      </c>
      <c r="FJ6" s="2" t="str">
        <f>IF(AND('Cambios Auto'!FJ6&gt;0,'Indices Auto'!FK6&gt;100),"V",IF(AND('Cambios Auto'!FJ6&gt;0,'Indices Auto'!FK6&lt;100),"A",IF(AND('Cambios Auto'!FJ6&lt;0,'Indices Auto'!FK6&gt;100),"N",IF(AND('Cambios Auto'!FJ6&lt;0,'Indices Auto'!FK6&lt;100),"R","NULL"))))</f>
        <v>A</v>
      </c>
      <c r="FK6" s="2" t="str">
        <f>IF(AND('Cambios Auto'!FK6&gt;0,'Indices Auto'!FL6&gt;100),"V",IF(AND('Cambios Auto'!FK6&gt;0,'Indices Auto'!FL6&lt;100),"A",IF(AND('Cambios Auto'!FK6&lt;0,'Indices Auto'!FL6&gt;100),"N",IF(AND('Cambios Auto'!FK6&lt;0,'Indices Auto'!FL6&lt;100),"R","NULL"))))</f>
        <v>A</v>
      </c>
      <c r="FL6" s="2" t="str">
        <f>IF(AND('Cambios Auto'!FL6&gt;0,'Indices Auto'!FM6&gt;100),"V",IF(AND('Cambios Auto'!FL6&gt;0,'Indices Auto'!FM6&lt;100),"A",IF(AND('Cambios Auto'!FL6&lt;0,'Indices Auto'!FM6&gt;100),"N",IF(AND('Cambios Auto'!FL6&lt;0,'Indices Auto'!FM6&lt;100),"R","NULL"))))</f>
        <v>A</v>
      </c>
      <c r="FM6" s="2" t="str">
        <f>IF(AND('Cambios Auto'!FM6&gt;0,'Indices Auto'!FN6&gt;100),"V",IF(AND('Cambios Auto'!FM6&gt;0,'Indices Auto'!FN6&lt;100),"A",IF(AND('Cambios Auto'!FM6&lt;0,'Indices Auto'!FN6&gt;100),"N",IF(AND('Cambios Auto'!FM6&lt;0,'Indices Auto'!FN6&lt;100),"R","NULL"))))</f>
        <v>A</v>
      </c>
      <c r="FN6" s="2" t="str">
        <f>IF(AND('Cambios Auto'!FN6&gt;0,'Indices Auto'!FO6&gt;100),"V",IF(AND('Cambios Auto'!FN6&gt;0,'Indices Auto'!FO6&lt;100),"A",IF(AND('Cambios Auto'!FN6&lt;0,'Indices Auto'!FO6&gt;100),"N",IF(AND('Cambios Auto'!FN6&lt;0,'Indices Auto'!FO6&lt;100),"R","NULL"))))</f>
        <v>V</v>
      </c>
      <c r="FO6" s="2" t="str">
        <f>IF(AND('Cambios Auto'!FO6&gt;0,'Indices Auto'!FP6&gt;100),"V",IF(AND('Cambios Auto'!FO6&gt;0,'Indices Auto'!FP6&lt;100),"A",IF(AND('Cambios Auto'!FO6&lt;0,'Indices Auto'!FP6&gt;100),"N",IF(AND('Cambios Auto'!FO6&lt;0,'Indices Auto'!FP6&lt;100),"R","NULL"))))</f>
        <v>V</v>
      </c>
      <c r="FP6" s="2" t="str">
        <f>IF(AND('Cambios Auto'!FP6&gt;0,'Indices Auto'!FQ6&gt;100),"V",IF(AND('Cambios Auto'!FP6&gt;0,'Indices Auto'!FQ6&lt;100),"A",IF(AND('Cambios Auto'!FP6&lt;0,'Indices Auto'!FQ6&gt;100),"N",IF(AND('Cambios Auto'!FP6&lt;0,'Indices Auto'!FQ6&lt;100),"R","NULL"))))</f>
        <v>V</v>
      </c>
      <c r="FQ6" s="2" t="str">
        <f>IF(AND('Cambios Auto'!FQ6&gt;0,'Indices Auto'!FR6&gt;100),"V",IF(AND('Cambios Auto'!FQ6&gt;0,'Indices Auto'!FR6&lt;100),"A",IF(AND('Cambios Auto'!FQ6&lt;0,'Indices Auto'!FR6&gt;100),"N",IF(AND('Cambios Auto'!FQ6&lt;0,'Indices Auto'!FR6&lt;100),"R","NULL"))))</f>
        <v>V</v>
      </c>
      <c r="FR6" s="2" t="str">
        <f>IF(AND('Cambios Auto'!FR6&gt;0,'Indices Auto'!FS6&gt;100),"V",IF(AND('Cambios Auto'!FR6&gt;0,'Indices Auto'!FS6&lt;100),"A",IF(AND('Cambios Auto'!FR6&lt;0,'Indices Auto'!FS6&gt;100),"N",IF(AND('Cambios Auto'!FR6&lt;0,'Indices Auto'!FS6&lt;100),"R","NULL"))))</f>
        <v>V</v>
      </c>
      <c r="FS6" s="2" t="str">
        <f>IF(AND('Cambios Auto'!FS6&gt;0,'Indices Auto'!FT6&gt;100),"V",IF(AND('Cambios Auto'!FS6&gt;0,'Indices Auto'!FT6&lt;100),"A",IF(AND('Cambios Auto'!FS6&lt;0,'Indices Auto'!FT6&gt;100),"N",IF(AND('Cambios Auto'!FS6&lt;0,'Indices Auto'!FT6&lt;100),"R","NULL"))))</f>
        <v>V</v>
      </c>
      <c r="FT6" s="2" t="str">
        <f>IF(AND('Cambios Auto'!FT6&gt;0,'Indices Auto'!FU6&gt;100),"V",IF(AND('Cambios Auto'!FT6&gt;0,'Indices Auto'!FU6&lt;100),"A",IF(AND('Cambios Auto'!FT6&lt;0,'Indices Auto'!FU6&gt;100),"N",IF(AND('Cambios Auto'!FT6&lt;0,'Indices Auto'!FU6&lt;100),"R","NULL"))))</f>
        <v>V</v>
      </c>
      <c r="FU6" s="2" t="str">
        <f>IF(AND('Cambios Auto'!FU6&gt;0,'Indices Auto'!FV6&gt;100),"V",IF(AND('Cambios Auto'!FU6&gt;0,'Indices Auto'!FV6&lt;100),"A",IF(AND('Cambios Auto'!FU6&lt;0,'Indices Auto'!FV6&gt;100),"N",IF(AND('Cambios Auto'!FU6&lt;0,'Indices Auto'!FV6&lt;100),"R","NULL"))))</f>
        <v>V</v>
      </c>
      <c r="FV6" s="2" t="str">
        <f>IF(AND('Cambios Auto'!FV6&gt;0,'Indices Auto'!FW6&gt;100),"V",IF(AND('Cambios Auto'!FV6&gt;0,'Indices Auto'!FW6&lt;100),"A",IF(AND('Cambios Auto'!FV6&lt;0,'Indices Auto'!FW6&gt;100),"N",IF(AND('Cambios Auto'!FV6&lt;0,'Indices Auto'!FW6&lt;100),"R","NULL"))))</f>
        <v>N</v>
      </c>
      <c r="FW6" s="2" t="str">
        <f>IF(AND('Cambios Auto'!FW6&gt;0,'Indices Auto'!FX6&gt;100),"V",IF(AND('Cambios Auto'!FW6&gt;0,'Indices Auto'!FX6&lt;100),"A",IF(AND('Cambios Auto'!FW6&lt;0,'Indices Auto'!FX6&gt;100),"N",IF(AND('Cambios Auto'!FW6&lt;0,'Indices Auto'!FX6&lt;100),"R","NULL"))))</f>
        <v>N</v>
      </c>
      <c r="FX6" s="2" t="str">
        <f>IF(AND('Cambios Auto'!FX6&gt;0,'Indices Auto'!FY6&gt;100),"V",IF(AND('Cambios Auto'!FX6&gt;0,'Indices Auto'!FY6&lt;100),"A",IF(AND('Cambios Auto'!FX6&lt;0,'Indices Auto'!FY6&gt;100),"N",IF(AND('Cambios Auto'!FX6&lt;0,'Indices Auto'!FY6&lt;100),"R","NULL"))))</f>
        <v>N</v>
      </c>
      <c r="FY6" s="2" t="str">
        <f>IF(AND('Cambios Auto'!FY6&gt;0,'Indices Auto'!FZ6&gt;100),"V",IF(AND('Cambios Auto'!FY6&gt;0,'Indices Auto'!FZ6&lt;100),"A",IF(AND('Cambios Auto'!FY6&lt;0,'Indices Auto'!FZ6&gt;100),"N",IF(AND('Cambios Auto'!FY6&lt;0,'Indices Auto'!FZ6&lt;100),"R","NULL"))))</f>
        <v>N</v>
      </c>
      <c r="FZ6" s="2" t="str">
        <f>IF(AND('Cambios Auto'!FZ6&gt;0,'Indices Auto'!GA6&gt;100),"V",IF(AND('Cambios Auto'!FZ6&gt;0,'Indices Auto'!GA6&lt;100),"A",IF(AND('Cambios Auto'!FZ6&lt;0,'Indices Auto'!GA6&gt;100),"N",IF(AND('Cambios Auto'!FZ6&lt;0,'Indices Auto'!GA6&lt;100),"R","NULL"))))</f>
        <v>N</v>
      </c>
      <c r="GA6" s="2" t="str">
        <f>IF(AND('Cambios Auto'!GA6&gt;0,'Indices Auto'!GB6&gt;100),"V",IF(AND('Cambios Auto'!GA6&gt;0,'Indices Auto'!GB6&lt;100),"A",IF(AND('Cambios Auto'!GA6&lt;0,'Indices Auto'!GB6&gt;100),"N",IF(AND('Cambios Auto'!GA6&lt;0,'Indices Auto'!GB6&lt;100),"R","NULL"))))</f>
        <v>N</v>
      </c>
      <c r="GB6" s="2" t="str">
        <f>IF(AND('Cambios Auto'!GB6&gt;0,'Indices Auto'!GC6&gt;100),"V",IF(AND('Cambios Auto'!GB6&gt;0,'Indices Auto'!GC6&lt;100),"A",IF(AND('Cambios Auto'!GB6&lt;0,'Indices Auto'!GC6&gt;100),"N",IF(AND('Cambios Auto'!GB6&lt;0,'Indices Auto'!GC6&lt;100),"R","NULL"))))</f>
        <v>N</v>
      </c>
      <c r="GC6" s="2" t="str">
        <f>IF(AND('Cambios Auto'!GC6&gt;0,'Indices Auto'!GD6&gt;100),"V",IF(AND('Cambios Auto'!GC6&gt;0,'Indices Auto'!GD6&lt;100),"A",IF(AND('Cambios Auto'!GC6&lt;0,'Indices Auto'!GD6&gt;100),"N",IF(AND('Cambios Auto'!GC6&lt;0,'Indices Auto'!GD6&lt;100),"R","NULL"))))</f>
        <v>N</v>
      </c>
      <c r="GD6" s="2" t="str">
        <f>IF(AND('Cambios Auto'!GD6&gt;0,'Indices Auto'!GE6&gt;100),"V",IF(AND('Cambios Auto'!GD6&gt;0,'Indices Auto'!GE6&lt;100),"A",IF(AND('Cambios Auto'!GD6&lt;0,'Indices Auto'!GE6&gt;100),"N",IF(AND('Cambios Auto'!GD6&lt;0,'Indices Auto'!GE6&lt;100),"R","NULL"))))</f>
        <v>N</v>
      </c>
      <c r="GE6" s="2" t="str">
        <f>IF(AND('Cambios Auto'!GE6&gt;0,'Indices Auto'!GF6&gt;100),"V",IF(AND('Cambios Auto'!GE6&gt;0,'Indices Auto'!GF6&lt;100),"A",IF(AND('Cambios Auto'!GE6&lt;0,'Indices Auto'!GF6&gt;100),"N",IF(AND('Cambios Auto'!GE6&lt;0,'Indices Auto'!GF6&lt;100),"R","NULL"))))</f>
        <v>N</v>
      </c>
      <c r="GF6" s="2" t="str">
        <f>IF(AND('Cambios Auto'!GF6&gt;0,'Indices Auto'!GG6&gt;100),"V",IF(AND('Cambios Auto'!GF6&gt;0,'Indices Auto'!GG6&lt;100),"A",IF(AND('Cambios Auto'!GF6&lt;0,'Indices Auto'!GG6&gt;100),"N",IF(AND('Cambios Auto'!GF6&lt;0,'Indices Auto'!GG6&lt;100),"R","NULL"))))</f>
        <v>N</v>
      </c>
      <c r="GG6" s="2" t="str">
        <f>IF(AND('Cambios Auto'!GG6&gt;0,'Indices Auto'!GH6&gt;100),"V",IF(AND('Cambios Auto'!GG6&gt;0,'Indices Auto'!GH6&lt;100),"A",IF(AND('Cambios Auto'!GG6&lt;0,'Indices Auto'!GH6&gt;100),"N",IF(AND('Cambios Auto'!GG6&lt;0,'Indices Auto'!GH6&lt;100),"R","NULL"))))</f>
        <v>N</v>
      </c>
      <c r="GH6" s="2" t="str">
        <f>IF(AND('Cambios Auto'!GH6&gt;0,'Indices Auto'!GR6&gt;100),"V",IF(AND('Cambios Auto'!GH6&gt;0,'Indices Auto'!GR6&lt;100),"A",IF(AND('Cambios Auto'!GH6&lt;0,'Indices Auto'!GR6&gt;100),"N",IF(AND('Cambios Auto'!GH6&lt;0,'Indices Auto'!GR6&lt;100),"R","NULL"))))</f>
        <v>N</v>
      </c>
      <c r="GI6" s="2" t="str">
        <f>IF(AND('Cambios Auto'!GI6&gt;0,'Indices Auto'!GS6&gt;100),"V",IF(AND('Cambios Auto'!GI6&gt;0,'Indices Auto'!GS6&lt;100),"A",IF(AND('Cambios Auto'!GI6&lt;0,'Indices Auto'!GS6&gt;100),"N",IF(AND('Cambios Auto'!GI6&lt;0,'Indices Auto'!GS6&lt;100),"R","NULL"))))</f>
        <v>N</v>
      </c>
      <c r="GJ6" s="2" t="str">
        <f>IF(AND('Cambios Auto'!GJ6&gt;0,'Indices Auto'!GT6&gt;100),"V",IF(AND('Cambios Auto'!GJ6&gt;0,'Indices Auto'!GT6&lt;100),"A",IF(AND('Cambios Auto'!GJ6&lt;0,'Indices Auto'!GT6&gt;100),"N",IF(AND('Cambios Auto'!GJ6&lt;0,'Indices Auto'!GT6&lt;100),"R","NULL"))))</f>
        <v>R</v>
      </c>
      <c r="GK6" s="2" t="str">
        <f>IF(AND('Cambios Auto'!GK6&gt;0,'Indices Auto'!GU6&gt;100),"V",IF(AND('Cambios Auto'!GK6&gt;0,'Indices Auto'!GU6&lt;100),"A",IF(AND('Cambios Auto'!GK6&lt;0,'Indices Auto'!GU6&gt;100),"N",IF(AND('Cambios Auto'!GK6&lt;0,'Indices Auto'!GU6&lt;100),"R","NULL"))))</f>
        <v>R</v>
      </c>
      <c r="GL6" s="2" t="str">
        <f>IF(AND('Cambios Auto'!GL6&gt;0,'Indices Auto'!GV6&gt;100),"V",IF(AND('Cambios Auto'!GL6&gt;0,'Indices Auto'!GV6&lt;100),"A",IF(AND('Cambios Auto'!GL6&lt;0,'Indices Auto'!GV6&gt;100),"N",IF(AND('Cambios Auto'!GL6&lt;0,'Indices Auto'!GV6&lt;100),"R","NULL"))))</f>
        <v>R</v>
      </c>
      <c r="GM6" s="2" t="str">
        <f>IF(AND('Cambios Auto'!GM6&gt;0,'Indices Auto'!GW6&gt;100),"V",IF(AND('Cambios Auto'!GM6&gt;0,'Indices Auto'!GW6&lt;100),"A",IF(AND('Cambios Auto'!GM6&lt;0,'Indices Auto'!GW6&gt;100),"N",IF(AND('Cambios Auto'!GM6&lt;0,'Indices Auto'!GW6&lt;100),"R","NULL"))))</f>
        <v>R</v>
      </c>
      <c r="GN6" s="2" t="str">
        <f>IF(AND('Cambios Auto'!GN6&gt;0,'Indices Auto'!GX6&gt;100),"V",IF(AND('Cambios Auto'!GN6&gt;0,'Indices Auto'!GX6&lt;100),"A",IF(AND('Cambios Auto'!GN6&lt;0,'Indices Auto'!GX6&gt;100),"N",IF(AND('Cambios Auto'!GN6&lt;0,'Indices Auto'!GX6&lt;100),"R","NULL"))))</f>
        <v>R</v>
      </c>
      <c r="GO6" s="2" t="str">
        <f>IF(AND('Cambios Auto'!GO6&gt;0,'Indices Auto'!GY6&gt;100),"V",IF(AND('Cambios Auto'!GO6&gt;0,'Indices Auto'!GY6&lt;100),"A",IF(AND('Cambios Auto'!GO6&lt;0,'Indices Auto'!GY6&gt;100),"N",IF(AND('Cambios Auto'!GO6&lt;0,'Indices Auto'!GY6&lt;100),"R","NULL"))))</f>
        <v>R</v>
      </c>
      <c r="GP6" s="2" t="str">
        <f>IF(AND('Cambios Auto'!GP6&gt;0,'Indices Auto'!GZ6&gt;100),"V",IF(AND('Cambios Auto'!GP6&gt;0,'Indices Auto'!GZ6&lt;100),"A",IF(AND('Cambios Auto'!GP6&lt;0,'Indices Auto'!GZ6&gt;100),"N",IF(AND('Cambios Auto'!GP6&lt;0,'Indices Auto'!GZ6&lt;100),"R","NULL"))))</f>
        <v>NULL</v>
      </c>
      <c r="GQ6" s="2" t="str">
        <f>IF(AND('Cambios Auto'!GQ6&gt;0,'Indices Auto'!HA6&gt;100),"V",IF(AND('Cambios Auto'!GQ6&gt;0,'Indices Auto'!HA6&lt;100),"A",IF(AND('Cambios Auto'!GQ6&lt;0,'Indices Auto'!HA6&gt;100),"N",IF(AND('Cambios Auto'!GQ6&lt;0,'Indices Auto'!HA6&lt;100),"R","NULL"))))</f>
        <v>NULL</v>
      </c>
      <c r="GR6" s="2" t="str">
        <f>IF(AND('Cambios Auto'!GR6&gt;0,'Indices Auto'!HB6&gt;100),"V",IF(AND('Cambios Auto'!GR6&gt;0,'Indices Auto'!HB6&lt;100),"A",IF(AND('Cambios Auto'!GR6&lt;0,'Indices Auto'!HB6&gt;100),"N",IF(AND('Cambios Auto'!GR6&lt;0,'Indices Auto'!HB6&lt;100),"R","NULL"))))</f>
        <v>NULL</v>
      </c>
      <c r="GS6" s="2" t="str">
        <f>IF(AND('Cambios Auto'!GS6&gt;0,'Indices Auto'!HC6&gt;100),"V",IF(AND('Cambios Auto'!GS6&gt;0,'Indices Auto'!HC6&lt;100),"A",IF(AND('Cambios Auto'!GS6&lt;0,'Indices Auto'!HC6&gt;100),"N",IF(AND('Cambios Auto'!GS6&lt;0,'Indices Auto'!HC6&lt;100),"R","NULL"))))</f>
        <v>NULL</v>
      </c>
      <c r="GT6" s="2" t="str">
        <f>IF(AND('Cambios Auto'!GT6&gt;0,'Indices Auto'!HD6&gt;100),"V",IF(AND('Cambios Auto'!GT6&gt;0,'Indices Auto'!HD6&lt;100),"A",IF(AND('Cambios Auto'!GT6&lt;0,'Indices Auto'!HD6&gt;100),"N",IF(AND('Cambios Auto'!GT6&lt;0,'Indices Auto'!HD6&lt;100),"R","NULL"))))</f>
        <v>NULL</v>
      </c>
      <c r="GU6" s="2" t="str">
        <f>IF(AND('Cambios Auto'!GU6&gt;0,'Indices Auto'!HE6&gt;100),"V",IF(AND('Cambios Auto'!GU6&gt;0,'Indices Auto'!HE6&lt;100),"A",IF(AND('Cambios Auto'!GU6&lt;0,'Indices Auto'!HE6&gt;100),"N",IF(AND('Cambios Auto'!GU6&lt;0,'Indices Auto'!HE6&lt;100),"R","NULL"))))</f>
        <v>NULL</v>
      </c>
      <c r="GV6" s="2" t="str">
        <f>IF(AND('Cambios Auto'!GV6&gt;0,'Indices Auto'!HF6&gt;100),"V",IF(AND('Cambios Auto'!GV6&gt;0,'Indices Auto'!HF6&lt;100),"A",IF(AND('Cambios Auto'!GV6&lt;0,'Indices Auto'!HF6&gt;100),"N",IF(AND('Cambios Auto'!GV6&lt;0,'Indices Auto'!HF6&lt;100),"R","NULL"))))</f>
        <v>NULL</v>
      </c>
      <c r="GW6" s="2" t="str">
        <f>IF(AND('Cambios Auto'!GW6&gt;0,'Indices Auto'!HG6&gt;100),"V",IF(AND('Cambios Auto'!GW6&gt;0,'Indices Auto'!HG6&lt;100),"A",IF(AND('Cambios Auto'!GW6&lt;0,'Indices Auto'!HG6&gt;100),"N",IF(AND('Cambios Auto'!GW6&lt;0,'Indices Auto'!HG6&lt;100),"R","NULL"))))</f>
        <v>NULL</v>
      </c>
      <c r="GX6" s="2" t="str">
        <f>IF(AND('Cambios Auto'!GX6&gt;0,'Indices Auto'!HH6&gt;100),"V",IF(AND('Cambios Auto'!GX6&gt;0,'Indices Auto'!HH6&lt;100),"A",IF(AND('Cambios Auto'!GX6&lt;0,'Indices Auto'!HH6&gt;100),"N",IF(AND('Cambios Auto'!GX6&lt;0,'Indices Auto'!HH6&lt;100),"R","NULL"))))</f>
        <v>NULL</v>
      </c>
      <c r="GY6" s="2" t="str">
        <f>IF(AND('Cambios Auto'!GY6&gt;0,'Indices Auto'!HI6&gt;100),"V",IF(AND('Cambios Auto'!GY6&gt;0,'Indices Auto'!HI6&lt;100),"A",IF(AND('Cambios Auto'!GY6&lt;0,'Indices Auto'!HI6&gt;100),"N",IF(AND('Cambios Auto'!GY6&lt;0,'Indices Auto'!HI6&lt;100),"R","NULL"))))</f>
        <v>NULL</v>
      </c>
      <c r="GZ6" s="2" t="str">
        <f>IF(AND('Cambios Auto'!GZ6&gt;0,'Indices Auto'!HJ6&gt;100),"V",IF(AND('Cambios Auto'!GZ6&gt;0,'Indices Auto'!HJ6&lt;100),"A",IF(AND('Cambios Auto'!GZ6&lt;0,'Indices Auto'!HJ6&gt;100),"N",IF(AND('Cambios Auto'!GZ6&lt;0,'Indices Auto'!HJ6&lt;100),"R","NULL"))))</f>
        <v>NULL</v>
      </c>
      <c r="HA6" s="2" t="str">
        <f>IF(AND('Cambios Auto'!HA6&gt;0,'Indices Auto'!HK6&gt;100),"V",IF(AND('Cambios Auto'!HA6&gt;0,'Indices Auto'!HK6&lt;100),"A",IF(AND('Cambios Auto'!HA6&lt;0,'Indices Auto'!HK6&gt;100),"N",IF(AND('Cambios Auto'!HA6&lt;0,'Indices Auto'!HK6&lt;100),"R","NULL"))))</f>
        <v>NULL</v>
      </c>
      <c r="HB6" s="2" t="str">
        <f>IF(AND('Cambios Auto'!HB6&gt;0,'Indices Auto'!HL6&gt;100),"V",IF(AND('Cambios Auto'!HB6&gt;0,'Indices Auto'!HL6&lt;100),"A",IF(AND('Cambios Auto'!HB6&lt;0,'Indices Auto'!HL6&gt;100),"N",IF(AND('Cambios Auto'!HB6&lt;0,'Indices Auto'!HL6&lt;100),"R","NULL"))))</f>
        <v>NULL</v>
      </c>
      <c r="HC6" s="2" t="str">
        <f>IF(AND('Cambios Auto'!HC6&gt;0,'Indices Auto'!HM6&gt;100),"V",IF(AND('Cambios Auto'!HC6&gt;0,'Indices Auto'!HM6&lt;100),"A",IF(AND('Cambios Auto'!HC6&lt;0,'Indices Auto'!HM6&gt;100),"N",IF(AND('Cambios Auto'!HC6&lt;0,'Indices Auto'!HM6&lt;100),"R","NULL"))))</f>
        <v>NULL</v>
      </c>
      <c r="HD6" s="2" t="str">
        <f>IF(AND('Cambios Auto'!HD6&gt;0,'Indices Auto'!HN6&gt;100),"V",IF(AND('Cambios Auto'!HD6&gt;0,'Indices Auto'!HN6&lt;100),"A",IF(AND('Cambios Auto'!HD6&lt;0,'Indices Auto'!HN6&gt;100),"N",IF(AND('Cambios Auto'!HD6&lt;0,'Indices Auto'!HN6&lt;100),"R","NULL"))))</f>
        <v>NULL</v>
      </c>
      <c r="HE6" s="2" t="str">
        <f>IF(AND('Cambios Auto'!HE6&gt;0,'Indices Auto'!HO6&gt;100),"V",IF(AND('Cambios Auto'!HE6&gt;0,'Indices Auto'!HO6&lt;100),"A",IF(AND('Cambios Auto'!HE6&lt;0,'Indices Auto'!HO6&gt;100),"N",IF(AND('Cambios Auto'!HE6&lt;0,'Indices Auto'!HO6&lt;100),"R","NULL"))))</f>
        <v>NULL</v>
      </c>
      <c r="HF6" s="2" t="str">
        <f>IF(AND('Cambios Auto'!HF6&gt;0,'Indices Auto'!HP6&gt;100),"V",IF(AND('Cambios Auto'!HF6&gt;0,'Indices Auto'!HP6&lt;100),"A",IF(AND('Cambios Auto'!HF6&lt;0,'Indices Auto'!HP6&gt;100),"N",IF(AND('Cambios Auto'!HF6&lt;0,'Indices Auto'!HP6&lt;100),"R","NULL"))))</f>
        <v>NULL</v>
      </c>
      <c r="HG6" s="2" t="str">
        <f>IF(AND('Cambios Auto'!HG6&gt;0,'Indices Auto'!HQ6&gt;100),"V",IF(AND('Cambios Auto'!HG6&gt;0,'Indices Auto'!HQ6&lt;100),"A",IF(AND('Cambios Auto'!HG6&lt;0,'Indices Auto'!HQ6&gt;100),"N",IF(AND('Cambios Auto'!HG6&lt;0,'Indices Auto'!HQ6&lt;100),"R","NULL"))))</f>
        <v>NULL</v>
      </c>
      <c r="HH6" s="2" t="str">
        <f>IF(AND('Cambios Auto'!HH6&gt;0,'Indices Auto'!HR6&gt;100),"V",IF(AND('Cambios Auto'!HH6&gt;0,'Indices Auto'!HR6&lt;100),"A",IF(AND('Cambios Auto'!HH6&lt;0,'Indices Auto'!HR6&gt;100),"N",IF(AND('Cambios Auto'!HH6&lt;0,'Indices Auto'!HR6&lt;100),"R","NULL"))))</f>
        <v>NULL</v>
      </c>
      <c r="HI6" s="2" t="str">
        <f>IF(AND('Cambios Auto'!HI6&gt;0,'Indices Auto'!HS6&gt;100),"V",IF(AND('Cambios Auto'!HI6&gt;0,'Indices Auto'!HS6&lt;100),"A",IF(AND('Cambios Auto'!HI6&lt;0,'Indices Auto'!HS6&gt;100),"N",IF(AND('Cambios Auto'!HI6&lt;0,'Indices Auto'!HS6&lt;100),"R","NULL"))))</f>
        <v>NULL</v>
      </c>
      <c r="HJ6" s="2" t="str">
        <f>IF(AND('Cambios Auto'!HJ6&gt;0,'Indices Auto'!HT6&gt;100),"V",IF(AND('Cambios Auto'!HJ6&gt;0,'Indices Auto'!HT6&lt;100),"A",IF(AND('Cambios Auto'!HJ6&lt;0,'Indices Auto'!HT6&gt;100),"N",IF(AND('Cambios Auto'!HJ6&lt;0,'Indices Auto'!HT6&lt;100),"R","NULL"))))</f>
        <v>NULL</v>
      </c>
      <c r="HK6" s="2" t="str">
        <f>IF(AND('Cambios Auto'!HK6&gt;0,'Indices Auto'!HU6&gt;100),"V",IF(AND('Cambios Auto'!HK6&gt;0,'Indices Auto'!HU6&lt;100),"A",IF(AND('Cambios Auto'!HK6&lt;0,'Indices Auto'!HU6&gt;100),"N",IF(AND('Cambios Auto'!HK6&lt;0,'Indices Auto'!HU6&lt;100),"R","NULL"))))</f>
        <v>NULL</v>
      </c>
      <c r="HL6" s="2" t="str">
        <f>IF(AND('Cambios Auto'!HL6&gt;0,'Indices Auto'!HV6&gt;100),"V",IF(AND('Cambios Auto'!HL6&gt;0,'Indices Auto'!HV6&lt;100),"A",IF(AND('Cambios Auto'!HL6&lt;0,'Indices Auto'!HV6&gt;100),"N",IF(AND('Cambios Auto'!HL6&lt;0,'Indices Auto'!HV6&lt;100),"R","NULL"))))</f>
        <v>NULL</v>
      </c>
      <c r="HM6" s="2" t="str">
        <f>IF(AND('Cambios Auto'!HM6&gt;0,'Indices Auto'!HW6&gt;100),"V",IF(AND('Cambios Auto'!HM6&gt;0,'Indices Auto'!HW6&lt;100),"A",IF(AND('Cambios Auto'!HM6&lt;0,'Indices Auto'!HW6&gt;100),"N",IF(AND('Cambios Auto'!HM6&lt;0,'Indices Auto'!HW6&lt;100),"R","NULL"))))</f>
        <v>NULL</v>
      </c>
      <c r="HN6" s="2" t="str">
        <f>IF(AND('Cambios Auto'!HN6&gt;0,'Indices Auto'!HX6&gt;100),"V",IF(AND('Cambios Auto'!HN6&gt;0,'Indices Auto'!HX6&lt;100),"A",IF(AND('Cambios Auto'!HN6&lt;0,'Indices Auto'!HX6&gt;100),"N",IF(AND('Cambios Auto'!HN6&lt;0,'Indices Auto'!HX6&lt;100),"R","NULL"))))</f>
        <v>NULL</v>
      </c>
      <c r="HO6" s="2" t="str">
        <f>IF(AND('Cambios Auto'!HO6&gt;0,'Indices Auto'!HY6&gt;100),"V",IF(AND('Cambios Auto'!HO6&gt;0,'Indices Auto'!HY6&lt;100),"A",IF(AND('Cambios Auto'!HO6&lt;0,'Indices Auto'!HY6&gt;100),"N",IF(AND('Cambios Auto'!HO6&lt;0,'Indices Auto'!HY6&lt;100),"R","NULL"))))</f>
        <v>NULL</v>
      </c>
      <c r="HP6" s="2" t="str">
        <f>IF(AND('Cambios Auto'!HP6&gt;0,'Indices Auto'!HZ6&gt;100),"V",IF(AND('Cambios Auto'!HP6&gt;0,'Indices Auto'!HZ6&lt;100),"A",IF(AND('Cambios Auto'!HP6&lt;0,'Indices Auto'!HZ6&gt;100),"N",IF(AND('Cambios Auto'!HP6&lt;0,'Indices Auto'!HZ6&lt;100),"R","NULL"))))</f>
        <v>NULL</v>
      </c>
      <c r="HQ6" s="2" t="str">
        <f>IF(AND('Cambios Auto'!HQ6&gt;0,'Indices Auto'!IA6&gt;100),"V",IF(AND('Cambios Auto'!HQ6&gt;0,'Indices Auto'!IA6&lt;100),"A",IF(AND('Cambios Auto'!HQ6&lt;0,'Indices Auto'!IA6&gt;100),"N",IF(AND('Cambios Auto'!HQ6&lt;0,'Indices Auto'!IA6&lt;100),"R","NULL"))))</f>
        <v>NULL</v>
      </c>
      <c r="HR6" s="2" t="str">
        <f>IF(AND('Cambios Auto'!HR6&gt;0,'Indices Auto'!IB6&gt;100),"V",IF(AND('Cambios Auto'!HR6&gt;0,'Indices Auto'!IB6&lt;100),"A",IF(AND('Cambios Auto'!HR6&lt;0,'Indices Auto'!IB6&gt;100),"N",IF(AND('Cambios Auto'!HR6&lt;0,'Indices Auto'!IB6&lt;100),"R","NULL"))))</f>
        <v>NULL</v>
      </c>
      <c r="HS6" s="2" t="str">
        <f>IF(AND('Cambios Auto'!HS6&gt;0,'Indices Auto'!IC6&gt;100),"V",IF(AND('Cambios Auto'!HS6&gt;0,'Indices Auto'!IC6&lt;100),"A",IF(AND('Cambios Auto'!HS6&lt;0,'Indices Auto'!IC6&gt;100),"N",IF(AND('Cambios Auto'!HS6&lt;0,'Indices Auto'!IC6&lt;100),"R","NULL"))))</f>
        <v>NULL</v>
      </c>
      <c r="HT6" s="2" t="str">
        <f>IF(AND('Cambios Auto'!HT6&gt;0,'Indices Auto'!ID6&gt;100),"V",IF(AND('Cambios Auto'!HT6&gt;0,'Indices Auto'!ID6&lt;100),"A",IF(AND('Cambios Auto'!HT6&lt;0,'Indices Auto'!ID6&gt;100),"N",IF(AND('Cambios Auto'!HT6&lt;0,'Indices Auto'!ID6&lt;100),"R","NULL"))))</f>
        <v>NULL</v>
      </c>
      <c r="HU6" s="2" t="str">
        <f>IF(AND('Cambios Auto'!HU6&gt;0,'Indices Auto'!IE6&gt;100),"V",IF(AND('Cambios Auto'!HU6&gt;0,'Indices Auto'!IE6&lt;100),"A",IF(AND('Cambios Auto'!HU6&lt;0,'Indices Auto'!IE6&gt;100),"N",IF(AND('Cambios Auto'!HU6&lt;0,'Indices Auto'!IE6&lt;100),"R","NULL"))))</f>
        <v>NULL</v>
      </c>
      <c r="HV6" s="2" t="str">
        <f>IF(AND('Cambios Auto'!HV6&gt;0,'Indices Auto'!IF6&gt;100),"V",IF(AND('Cambios Auto'!HV6&gt;0,'Indices Auto'!IF6&lt;100),"A",IF(AND('Cambios Auto'!HV6&lt;0,'Indices Auto'!IF6&gt;100),"N",IF(AND('Cambios Auto'!HV6&lt;0,'Indices Auto'!IF6&lt;100),"R","NULL"))))</f>
        <v>NULL</v>
      </c>
      <c r="HW6" s="2" t="str">
        <f>IF(AND('Cambios Auto'!HW6&gt;0,'Indices Auto'!IG6&gt;100),"V",IF(AND('Cambios Auto'!HW6&gt;0,'Indices Auto'!IG6&lt;100),"A",IF(AND('Cambios Auto'!HW6&lt;0,'Indices Auto'!IG6&gt;100),"N",IF(AND('Cambios Auto'!HW6&lt;0,'Indices Auto'!IG6&lt;100),"R","NULL"))))</f>
        <v>NULL</v>
      </c>
      <c r="HX6" s="2" t="str">
        <f>IF(AND('Cambios Auto'!HX6&gt;0,'Indices Auto'!IH6&gt;100),"V",IF(AND('Cambios Auto'!HX6&gt;0,'Indices Auto'!IH6&lt;100),"A",IF(AND('Cambios Auto'!HX6&lt;0,'Indices Auto'!IH6&gt;100),"N",IF(AND('Cambios Auto'!HX6&lt;0,'Indices Auto'!IH6&lt;100),"R","NULL"))))</f>
        <v>NULL</v>
      </c>
      <c r="HY6" s="2" t="str">
        <f>IF(AND('Cambios Auto'!HY6&gt;0,'Indices Auto'!II6&gt;100),"V",IF(AND('Cambios Auto'!HY6&gt;0,'Indices Auto'!II6&lt;100),"A",IF(AND('Cambios Auto'!HY6&lt;0,'Indices Auto'!II6&gt;100),"N",IF(AND('Cambios Auto'!HY6&lt;0,'Indices Auto'!II6&lt;100),"R","NULL"))))</f>
        <v>NULL</v>
      </c>
      <c r="HZ6" s="2" t="str">
        <f>IF(AND('Cambios Auto'!HZ6&gt;0,'Indices Auto'!IJ6&gt;100),"V",IF(AND('Cambios Auto'!HZ6&gt;0,'Indices Auto'!IJ6&lt;100),"A",IF(AND('Cambios Auto'!HZ6&lt;0,'Indices Auto'!IJ6&gt;100),"N",IF(AND('Cambios Auto'!HZ6&lt;0,'Indices Auto'!IJ6&lt;100),"R","NULL"))))</f>
        <v>NULL</v>
      </c>
      <c r="IA6" s="2" t="str">
        <f>IF(AND('Cambios Auto'!IA6&gt;0,'Indices Auto'!IK6&gt;100),"V",IF(AND('Cambios Auto'!IA6&gt;0,'Indices Auto'!IK6&lt;100),"A",IF(AND('Cambios Auto'!IA6&lt;0,'Indices Auto'!IK6&gt;100),"N",IF(AND('Cambios Auto'!IA6&lt;0,'Indices Auto'!IK6&lt;100),"R","NULL"))))</f>
        <v>NULL</v>
      </c>
      <c r="IB6" s="2" t="str">
        <f>IF(AND('Cambios Auto'!IB6&gt;0,'Indices Auto'!IL6&gt;100),"V",IF(AND('Cambios Auto'!IB6&gt;0,'Indices Auto'!IL6&lt;100),"A",IF(AND('Cambios Auto'!IB6&lt;0,'Indices Auto'!IL6&gt;100),"N",IF(AND('Cambios Auto'!IB6&lt;0,'Indices Auto'!IL6&lt;100),"R","NULL"))))</f>
        <v>NULL</v>
      </c>
      <c r="IC6" s="2" t="str">
        <f>IF(AND('Cambios Auto'!IC6&gt;0,'Indices Auto'!IM6&gt;100),"V",IF(AND('Cambios Auto'!IC6&gt;0,'Indices Auto'!IM6&lt;100),"A",IF(AND('Cambios Auto'!IC6&lt;0,'Indices Auto'!IM6&gt;100),"N",IF(AND('Cambios Auto'!IC6&lt;0,'Indices Auto'!IM6&lt;100),"R","NULL"))))</f>
        <v>NULL</v>
      </c>
      <c r="ID6" s="2" t="str">
        <f>IF(AND('Cambios Auto'!ID6&gt;0,'Indices Auto'!IN6&gt;100),"V",IF(AND('Cambios Auto'!ID6&gt;0,'Indices Auto'!IN6&lt;100),"A",IF(AND('Cambios Auto'!ID6&lt;0,'Indices Auto'!IN6&gt;100),"N",IF(AND('Cambios Auto'!ID6&lt;0,'Indices Auto'!IN6&lt;100),"R","NULL"))))</f>
        <v>NULL</v>
      </c>
      <c r="IE6" s="2" t="str">
        <f>IF(AND('Cambios Auto'!IE6&gt;0,'Indices Auto'!IO6&gt;100),"V",IF(AND('Cambios Auto'!IE6&gt;0,'Indices Auto'!IO6&lt;100),"A",IF(AND('Cambios Auto'!IE6&lt;0,'Indices Auto'!IO6&gt;100),"N",IF(AND('Cambios Auto'!IE6&lt;0,'Indices Auto'!IO6&lt;100),"R","NULL"))))</f>
        <v>NULL</v>
      </c>
      <c r="IF6" s="2" t="str">
        <f>IF(AND('Cambios Auto'!IF6&gt;0,'Indices Auto'!IP6&gt;100),"V",IF(AND('Cambios Auto'!IF6&gt;0,'Indices Auto'!IP6&lt;100),"A",IF(AND('Cambios Auto'!IF6&lt;0,'Indices Auto'!IP6&gt;100),"N",IF(AND('Cambios Auto'!IF6&lt;0,'Indices Auto'!IP6&lt;100),"R","NULL"))))</f>
        <v>NULL</v>
      </c>
      <c r="IG6" s="2" t="str">
        <f>IF(AND('Cambios Auto'!IG6&gt;0,'Indices Auto'!IQ6&gt;100),"V",IF(AND('Cambios Auto'!IG6&gt;0,'Indices Auto'!IQ6&lt;100),"A",IF(AND('Cambios Auto'!IG6&lt;0,'Indices Auto'!IQ6&gt;100),"N",IF(AND('Cambios Auto'!IG6&lt;0,'Indices Auto'!IQ6&lt;100),"R","NULL"))))</f>
        <v>NULL</v>
      </c>
      <c r="IH6" s="2" t="str">
        <f>IF(AND('Cambios Auto'!IH6&gt;0,'Indices Auto'!IR6&gt;100),"V",IF(AND('Cambios Auto'!IH6&gt;0,'Indices Auto'!IR6&lt;100),"A",IF(AND('Cambios Auto'!IH6&lt;0,'Indices Auto'!IR6&gt;100),"N",IF(AND('Cambios Auto'!IH6&lt;0,'Indices Auto'!IR6&lt;100),"R","NULL"))))</f>
        <v>NULL</v>
      </c>
      <c r="II6" s="2" t="str">
        <f>IF(AND('Cambios Auto'!II6&gt;0,'Indices Auto'!IS6&gt;100),"V",IF(AND('Cambios Auto'!II6&gt;0,'Indices Auto'!IS6&lt;100),"A",IF(AND('Cambios Auto'!II6&lt;0,'Indices Auto'!IS6&gt;100),"N",IF(AND('Cambios Auto'!II6&lt;0,'Indices Auto'!IS6&lt;100),"R","NULL"))))</f>
        <v>NULL</v>
      </c>
      <c r="IJ6" s="2" t="str">
        <f>IF(AND('Cambios Auto'!IJ6&gt;0,'Indices Auto'!IT6&gt;100),"V",IF(AND('Cambios Auto'!IJ6&gt;0,'Indices Auto'!IT6&lt;100),"A",IF(AND('Cambios Auto'!IJ6&lt;0,'Indices Auto'!IT6&gt;100),"N",IF(AND('Cambios Auto'!IJ6&lt;0,'Indices Auto'!IT6&lt;100),"R","NULL"))))</f>
        <v>NULL</v>
      </c>
      <c r="IK6" s="2" t="str">
        <f>IF(AND('Cambios Auto'!IK6&gt;0,'Indices Auto'!IU6&gt;100),"V",IF(AND('Cambios Auto'!IK6&gt;0,'Indices Auto'!IU6&lt;100),"A",IF(AND('Cambios Auto'!IK6&lt;0,'Indices Auto'!IU6&gt;100),"N",IF(AND('Cambios Auto'!IK6&lt;0,'Indices Auto'!IU6&lt;100),"R","NULL"))))</f>
        <v>NULL</v>
      </c>
      <c r="IL6" s="2" t="str">
        <f>IF(AND('Cambios Auto'!IL6&gt;0,'Indices Auto'!IV6&gt;100),"V",IF(AND('Cambios Auto'!IL6&gt;0,'Indices Auto'!IV6&lt;100),"A",IF(AND('Cambios Auto'!IL6&lt;0,'Indices Auto'!IV6&gt;100),"N",IF(AND('Cambios Auto'!IL6&lt;0,'Indices Auto'!IV6&lt;100),"R","NULL"))))</f>
        <v>NULL</v>
      </c>
      <c r="IM6" s="2" t="str">
        <f>IF(AND('Cambios Auto'!IM6&gt;0,'Indices Auto'!IW6&gt;100),"V",IF(AND('Cambios Auto'!IM6&gt;0,'Indices Auto'!IW6&lt;100),"A",IF(AND('Cambios Auto'!IM6&lt;0,'Indices Auto'!IW6&gt;100),"N",IF(AND('Cambios Auto'!IM6&lt;0,'Indices Auto'!IW6&lt;100),"R","NULL"))))</f>
        <v>NULL</v>
      </c>
      <c r="IN6" s="2" t="str">
        <f>IF(AND('Cambios Auto'!IN6&gt;0,'Indices Auto'!IX6&gt;100),"V",IF(AND('Cambios Auto'!IN6&gt;0,'Indices Auto'!IX6&lt;100),"A",IF(AND('Cambios Auto'!IN6&lt;0,'Indices Auto'!IX6&gt;100),"N",IF(AND('Cambios Auto'!IN6&lt;0,'Indices Auto'!IX6&lt;100),"R","NULL"))))</f>
        <v>NULL</v>
      </c>
      <c r="IO6" s="2" t="str">
        <f>IF(AND('Cambios Auto'!IO6&gt;0,'Indices Auto'!IY6&gt;100),"V",IF(AND('Cambios Auto'!IO6&gt;0,'Indices Auto'!IY6&lt;100),"A",IF(AND('Cambios Auto'!IO6&lt;0,'Indices Auto'!IY6&gt;100),"N",IF(AND('Cambios Auto'!IO6&lt;0,'Indices Auto'!IY6&lt;100),"R","NULL"))))</f>
        <v>NULL</v>
      </c>
      <c r="IP6" s="2" t="str">
        <f>IF(AND('Cambios Auto'!IP6&gt;0,'Indices Auto'!IZ6&gt;100),"V",IF(AND('Cambios Auto'!IP6&gt;0,'Indices Auto'!IZ6&lt;100),"A",IF(AND('Cambios Auto'!IP6&lt;0,'Indices Auto'!IZ6&gt;100),"N",IF(AND('Cambios Auto'!IP6&lt;0,'Indices Auto'!IZ6&lt;100),"R","NULL"))))</f>
        <v>NULL</v>
      </c>
      <c r="IQ6" s="2" t="str">
        <f>IF(AND('Cambios Auto'!IQ6&gt;0,'Indices Auto'!JA6&gt;100),"V",IF(AND('Cambios Auto'!IQ6&gt;0,'Indices Auto'!JA6&lt;100),"A",IF(AND('Cambios Auto'!IQ6&lt;0,'Indices Auto'!JA6&gt;100),"N",IF(AND('Cambios Auto'!IQ6&lt;0,'Indices Auto'!JA6&lt;100),"R","NULL"))))</f>
        <v>NULL</v>
      </c>
      <c r="IR6" s="2" t="str">
        <f>IF(AND('Cambios Auto'!IR6&gt;0,'Indices Auto'!JB6&gt;100),"V",IF(AND('Cambios Auto'!IR6&gt;0,'Indices Auto'!JB6&lt;100),"A",IF(AND('Cambios Auto'!IR6&lt;0,'Indices Auto'!JB6&gt;100),"N",IF(AND('Cambios Auto'!IR6&lt;0,'Indices Auto'!JB6&lt;100),"R","NULL"))))</f>
        <v>NULL</v>
      </c>
      <c r="IS6" s="2" t="str">
        <f>IF(AND('Cambios Auto'!IS6&gt;0,'Indices Auto'!JC6&gt;100),"V",IF(AND('Cambios Auto'!IS6&gt;0,'Indices Auto'!JC6&lt;100),"A",IF(AND('Cambios Auto'!IS6&lt;0,'Indices Auto'!JC6&gt;100),"N",IF(AND('Cambios Auto'!IS6&lt;0,'Indices Auto'!JC6&lt;100),"R","NULL"))))</f>
        <v>NULL</v>
      </c>
      <c r="IT6" s="14"/>
    </row>
    <row r="7" spans="1:254" ht="18.75" customHeight="1" x14ac:dyDescent="0.25">
      <c r="A7" s="6" t="s">
        <v>193</v>
      </c>
      <c r="B7" s="2" t="str">
        <f>IF(AND('Cambios Auto'!B7&gt;0,'Indices Auto'!C7&gt;100),"V",IF(AND('Cambios Auto'!B7&gt;0,'Indices Auto'!C7&lt;100),"A",IF(AND('Cambios Auto'!B7&lt;0,'Indices Auto'!C7&gt;100),"N",IF(AND('Cambios Auto'!B7&lt;0,'Indices Auto'!C7&lt;100),"R","NULL"))))</f>
        <v>V</v>
      </c>
      <c r="C7" s="2" t="str">
        <f>IF(AND('Cambios Auto'!C7&gt;0,'Indices Auto'!D7&gt;100),"V",IF(AND('Cambios Auto'!C7&gt;0,'Indices Auto'!D7&lt;100),"A",IF(AND('Cambios Auto'!C7&lt;0,'Indices Auto'!D7&gt;100),"N",IF(AND('Cambios Auto'!C7&lt;0,'Indices Auto'!D7&lt;100),"R","NULL"))))</f>
        <v>V</v>
      </c>
      <c r="D7" s="2" t="str">
        <f>IF(AND('Cambios Auto'!D7&gt;0,'Indices Auto'!E7&gt;100),"V",IF(AND('Cambios Auto'!D7&gt;0,'Indices Auto'!E7&lt;100),"A",IF(AND('Cambios Auto'!D7&lt;0,'Indices Auto'!E7&gt;100),"N",IF(AND('Cambios Auto'!D7&lt;0,'Indices Auto'!E7&lt;100),"R","NULL"))))</f>
        <v>V</v>
      </c>
      <c r="E7" s="2" t="str">
        <f>IF(AND('Cambios Auto'!E7&gt;0,'Indices Auto'!F7&gt;100),"V",IF(AND('Cambios Auto'!E7&gt;0,'Indices Auto'!F7&lt;100),"A",IF(AND('Cambios Auto'!E7&lt;0,'Indices Auto'!F7&gt;100),"N",IF(AND('Cambios Auto'!E7&lt;0,'Indices Auto'!F7&lt;100),"R","NULL"))))</f>
        <v>V</v>
      </c>
      <c r="F7" s="2" t="str">
        <f>IF(AND('Cambios Auto'!F7&gt;0,'Indices Auto'!G7&gt;100),"V",IF(AND('Cambios Auto'!F7&gt;0,'Indices Auto'!G7&lt;100),"A",IF(AND('Cambios Auto'!F7&lt;0,'Indices Auto'!G7&gt;100),"N",IF(AND('Cambios Auto'!F7&lt;0,'Indices Auto'!G7&lt;100),"R","NULL"))))</f>
        <v>V</v>
      </c>
      <c r="G7" s="2" t="str">
        <f>IF(AND('Cambios Auto'!G7&gt;0,'Indices Auto'!H7&gt;100),"V",IF(AND('Cambios Auto'!G7&gt;0,'Indices Auto'!H7&lt;100),"A",IF(AND('Cambios Auto'!G7&lt;0,'Indices Auto'!H7&gt;100),"N",IF(AND('Cambios Auto'!G7&lt;0,'Indices Auto'!H7&lt;100),"R","NULL"))))</f>
        <v>V</v>
      </c>
      <c r="H7" s="2" t="str">
        <f>IF(AND('Cambios Auto'!H7&gt;0,'Indices Auto'!I7&gt;100),"V",IF(AND('Cambios Auto'!H7&gt;0,'Indices Auto'!I7&lt;100),"A",IF(AND('Cambios Auto'!H7&lt;0,'Indices Auto'!I7&gt;100),"N",IF(AND('Cambios Auto'!H7&lt;0,'Indices Auto'!I7&lt;100),"R","NULL"))))</f>
        <v>V</v>
      </c>
      <c r="I7" s="2" t="str">
        <f>IF(AND('Cambios Auto'!I7&gt;0,'Indices Auto'!J7&gt;100),"V",IF(AND('Cambios Auto'!I7&gt;0,'Indices Auto'!J7&lt;100),"A",IF(AND('Cambios Auto'!I7&lt;0,'Indices Auto'!J7&gt;100),"N",IF(AND('Cambios Auto'!I7&lt;0,'Indices Auto'!J7&lt;100),"R","NULL"))))</f>
        <v>V</v>
      </c>
      <c r="J7" s="2" t="str">
        <f>IF(AND('Cambios Auto'!J7&gt;0,'Indices Auto'!K7&gt;100),"V",IF(AND('Cambios Auto'!J7&gt;0,'Indices Auto'!K7&lt;100),"A",IF(AND('Cambios Auto'!J7&lt;0,'Indices Auto'!K7&gt;100),"N",IF(AND('Cambios Auto'!J7&lt;0,'Indices Auto'!K7&lt;100),"R","NULL"))))</f>
        <v>V</v>
      </c>
      <c r="K7" s="2" t="str">
        <f>IF(AND('Cambios Auto'!K7&gt;0,'Indices Auto'!L7&gt;100),"V",IF(AND('Cambios Auto'!K7&gt;0,'Indices Auto'!L7&lt;100),"A",IF(AND('Cambios Auto'!K7&lt;0,'Indices Auto'!L7&gt;100),"N",IF(AND('Cambios Auto'!K7&lt;0,'Indices Auto'!L7&lt;100),"R","NULL"))))</f>
        <v>N</v>
      </c>
      <c r="L7" s="2" t="str">
        <f>IF(AND('Cambios Auto'!L7&gt;0,'Indices Auto'!M7&gt;100),"V",IF(AND('Cambios Auto'!L7&gt;0,'Indices Auto'!M7&lt;100),"A",IF(AND('Cambios Auto'!L7&lt;0,'Indices Auto'!M7&gt;100),"N",IF(AND('Cambios Auto'!L7&lt;0,'Indices Auto'!M7&lt;100),"R","NULL"))))</f>
        <v>N</v>
      </c>
      <c r="M7" s="2" t="str">
        <f>IF(AND('Cambios Auto'!M7&gt;0,'Indices Auto'!N7&gt;100),"V",IF(AND('Cambios Auto'!M7&gt;0,'Indices Auto'!N7&lt;100),"A",IF(AND('Cambios Auto'!M7&lt;0,'Indices Auto'!N7&gt;100),"N",IF(AND('Cambios Auto'!M7&lt;0,'Indices Auto'!N7&lt;100),"R","NULL"))))</f>
        <v>N</v>
      </c>
      <c r="N7" s="2" t="str">
        <f>IF(AND('Cambios Auto'!N7&gt;0,'Indices Auto'!O7&gt;100),"V",IF(AND('Cambios Auto'!N7&gt;0,'Indices Auto'!O7&lt;100),"A",IF(AND('Cambios Auto'!N7&lt;0,'Indices Auto'!O7&gt;100),"N",IF(AND('Cambios Auto'!N7&lt;0,'Indices Auto'!O7&lt;100),"R","NULL"))))</f>
        <v>N</v>
      </c>
      <c r="O7" s="2" t="str">
        <f>IF(AND('Cambios Auto'!O7&gt;0,'Indices Auto'!P7&gt;100),"V",IF(AND('Cambios Auto'!O7&gt;0,'Indices Auto'!P7&lt;100),"A",IF(AND('Cambios Auto'!O7&lt;0,'Indices Auto'!P7&gt;100),"N",IF(AND('Cambios Auto'!O7&lt;0,'Indices Auto'!P7&lt;100),"R","NULL"))))</f>
        <v>N</v>
      </c>
      <c r="P7" s="2" t="str">
        <f>IF(AND('Cambios Auto'!P7&gt;0,'Indices Auto'!Q7&gt;100),"V",IF(AND('Cambios Auto'!P7&gt;0,'Indices Auto'!Q7&lt;100),"A",IF(AND('Cambios Auto'!P7&lt;0,'Indices Auto'!Q7&gt;100),"N",IF(AND('Cambios Auto'!P7&lt;0,'Indices Auto'!Q7&lt;100),"R","NULL"))))</f>
        <v>N</v>
      </c>
      <c r="Q7" s="2" t="str">
        <f>IF(AND('Cambios Auto'!Q7&gt;0,'Indices Auto'!R7&gt;100),"V",IF(AND('Cambios Auto'!Q7&gt;0,'Indices Auto'!R7&lt;100),"A",IF(AND('Cambios Auto'!Q7&lt;0,'Indices Auto'!R7&gt;100),"N",IF(AND('Cambios Auto'!Q7&lt;0,'Indices Auto'!R7&lt;100),"R","NULL"))))</f>
        <v>N</v>
      </c>
      <c r="R7" s="2" t="str">
        <f>IF(AND('Cambios Auto'!R7&gt;0,'Indices Auto'!S7&gt;100),"V",IF(AND('Cambios Auto'!R7&gt;0,'Indices Auto'!S7&lt;100),"A",IF(AND('Cambios Auto'!R7&lt;0,'Indices Auto'!S7&gt;100),"N",IF(AND('Cambios Auto'!R7&lt;0,'Indices Auto'!S7&lt;100),"R","NULL"))))</f>
        <v>N</v>
      </c>
      <c r="S7" s="2" t="str">
        <f>IF(AND('Cambios Auto'!S7&gt;0,'Indices Auto'!T7&gt;100),"V",IF(AND('Cambios Auto'!S7&gt;0,'Indices Auto'!T7&lt;100),"A",IF(AND('Cambios Auto'!S7&lt;0,'Indices Auto'!T7&gt;100),"N",IF(AND('Cambios Auto'!S7&lt;0,'Indices Auto'!T7&lt;100),"R","NULL"))))</f>
        <v>N</v>
      </c>
      <c r="T7" s="2" t="str">
        <f>IF(AND('Cambios Auto'!T7&gt;0,'Indices Auto'!U7&gt;100),"V",IF(AND('Cambios Auto'!T7&gt;0,'Indices Auto'!U7&lt;100),"A",IF(AND('Cambios Auto'!T7&lt;0,'Indices Auto'!U7&gt;100),"N",IF(AND('Cambios Auto'!T7&lt;0,'Indices Auto'!U7&lt;100),"R","NULL"))))</f>
        <v>N</v>
      </c>
      <c r="U7" s="2" t="str">
        <f>IF(AND('Cambios Auto'!U7&gt;0,'Indices Auto'!V7&gt;100),"V",IF(AND('Cambios Auto'!U7&gt;0,'Indices Auto'!V7&lt;100),"A",IF(AND('Cambios Auto'!U7&lt;0,'Indices Auto'!V7&gt;100),"N",IF(AND('Cambios Auto'!U7&lt;0,'Indices Auto'!V7&lt;100),"R","NULL"))))</f>
        <v>N</v>
      </c>
      <c r="V7" s="2" t="str">
        <f>IF(AND('Cambios Auto'!V7&gt;0,'Indices Auto'!W7&gt;100),"V",IF(AND('Cambios Auto'!V7&gt;0,'Indices Auto'!W7&lt;100),"A",IF(AND('Cambios Auto'!V7&lt;0,'Indices Auto'!W7&gt;100),"N",IF(AND('Cambios Auto'!V7&lt;0,'Indices Auto'!W7&lt;100),"R","NULL"))))</f>
        <v>N</v>
      </c>
      <c r="W7" s="2" t="str">
        <f>IF(AND('Cambios Auto'!W7&gt;0,'Indices Auto'!X7&gt;100),"V",IF(AND('Cambios Auto'!W7&gt;0,'Indices Auto'!X7&lt;100),"A",IF(AND('Cambios Auto'!W7&lt;0,'Indices Auto'!X7&gt;100),"N",IF(AND('Cambios Auto'!W7&lt;0,'Indices Auto'!X7&lt;100),"R","NULL"))))</f>
        <v>N</v>
      </c>
      <c r="X7" s="2" t="str">
        <f>IF(AND('Cambios Auto'!X7&gt;0,'Indices Auto'!Y7&gt;100),"V",IF(AND('Cambios Auto'!X7&gt;0,'Indices Auto'!Y7&lt;100),"A",IF(AND('Cambios Auto'!X7&lt;0,'Indices Auto'!Y7&gt;100),"N",IF(AND('Cambios Auto'!X7&lt;0,'Indices Auto'!Y7&lt;100),"R","NULL"))))</f>
        <v>N</v>
      </c>
      <c r="Y7" s="2" t="str">
        <f>IF(AND('Cambios Auto'!Y7&gt;0,'Indices Auto'!Z7&gt;100),"V",IF(AND('Cambios Auto'!Y7&gt;0,'Indices Auto'!Z7&lt;100),"A",IF(AND('Cambios Auto'!Y7&lt;0,'Indices Auto'!Z7&gt;100),"N",IF(AND('Cambios Auto'!Y7&lt;0,'Indices Auto'!Z7&lt;100),"R","NULL"))))</f>
        <v>N</v>
      </c>
      <c r="Z7" s="2" t="str">
        <f>IF(AND('Cambios Auto'!Z7&gt;0,'Indices Auto'!AA7&gt;100),"V",IF(AND('Cambios Auto'!Z7&gt;0,'Indices Auto'!AA7&lt;100),"A",IF(AND('Cambios Auto'!Z7&lt;0,'Indices Auto'!AA7&gt;100),"N",IF(AND('Cambios Auto'!Z7&lt;0,'Indices Auto'!AA7&lt;100),"R","NULL"))))</f>
        <v>N</v>
      </c>
      <c r="AA7" s="2" t="str">
        <f>IF(AND('Cambios Auto'!AA7&gt;0,'Indices Auto'!AB7&gt;100),"V",IF(AND('Cambios Auto'!AA7&gt;0,'Indices Auto'!AB7&lt;100),"A",IF(AND('Cambios Auto'!AA7&lt;0,'Indices Auto'!AB7&gt;100),"N",IF(AND('Cambios Auto'!AA7&lt;0,'Indices Auto'!AB7&lt;100),"R","NULL"))))</f>
        <v>N</v>
      </c>
      <c r="AB7" s="2" t="str">
        <f>IF(AND('Cambios Auto'!AB7&gt;0,'Indices Auto'!AC7&gt;100),"V",IF(AND('Cambios Auto'!AB7&gt;0,'Indices Auto'!AC7&lt;100),"A",IF(AND('Cambios Auto'!AB7&lt;0,'Indices Auto'!AC7&gt;100),"N",IF(AND('Cambios Auto'!AB7&lt;0,'Indices Auto'!AC7&lt;100),"R","NULL"))))</f>
        <v>R</v>
      </c>
      <c r="AC7" s="2" t="str">
        <f>IF(AND('Cambios Auto'!AC7&gt;0,'Indices Auto'!AD7&gt;100),"V",IF(AND('Cambios Auto'!AC7&gt;0,'Indices Auto'!AD7&lt;100),"A",IF(AND('Cambios Auto'!AC7&lt;0,'Indices Auto'!AD7&gt;100),"N",IF(AND('Cambios Auto'!AC7&lt;0,'Indices Auto'!AD7&lt;100),"R","NULL"))))</f>
        <v>R</v>
      </c>
      <c r="AD7" s="2" t="str">
        <f>IF(AND('Cambios Auto'!AD7&gt;0,'Indices Auto'!AE7&gt;100),"V",IF(AND('Cambios Auto'!AD7&gt;0,'Indices Auto'!AE7&lt;100),"A",IF(AND('Cambios Auto'!AD7&lt;0,'Indices Auto'!AE7&gt;100),"N",IF(AND('Cambios Auto'!AD7&lt;0,'Indices Auto'!AE7&lt;100),"R","NULL"))))</f>
        <v>R</v>
      </c>
      <c r="AE7" s="2" t="str">
        <f>IF(AND('Cambios Auto'!AE7&gt;0,'Indices Auto'!AF7&gt;100),"V",IF(AND('Cambios Auto'!AE7&gt;0,'Indices Auto'!AF7&lt;100),"A",IF(AND('Cambios Auto'!AE7&lt;0,'Indices Auto'!AF7&gt;100),"N",IF(AND('Cambios Auto'!AE7&lt;0,'Indices Auto'!AF7&lt;100),"R","NULL"))))</f>
        <v>R</v>
      </c>
      <c r="AF7" s="2" t="str">
        <f>IF(AND('Cambios Auto'!AF7&gt;0,'Indices Auto'!AG7&gt;100),"V",IF(AND('Cambios Auto'!AF7&gt;0,'Indices Auto'!AG7&lt;100),"A",IF(AND('Cambios Auto'!AF7&lt;0,'Indices Auto'!AG7&gt;100),"N",IF(AND('Cambios Auto'!AF7&lt;0,'Indices Auto'!AG7&lt;100),"R","NULL"))))</f>
        <v>R</v>
      </c>
      <c r="AG7" s="2" t="str">
        <f>IF(AND('Cambios Auto'!AG7&gt;0,'Indices Auto'!AH7&gt;100),"V",IF(AND('Cambios Auto'!AG7&gt;0,'Indices Auto'!AH7&lt;100),"A",IF(AND('Cambios Auto'!AG7&lt;0,'Indices Auto'!AH7&gt;100),"N",IF(AND('Cambios Auto'!AG7&lt;0,'Indices Auto'!AH7&lt;100),"R","NULL"))))</f>
        <v>R</v>
      </c>
      <c r="AH7" s="2" t="str">
        <f>IF(AND('Cambios Auto'!AH7&gt;0,'Indices Auto'!AI7&gt;100),"V",IF(AND('Cambios Auto'!AH7&gt;0,'Indices Auto'!AI7&lt;100),"A",IF(AND('Cambios Auto'!AH7&lt;0,'Indices Auto'!AI7&gt;100),"N",IF(AND('Cambios Auto'!AH7&lt;0,'Indices Auto'!AI7&lt;100),"R","NULL"))))</f>
        <v>R</v>
      </c>
      <c r="AI7" s="2" t="str">
        <f>IF(AND('Cambios Auto'!AI7&gt;0,'Indices Auto'!AJ7&gt;100),"V",IF(AND('Cambios Auto'!AI7&gt;0,'Indices Auto'!AJ7&lt;100),"A",IF(AND('Cambios Auto'!AI7&lt;0,'Indices Auto'!AJ7&gt;100),"N",IF(AND('Cambios Auto'!AI7&lt;0,'Indices Auto'!AJ7&lt;100),"R","NULL"))))</f>
        <v>R</v>
      </c>
      <c r="AJ7" s="2" t="str">
        <f>IF(AND('Cambios Auto'!AJ7&gt;0,'Indices Auto'!AK7&gt;100),"V",IF(AND('Cambios Auto'!AJ7&gt;0,'Indices Auto'!AK7&lt;100),"A",IF(AND('Cambios Auto'!AJ7&lt;0,'Indices Auto'!AK7&gt;100),"N",IF(AND('Cambios Auto'!AJ7&lt;0,'Indices Auto'!AK7&lt;100),"R","NULL"))))</f>
        <v>R</v>
      </c>
      <c r="AK7" s="2" t="str">
        <f>IF(AND('Cambios Auto'!AK7&gt;0,'Indices Auto'!AL7&gt;100),"V",IF(AND('Cambios Auto'!AK7&gt;0,'Indices Auto'!AL7&lt;100),"A",IF(AND('Cambios Auto'!AK7&lt;0,'Indices Auto'!AL7&gt;100),"N",IF(AND('Cambios Auto'!AK7&lt;0,'Indices Auto'!AL7&lt;100),"R","NULL"))))</f>
        <v>R</v>
      </c>
      <c r="AL7" s="2" t="str">
        <f>IF(AND('Cambios Auto'!AL7&gt;0,'Indices Auto'!AM7&gt;100),"V",IF(AND('Cambios Auto'!AL7&gt;0,'Indices Auto'!AM7&lt;100),"A",IF(AND('Cambios Auto'!AL7&lt;0,'Indices Auto'!AM7&gt;100),"N",IF(AND('Cambios Auto'!AL7&lt;0,'Indices Auto'!AM7&lt;100),"R","NULL"))))</f>
        <v>R</v>
      </c>
      <c r="AM7" s="2" t="str">
        <f>IF(AND('Cambios Auto'!AM7&gt;0,'Indices Auto'!AN7&gt;100),"V",IF(AND('Cambios Auto'!AM7&gt;0,'Indices Auto'!AN7&lt;100),"A",IF(AND('Cambios Auto'!AM7&lt;0,'Indices Auto'!AN7&gt;100),"N",IF(AND('Cambios Auto'!AM7&lt;0,'Indices Auto'!AN7&lt;100),"R","NULL"))))</f>
        <v>R</v>
      </c>
      <c r="AN7" s="2" t="str">
        <f>IF(AND('Cambios Auto'!AN7&gt;0,'Indices Auto'!AO7&gt;100),"V",IF(AND('Cambios Auto'!AN7&gt;0,'Indices Auto'!AO7&lt;100),"A",IF(AND('Cambios Auto'!AN7&lt;0,'Indices Auto'!AO7&gt;100),"N",IF(AND('Cambios Auto'!AN7&lt;0,'Indices Auto'!AO7&lt;100),"R","NULL"))))</f>
        <v>R</v>
      </c>
      <c r="AO7" s="2" t="str">
        <f>IF(AND('Cambios Auto'!AO7&gt;0,'Indices Auto'!AP7&gt;100),"V",IF(AND('Cambios Auto'!AO7&gt;0,'Indices Auto'!AP7&lt;100),"A",IF(AND('Cambios Auto'!AO7&lt;0,'Indices Auto'!AP7&gt;100),"N",IF(AND('Cambios Auto'!AO7&lt;0,'Indices Auto'!AP7&lt;100),"R","NULL"))))</f>
        <v>R</v>
      </c>
      <c r="AP7" s="2" t="str">
        <f>IF(AND('Cambios Auto'!AP7&gt;0,'Indices Auto'!AQ7&gt;100),"V",IF(AND('Cambios Auto'!AP7&gt;0,'Indices Auto'!AQ7&lt;100),"A",IF(AND('Cambios Auto'!AP7&lt;0,'Indices Auto'!AQ7&gt;100),"N",IF(AND('Cambios Auto'!AP7&lt;0,'Indices Auto'!AQ7&lt;100),"R","NULL"))))</f>
        <v>R</v>
      </c>
      <c r="AQ7" s="2" t="str">
        <f>IF(AND('Cambios Auto'!AQ7&gt;0,'Indices Auto'!AR7&gt;100),"V",IF(AND('Cambios Auto'!AQ7&gt;0,'Indices Auto'!AR7&lt;100),"A",IF(AND('Cambios Auto'!AQ7&lt;0,'Indices Auto'!AR7&gt;100),"N",IF(AND('Cambios Auto'!AQ7&lt;0,'Indices Auto'!AR7&lt;100),"R","NULL"))))</f>
        <v>A</v>
      </c>
      <c r="AR7" s="2" t="str">
        <f>IF(AND('Cambios Auto'!AR7&gt;0,'Indices Auto'!AS7&gt;100),"V",IF(AND('Cambios Auto'!AR7&gt;0,'Indices Auto'!AS7&lt;100),"A",IF(AND('Cambios Auto'!AR7&lt;0,'Indices Auto'!AS7&gt;100),"N",IF(AND('Cambios Auto'!AR7&lt;0,'Indices Auto'!AS7&lt;100),"R","NULL"))))</f>
        <v>A</v>
      </c>
      <c r="AS7" s="2" t="str">
        <f>IF(AND('Cambios Auto'!AS7&gt;0,'Indices Auto'!AT7&gt;100),"V",IF(AND('Cambios Auto'!AS7&gt;0,'Indices Auto'!AT7&lt;100),"A",IF(AND('Cambios Auto'!AS7&lt;0,'Indices Auto'!AT7&gt;100),"N",IF(AND('Cambios Auto'!AS7&lt;0,'Indices Auto'!AT7&lt;100),"R","NULL"))))</f>
        <v>A</v>
      </c>
      <c r="AT7" s="2" t="str">
        <f>IF(AND('Cambios Auto'!AT7&gt;0,'Indices Auto'!AU7&gt;100),"V",IF(AND('Cambios Auto'!AT7&gt;0,'Indices Auto'!AU7&lt;100),"A",IF(AND('Cambios Auto'!AT7&lt;0,'Indices Auto'!AU7&gt;100),"N",IF(AND('Cambios Auto'!AT7&lt;0,'Indices Auto'!AU7&lt;100),"R","NULL"))))</f>
        <v>A</v>
      </c>
      <c r="AU7" s="2" t="str">
        <f>IF(AND('Cambios Auto'!AU7&gt;0,'Indices Auto'!AV7&gt;100),"V",IF(AND('Cambios Auto'!AU7&gt;0,'Indices Auto'!AV7&lt;100),"A",IF(AND('Cambios Auto'!AU7&lt;0,'Indices Auto'!AV7&gt;100),"N",IF(AND('Cambios Auto'!AU7&lt;0,'Indices Auto'!AV7&lt;100),"R","NULL"))))</f>
        <v>A</v>
      </c>
      <c r="AV7" s="2" t="str">
        <f>IF(AND('Cambios Auto'!AV7&gt;0,'Indices Auto'!AW7&gt;100),"V",IF(AND('Cambios Auto'!AV7&gt;0,'Indices Auto'!AW7&lt;100),"A",IF(AND('Cambios Auto'!AV7&lt;0,'Indices Auto'!AW7&gt;100),"N",IF(AND('Cambios Auto'!AV7&lt;0,'Indices Auto'!AW7&lt;100),"R","NULL"))))</f>
        <v>A</v>
      </c>
      <c r="AW7" s="2" t="str">
        <f>IF(AND('Cambios Auto'!AW7&gt;0,'Indices Auto'!AX7&gt;100),"V",IF(AND('Cambios Auto'!AW7&gt;0,'Indices Auto'!AX7&lt;100),"A",IF(AND('Cambios Auto'!AW7&lt;0,'Indices Auto'!AX7&gt;100),"N",IF(AND('Cambios Auto'!AW7&lt;0,'Indices Auto'!AX7&lt;100),"R","NULL"))))</f>
        <v>A</v>
      </c>
      <c r="AX7" s="2" t="str">
        <f>IF(AND('Cambios Auto'!AX7&gt;0,'Indices Auto'!AY7&gt;100),"V",IF(AND('Cambios Auto'!AX7&gt;0,'Indices Auto'!AY7&lt;100),"A",IF(AND('Cambios Auto'!AX7&lt;0,'Indices Auto'!AY7&gt;100),"N",IF(AND('Cambios Auto'!AX7&lt;0,'Indices Auto'!AY7&lt;100),"R","NULL"))))</f>
        <v>A</v>
      </c>
      <c r="AY7" s="2" t="str">
        <f>IF(AND('Cambios Auto'!AY7&gt;0,'Indices Auto'!AZ7&gt;100),"V",IF(AND('Cambios Auto'!AY7&gt;0,'Indices Auto'!AZ7&lt;100),"A",IF(AND('Cambios Auto'!AY7&lt;0,'Indices Auto'!AZ7&gt;100),"N",IF(AND('Cambios Auto'!AY7&lt;0,'Indices Auto'!AZ7&lt;100),"R","NULL"))))</f>
        <v>A</v>
      </c>
      <c r="AZ7" s="2" t="str">
        <f>IF(AND('Cambios Auto'!AZ7&gt;0,'Indices Auto'!BA7&gt;100),"V",IF(AND('Cambios Auto'!AZ7&gt;0,'Indices Auto'!BA7&lt;100),"A",IF(AND('Cambios Auto'!AZ7&lt;0,'Indices Auto'!BA7&gt;100),"N",IF(AND('Cambios Auto'!AZ7&lt;0,'Indices Auto'!BA7&lt;100),"R","NULL"))))</f>
        <v>V</v>
      </c>
      <c r="BA7" s="2" t="str">
        <f>IF(AND('Cambios Auto'!BA7&gt;0,'Indices Auto'!BB7&gt;100),"V",IF(AND('Cambios Auto'!BA7&gt;0,'Indices Auto'!BB7&lt;100),"A",IF(AND('Cambios Auto'!BA7&lt;0,'Indices Auto'!BB7&gt;100),"N",IF(AND('Cambios Auto'!BA7&lt;0,'Indices Auto'!BB7&lt;100),"R","NULL"))))</f>
        <v>V</v>
      </c>
      <c r="BB7" s="2" t="str">
        <f>IF(AND('Cambios Auto'!BB7&gt;0,'Indices Auto'!BC7&gt;100),"V",IF(AND('Cambios Auto'!BB7&gt;0,'Indices Auto'!BC7&lt;100),"A",IF(AND('Cambios Auto'!BB7&lt;0,'Indices Auto'!BC7&gt;100),"N",IF(AND('Cambios Auto'!BB7&lt;0,'Indices Auto'!BC7&lt;100),"R","NULL"))))</f>
        <v>V</v>
      </c>
      <c r="BC7" s="2" t="str">
        <f>IF(AND('Cambios Auto'!BC7&gt;0,'Indices Auto'!BD7&gt;100),"V",IF(AND('Cambios Auto'!BC7&gt;0,'Indices Auto'!BD7&lt;100),"A",IF(AND('Cambios Auto'!BC7&lt;0,'Indices Auto'!BD7&gt;100),"N",IF(AND('Cambios Auto'!BC7&lt;0,'Indices Auto'!BD7&lt;100),"R","NULL"))))</f>
        <v>V</v>
      </c>
      <c r="BD7" s="2" t="str">
        <f>IF(AND('Cambios Auto'!BD7&gt;0,'Indices Auto'!BE7&gt;100),"V",IF(AND('Cambios Auto'!BD7&gt;0,'Indices Auto'!BE7&lt;100),"A",IF(AND('Cambios Auto'!BD7&lt;0,'Indices Auto'!BE7&gt;100),"N",IF(AND('Cambios Auto'!BD7&lt;0,'Indices Auto'!BE7&lt;100),"R","NULL"))))</f>
        <v>V</v>
      </c>
      <c r="BE7" s="2" t="str">
        <f>IF(AND('Cambios Auto'!BE7&gt;0,'Indices Auto'!BF7&gt;100),"V",IF(AND('Cambios Auto'!BE7&gt;0,'Indices Auto'!BF7&lt;100),"A",IF(AND('Cambios Auto'!BE7&lt;0,'Indices Auto'!BF7&gt;100),"N",IF(AND('Cambios Auto'!BE7&lt;0,'Indices Auto'!BF7&lt;100),"R","NULL"))))</f>
        <v>V</v>
      </c>
      <c r="BF7" s="2" t="str">
        <f>IF(AND('Cambios Auto'!BF7&gt;0,'Indices Auto'!BG7&gt;100),"V",IF(AND('Cambios Auto'!BF7&gt;0,'Indices Auto'!BG7&lt;100),"A",IF(AND('Cambios Auto'!BF7&lt;0,'Indices Auto'!BG7&gt;100),"N",IF(AND('Cambios Auto'!BF7&lt;0,'Indices Auto'!BG7&lt;100),"R","NULL"))))</f>
        <v>V</v>
      </c>
      <c r="BG7" s="2" t="str">
        <f>IF(AND('Cambios Auto'!BG7&gt;0,'Indices Auto'!BH7&gt;100),"V",IF(AND('Cambios Auto'!BG7&gt;0,'Indices Auto'!BH7&lt;100),"A",IF(AND('Cambios Auto'!BG7&lt;0,'Indices Auto'!BH7&gt;100),"N",IF(AND('Cambios Auto'!BG7&lt;0,'Indices Auto'!BH7&lt;100),"R","NULL"))))</f>
        <v>V</v>
      </c>
      <c r="BH7" s="2" t="str">
        <f>IF(AND('Cambios Auto'!BH7&gt;0,'Indices Auto'!BI7&gt;100),"V",IF(AND('Cambios Auto'!BH7&gt;0,'Indices Auto'!BI7&lt;100),"A",IF(AND('Cambios Auto'!BH7&lt;0,'Indices Auto'!BI7&gt;100),"N",IF(AND('Cambios Auto'!BH7&lt;0,'Indices Auto'!BI7&lt;100),"R","NULL"))))</f>
        <v>V</v>
      </c>
      <c r="BI7" s="2" t="str">
        <f>IF(AND('Cambios Auto'!BI7&gt;0,'Indices Auto'!BJ7&gt;100),"V",IF(AND('Cambios Auto'!BI7&gt;0,'Indices Auto'!BJ7&lt;100),"A",IF(AND('Cambios Auto'!BI7&lt;0,'Indices Auto'!BJ7&gt;100),"N",IF(AND('Cambios Auto'!BI7&lt;0,'Indices Auto'!BJ7&lt;100),"R","NULL"))))</f>
        <v>V</v>
      </c>
      <c r="BJ7" s="2" t="str">
        <f>IF(AND('Cambios Auto'!BJ7&gt;0,'Indices Auto'!BK7&gt;100),"V",IF(AND('Cambios Auto'!BJ7&gt;0,'Indices Auto'!BK7&lt;100),"A",IF(AND('Cambios Auto'!BJ7&lt;0,'Indices Auto'!BK7&gt;100),"N",IF(AND('Cambios Auto'!BJ7&lt;0,'Indices Auto'!BK7&lt;100),"R","NULL"))))</f>
        <v>N</v>
      </c>
      <c r="BK7" s="2" t="str">
        <f>IF(AND('Cambios Auto'!BK7&gt;0,'Indices Auto'!BL7&gt;100),"V",IF(AND('Cambios Auto'!BK7&gt;0,'Indices Auto'!BL7&lt;100),"A",IF(AND('Cambios Auto'!BK7&lt;0,'Indices Auto'!BL7&gt;100),"N",IF(AND('Cambios Auto'!BK7&lt;0,'Indices Auto'!BL7&lt;100),"R","NULL"))))</f>
        <v>N</v>
      </c>
      <c r="BL7" s="2" t="str">
        <f>IF(AND('Cambios Auto'!BL7&gt;0,'Indices Auto'!BM7&gt;100),"V",IF(AND('Cambios Auto'!BL7&gt;0,'Indices Auto'!BM7&lt;100),"A",IF(AND('Cambios Auto'!BL7&lt;0,'Indices Auto'!BM7&gt;100),"N",IF(AND('Cambios Auto'!BL7&lt;0,'Indices Auto'!BM7&lt;100),"R","NULL"))))</f>
        <v>N</v>
      </c>
      <c r="BM7" s="2" t="str">
        <f>IF(AND('Cambios Auto'!BM7&gt;0,'Indices Auto'!BN7&gt;100),"V",IF(AND('Cambios Auto'!BM7&gt;0,'Indices Auto'!BN7&lt;100),"A",IF(AND('Cambios Auto'!BM7&lt;0,'Indices Auto'!BN7&gt;100),"N",IF(AND('Cambios Auto'!BM7&lt;0,'Indices Auto'!BN7&lt;100),"R","NULL"))))</f>
        <v>N</v>
      </c>
      <c r="BN7" s="2" t="str">
        <f>IF(AND('Cambios Auto'!BN7&gt;0,'Indices Auto'!BO7&gt;100),"V",IF(AND('Cambios Auto'!BN7&gt;0,'Indices Auto'!BO7&lt;100),"A",IF(AND('Cambios Auto'!BN7&lt;0,'Indices Auto'!BO7&gt;100),"N",IF(AND('Cambios Auto'!BN7&lt;0,'Indices Auto'!BO7&lt;100),"R","NULL"))))</f>
        <v>N</v>
      </c>
      <c r="BO7" s="2" t="str">
        <f>IF(AND('Cambios Auto'!BO7&gt;0,'Indices Auto'!BP7&gt;100),"V",IF(AND('Cambios Auto'!BO7&gt;0,'Indices Auto'!BP7&lt;100),"A",IF(AND('Cambios Auto'!BO7&lt;0,'Indices Auto'!BP7&gt;100),"N",IF(AND('Cambios Auto'!BO7&lt;0,'Indices Auto'!BP7&lt;100),"R","NULL"))))</f>
        <v>N</v>
      </c>
      <c r="BP7" s="2" t="str">
        <f>IF(AND('Cambios Auto'!BP7&gt;0,'Indices Auto'!BQ7&gt;100),"V",IF(AND('Cambios Auto'!BP7&gt;0,'Indices Auto'!BQ7&lt;100),"A",IF(AND('Cambios Auto'!BP7&lt;0,'Indices Auto'!BQ7&gt;100),"N",IF(AND('Cambios Auto'!BP7&lt;0,'Indices Auto'!BQ7&lt;100),"R","NULL"))))</f>
        <v>V</v>
      </c>
      <c r="BQ7" s="2" t="str">
        <f>IF(AND('Cambios Auto'!BQ7&gt;0,'Indices Auto'!BR7&gt;100),"V",IF(AND('Cambios Auto'!BQ7&gt;0,'Indices Auto'!BR7&lt;100),"A",IF(AND('Cambios Auto'!BQ7&lt;0,'Indices Auto'!BR7&gt;100),"N",IF(AND('Cambios Auto'!BQ7&lt;0,'Indices Auto'!BR7&lt;100),"R","NULL"))))</f>
        <v>V</v>
      </c>
      <c r="BR7" s="2" t="str">
        <f>IF(AND('Cambios Auto'!BR7&gt;0,'Indices Auto'!BS7&gt;100),"V",IF(AND('Cambios Auto'!BR7&gt;0,'Indices Auto'!BS7&lt;100),"A",IF(AND('Cambios Auto'!BR7&lt;0,'Indices Auto'!BS7&gt;100),"N",IF(AND('Cambios Auto'!BR7&lt;0,'Indices Auto'!BS7&lt;100),"R","NULL"))))</f>
        <v>V</v>
      </c>
      <c r="BS7" s="2" t="str">
        <f>IF(AND('Cambios Auto'!BS7&gt;0,'Indices Auto'!BT7&gt;100),"V",IF(AND('Cambios Auto'!BS7&gt;0,'Indices Auto'!BT7&lt;100),"A",IF(AND('Cambios Auto'!BS7&lt;0,'Indices Auto'!BT7&gt;100),"N",IF(AND('Cambios Auto'!BS7&lt;0,'Indices Auto'!BT7&lt;100),"R","NULL"))))</f>
        <v>V</v>
      </c>
      <c r="BT7" s="2" t="str">
        <f>IF(AND('Cambios Auto'!BT7&gt;0,'Indices Auto'!BU7&gt;100),"V",IF(AND('Cambios Auto'!BT7&gt;0,'Indices Auto'!BU7&lt;100),"A",IF(AND('Cambios Auto'!BT7&lt;0,'Indices Auto'!BU7&gt;100),"N",IF(AND('Cambios Auto'!BT7&lt;0,'Indices Auto'!BU7&lt;100),"R","NULL"))))</f>
        <v>V</v>
      </c>
      <c r="BU7" s="2" t="str">
        <f>IF(AND('Cambios Auto'!BU7&gt;0,'Indices Auto'!BV7&gt;100),"V",IF(AND('Cambios Auto'!BU7&gt;0,'Indices Auto'!BV7&lt;100),"A",IF(AND('Cambios Auto'!BU7&lt;0,'Indices Auto'!BV7&gt;100),"N",IF(AND('Cambios Auto'!BU7&lt;0,'Indices Auto'!BV7&lt;100),"R","NULL"))))</f>
        <v>V</v>
      </c>
      <c r="BV7" s="2" t="str">
        <f>IF(AND('Cambios Auto'!BV7&gt;0,'Indices Auto'!BW7&gt;100),"V",IF(AND('Cambios Auto'!BV7&gt;0,'Indices Auto'!BW7&lt;100),"A",IF(AND('Cambios Auto'!BV7&lt;0,'Indices Auto'!BW7&gt;100),"N",IF(AND('Cambios Auto'!BV7&lt;0,'Indices Auto'!BW7&lt;100),"R","NULL"))))</f>
        <v>N</v>
      </c>
      <c r="BW7" s="2" t="str">
        <f>IF(AND('Cambios Auto'!BW7&gt;0,'Indices Auto'!BX7&gt;100),"V",IF(AND('Cambios Auto'!BW7&gt;0,'Indices Auto'!BX7&lt;100),"A",IF(AND('Cambios Auto'!BW7&lt;0,'Indices Auto'!BX7&gt;100),"N",IF(AND('Cambios Auto'!BW7&lt;0,'Indices Auto'!BX7&lt;100),"R","NULL"))))</f>
        <v>N</v>
      </c>
      <c r="BX7" s="2" t="str">
        <f>IF(AND('Cambios Auto'!BX7&gt;0,'Indices Auto'!BY7&gt;100),"V",IF(AND('Cambios Auto'!BX7&gt;0,'Indices Auto'!BY7&lt;100),"A",IF(AND('Cambios Auto'!BX7&lt;0,'Indices Auto'!BY7&gt;100),"N",IF(AND('Cambios Auto'!BX7&lt;0,'Indices Auto'!BY7&lt;100),"R","NULL"))))</f>
        <v>N</v>
      </c>
      <c r="BY7" s="2" t="str">
        <f>IF(AND('Cambios Auto'!BY7&gt;0,'Indices Auto'!BZ7&gt;100),"V",IF(AND('Cambios Auto'!BY7&gt;0,'Indices Auto'!BZ7&lt;100),"A",IF(AND('Cambios Auto'!BY7&lt;0,'Indices Auto'!BZ7&gt;100),"N",IF(AND('Cambios Auto'!BY7&lt;0,'Indices Auto'!BZ7&lt;100),"R","NULL"))))</f>
        <v>N</v>
      </c>
      <c r="BZ7" s="2" t="str">
        <f>IF(AND('Cambios Auto'!BZ7&gt;0,'Indices Auto'!CA7&gt;100),"V",IF(AND('Cambios Auto'!BZ7&gt;0,'Indices Auto'!CA7&lt;100),"A",IF(AND('Cambios Auto'!BZ7&lt;0,'Indices Auto'!CA7&gt;100),"N",IF(AND('Cambios Auto'!BZ7&lt;0,'Indices Auto'!CA7&lt;100),"R","NULL"))))</f>
        <v>N</v>
      </c>
      <c r="CA7" s="2" t="str">
        <f>IF(AND('Cambios Auto'!CA7&gt;0,'Indices Auto'!CB7&gt;100),"V",IF(AND('Cambios Auto'!CA7&gt;0,'Indices Auto'!CB7&lt;100),"A",IF(AND('Cambios Auto'!CA7&lt;0,'Indices Auto'!CB7&gt;100),"N",IF(AND('Cambios Auto'!CA7&lt;0,'Indices Auto'!CB7&lt;100),"R","NULL"))))</f>
        <v>N</v>
      </c>
      <c r="CB7" s="2" t="str">
        <f>IF(AND('Cambios Auto'!CB7&gt;0,'Indices Auto'!CC7&gt;100),"V",IF(AND('Cambios Auto'!CB7&gt;0,'Indices Auto'!CC7&lt;100),"A",IF(AND('Cambios Auto'!CB7&lt;0,'Indices Auto'!CC7&gt;100),"N",IF(AND('Cambios Auto'!CB7&lt;0,'Indices Auto'!CC7&lt;100),"R","NULL"))))</f>
        <v>N</v>
      </c>
      <c r="CC7" s="2" t="str">
        <f>IF(AND('Cambios Auto'!CC7&gt;0,'Indices Auto'!CD7&gt;100),"V",IF(AND('Cambios Auto'!CC7&gt;0,'Indices Auto'!CD7&lt;100),"A",IF(AND('Cambios Auto'!CC7&lt;0,'Indices Auto'!CD7&gt;100),"N",IF(AND('Cambios Auto'!CC7&lt;0,'Indices Auto'!CD7&lt;100),"R","NULL"))))</f>
        <v>N</v>
      </c>
      <c r="CD7" s="2" t="str">
        <f>IF(AND('Cambios Auto'!CD7&gt;0,'Indices Auto'!CE7&gt;100),"V",IF(AND('Cambios Auto'!CD7&gt;0,'Indices Auto'!CE7&lt;100),"A",IF(AND('Cambios Auto'!CD7&lt;0,'Indices Auto'!CE7&gt;100),"N",IF(AND('Cambios Auto'!CD7&lt;0,'Indices Auto'!CE7&lt;100),"R","NULL"))))</f>
        <v>V</v>
      </c>
      <c r="CE7" s="2" t="str">
        <f>IF(AND('Cambios Auto'!CE7&gt;0,'Indices Auto'!CF7&gt;100),"V",IF(AND('Cambios Auto'!CE7&gt;0,'Indices Auto'!CF7&lt;100),"A",IF(AND('Cambios Auto'!CE7&lt;0,'Indices Auto'!CF7&gt;100),"N",IF(AND('Cambios Auto'!CE7&lt;0,'Indices Auto'!CF7&lt;100),"R","NULL"))))</f>
        <v>V</v>
      </c>
      <c r="CF7" s="2" t="str">
        <f>IF(AND('Cambios Auto'!CF7&gt;0,'Indices Auto'!CG7&gt;100),"V",IF(AND('Cambios Auto'!CF7&gt;0,'Indices Auto'!CG7&lt;100),"A",IF(AND('Cambios Auto'!CF7&lt;0,'Indices Auto'!CG7&gt;100),"N",IF(AND('Cambios Auto'!CF7&lt;0,'Indices Auto'!CG7&lt;100),"R","NULL"))))</f>
        <v>V</v>
      </c>
      <c r="CG7" s="2" t="str">
        <f>IF(AND('Cambios Auto'!CG7&gt;0,'Indices Auto'!CH7&gt;100),"V",IF(AND('Cambios Auto'!CG7&gt;0,'Indices Auto'!CH7&lt;100),"A",IF(AND('Cambios Auto'!CG7&lt;0,'Indices Auto'!CH7&gt;100),"N",IF(AND('Cambios Auto'!CG7&lt;0,'Indices Auto'!CH7&lt;100),"R","NULL"))))</f>
        <v>V</v>
      </c>
      <c r="CH7" s="2" t="str">
        <f>IF(AND('Cambios Auto'!CH7&gt;0,'Indices Auto'!CI7&gt;100),"V",IF(AND('Cambios Auto'!CH7&gt;0,'Indices Auto'!CI7&lt;100),"A",IF(AND('Cambios Auto'!CH7&lt;0,'Indices Auto'!CI7&gt;100),"N",IF(AND('Cambios Auto'!CH7&lt;0,'Indices Auto'!CI7&lt;100),"R","NULL"))))</f>
        <v>V</v>
      </c>
      <c r="CI7" s="2" t="str">
        <f>IF(AND('Cambios Auto'!CI7&gt;0,'Indices Auto'!CJ7&gt;100),"V",IF(AND('Cambios Auto'!CI7&gt;0,'Indices Auto'!CJ7&lt;100),"A",IF(AND('Cambios Auto'!CI7&lt;0,'Indices Auto'!CJ7&gt;100),"N",IF(AND('Cambios Auto'!CI7&lt;0,'Indices Auto'!CJ7&lt;100),"R","NULL"))))</f>
        <v>V</v>
      </c>
      <c r="CJ7" s="2" t="str">
        <f>IF(AND('Cambios Auto'!CJ7&gt;0,'Indices Auto'!CK7&gt;100),"V",IF(AND('Cambios Auto'!CJ7&gt;0,'Indices Auto'!CK7&lt;100),"A",IF(AND('Cambios Auto'!CJ7&lt;0,'Indices Auto'!CK7&gt;100),"N",IF(AND('Cambios Auto'!CJ7&lt;0,'Indices Auto'!CK7&lt;100),"R","NULL"))))</f>
        <v>V</v>
      </c>
      <c r="CK7" s="2" t="str">
        <f>IF(AND('Cambios Auto'!CK7&gt;0,'Indices Auto'!CL7&gt;100),"V",IF(AND('Cambios Auto'!CK7&gt;0,'Indices Auto'!CL7&lt;100),"A",IF(AND('Cambios Auto'!CK7&lt;0,'Indices Auto'!CL7&gt;100),"N",IF(AND('Cambios Auto'!CK7&lt;0,'Indices Auto'!CL7&lt;100),"R","NULL"))))</f>
        <v>V</v>
      </c>
      <c r="CL7" s="2" t="str">
        <f>IF(AND('Cambios Auto'!CL7&gt;0,'Indices Auto'!CM7&gt;100),"V",IF(AND('Cambios Auto'!CL7&gt;0,'Indices Auto'!CM7&lt;100),"A",IF(AND('Cambios Auto'!CL7&lt;0,'Indices Auto'!CM7&gt;100),"N",IF(AND('Cambios Auto'!CL7&lt;0,'Indices Auto'!CM7&lt;100),"R","NULL"))))</f>
        <v>V</v>
      </c>
      <c r="CM7" s="2" t="str">
        <f>IF(AND('Cambios Auto'!CM7&gt;0,'Indices Auto'!CN7&gt;100),"V",IF(AND('Cambios Auto'!CM7&gt;0,'Indices Auto'!CN7&lt;100),"A",IF(AND('Cambios Auto'!CM7&lt;0,'Indices Auto'!CN7&gt;100),"N",IF(AND('Cambios Auto'!CM7&lt;0,'Indices Auto'!CN7&lt;100),"R","NULL"))))</f>
        <v>V</v>
      </c>
      <c r="CN7" s="2" t="str">
        <f>IF(AND('Cambios Auto'!CN7&gt;0,'Indices Auto'!CO7&gt;100),"V",IF(AND('Cambios Auto'!CN7&gt;0,'Indices Auto'!CO7&lt;100),"A",IF(AND('Cambios Auto'!CN7&lt;0,'Indices Auto'!CO7&gt;100),"N",IF(AND('Cambios Auto'!CN7&lt;0,'Indices Auto'!CO7&lt;100),"R","NULL"))))</f>
        <v>V</v>
      </c>
      <c r="CO7" s="2" t="str">
        <f>IF(AND('Cambios Auto'!CO7&gt;0,'Indices Auto'!CP7&gt;100),"V",IF(AND('Cambios Auto'!CO7&gt;0,'Indices Auto'!CP7&lt;100),"A",IF(AND('Cambios Auto'!CO7&lt;0,'Indices Auto'!CP7&gt;100),"N",IF(AND('Cambios Auto'!CO7&lt;0,'Indices Auto'!CP7&lt;100),"R","NULL"))))</f>
        <v>V</v>
      </c>
      <c r="CP7" s="2" t="str">
        <f>IF(AND('Cambios Auto'!CP7&gt;0,'Indices Auto'!CQ7&gt;100),"V",IF(AND('Cambios Auto'!CP7&gt;0,'Indices Auto'!CQ7&lt;100),"A",IF(AND('Cambios Auto'!CP7&lt;0,'Indices Auto'!CQ7&gt;100),"N",IF(AND('Cambios Auto'!CP7&lt;0,'Indices Auto'!CQ7&lt;100),"R","NULL"))))</f>
        <v>V</v>
      </c>
      <c r="CQ7" s="2" t="str">
        <f>IF(AND('Cambios Auto'!CQ7&gt;0,'Indices Auto'!CR7&gt;100),"V",IF(AND('Cambios Auto'!CQ7&gt;0,'Indices Auto'!CR7&lt;100),"A",IF(AND('Cambios Auto'!CQ7&lt;0,'Indices Auto'!CR7&gt;100),"N",IF(AND('Cambios Auto'!CQ7&lt;0,'Indices Auto'!CR7&lt;100),"R","NULL"))))</f>
        <v>V</v>
      </c>
      <c r="CR7" s="2" t="str">
        <f>IF(AND('Cambios Auto'!CR7&gt;0,'Indices Auto'!CS7&gt;100),"V",IF(AND('Cambios Auto'!CR7&gt;0,'Indices Auto'!CS7&lt;100),"A",IF(AND('Cambios Auto'!CR7&lt;0,'Indices Auto'!CS7&gt;100),"N",IF(AND('Cambios Auto'!CR7&lt;0,'Indices Auto'!CS7&lt;100),"R","NULL"))))</f>
        <v>V</v>
      </c>
      <c r="CS7" s="2" t="str">
        <f>IF(AND('Cambios Auto'!CS7&gt;0,'Indices Auto'!CT7&gt;100),"V",IF(AND('Cambios Auto'!CS7&gt;0,'Indices Auto'!CT7&lt;100),"A",IF(AND('Cambios Auto'!CS7&lt;0,'Indices Auto'!CT7&gt;100),"N",IF(AND('Cambios Auto'!CS7&lt;0,'Indices Auto'!CT7&lt;100),"R","NULL"))))</f>
        <v>V</v>
      </c>
      <c r="CT7" s="2" t="str">
        <f>IF(AND('Cambios Auto'!CT7&gt;0,'Indices Auto'!CU7&gt;100),"V",IF(AND('Cambios Auto'!CT7&gt;0,'Indices Auto'!CU7&lt;100),"A",IF(AND('Cambios Auto'!CT7&lt;0,'Indices Auto'!CU7&gt;100),"N",IF(AND('Cambios Auto'!CT7&lt;0,'Indices Auto'!CU7&lt;100),"R","NULL"))))</f>
        <v>V</v>
      </c>
      <c r="CU7" s="2" t="str">
        <f>IF(AND('Cambios Auto'!CU7&gt;0,'Indices Auto'!CV7&gt;100),"V",IF(AND('Cambios Auto'!CU7&gt;0,'Indices Auto'!CV7&lt;100),"A",IF(AND('Cambios Auto'!CU7&lt;0,'Indices Auto'!CV7&gt;100),"N",IF(AND('Cambios Auto'!CU7&lt;0,'Indices Auto'!CV7&lt;100),"R","NULL"))))</f>
        <v>V</v>
      </c>
      <c r="CV7" s="2" t="str">
        <f>IF(AND('Cambios Auto'!CV7&gt;0,'Indices Auto'!CW7&gt;100),"V",IF(AND('Cambios Auto'!CV7&gt;0,'Indices Auto'!CW7&lt;100),"A",IF(AND('Cambios Auto'!CV7&lt;0,'Indices Auto'!CW7&gt;100),"N",IF(AND('Cambios Auto'!CV7&lt;0,'Indices Auto'!CW7&lt;100),"R","NULL"))))</f>
        <v>V</v>
      </c>
      <c r="CW7" s="2" t="str">
        <f>IF(AND('Cambios Auto'!CW7&gt;0,'Indices Auto'!CX7&gt;100),"V",IF(AND('Cambios Auto'!CW7&gt;0,'Indices Auto'!CX7&lt;100),"A",IF(AND('Cambios Auto'!CW7&lt;0,'Indices Auto'!CX7&gt;100),"N",IF(AND('Cambios Auto'!CW7&lt;0,'Indices Auto'!CX7&lt;100),"R","NULL"))))</f>
        <v>N</v>
      </c>
      <c r="CX7" s="2" t="str">
        <f>IF(AND('Cambios Auto'!CX7&gt;0,'Indices Auto'!CY7&gt;100),"V",IF(AND('Cambios Auto'!CX7&gt;0,'Indices Auto'!CY7&lt;100),"A",IF(AND('Cambios Auto'!CX7&lt;0,'Indices Auto'!CY7&gt;100),"N",IF(AND('Cambios Auto'!CX7&lt;0,'Indices Auto'!CY7&lt;100),"R","NULL"))))</f>
        <v>N</v>
      </c>
      <c r="CY7" s="2" t="str">
        <f>IF(AND('Cambios Auto'!CY7&gt;0,'Indices Auto'!CZ7&gt;100),"V",IF(AND('Cambios Auto'!CY7&gt;0,'Indices Auto'!CZ7&lt;100),"A",IF(AND('Cambios Auto'!CY7&lt;0,'Indices Auto'!CZ7&gt;100),"N",IF(AND('Cambios Auto'!CY7&lt;0,'Indices Auto'!CZ7&lt;100),"R","NULL"))))</f>
        <v>N</v>
      </c>
      <c r="CZ7" s="2" t="str">
        <f>IF(AND('Cambios Auto'!CZ7&gt;0,'Indices Auto'!DA7&gt;100),"V",IF(AND('Cambios Auto'!CZ7&gt;0,'Indices Auto'!DA7&lt;100),"A",IF(AND('Cambios Auto'!CZ7&lt;0,'Indices Auto'!DA7&gt;100),"N",IF(AND('Cambios Auto'!CZ7&lt;0,'Indices Auto'!DA7&lt;100),"R","NULL"))))</f>
        <v>N</v>
      </c>
      <c r="DA7" s="2" t="str">
        <f>IF(AND('Cambios Auto'!DA7&gt;0,'Indices Auto'!DB7&gt;100),"V",IF(AND('Cambios Auto'!DA7&gt;0,'Indices Auto'!DB7&lt;100),"A",IF(AND('Cambios Auto'!DA7&lt;0,'Indices Auto'!DB7&gt;100),"N",IF(AND('Cambios Auto'!DA7&lt;0,'Indices Auto'!DB7&lt;100),"R","NULL"))))</f>
        <v>N</v>
      </c>
      <c r="DB7" s="2" t="str">
        <f>IF(AND('Cambios Auto'!DB7&gt;0,'Indices Auto'!DC7&gt;100),"V",IF(AND('Cambios Auto'!DB7&gt;0,'Indices Auto'!DC7&lt;100),"A",IF(AND('Cambios Auto'!DB7&lt;0,'Indices Auto'!DC7&gt;100),"N",IF(AND('Cambios Auto'!DB7&lt;0,'Indices Auto'!DC7&lt;100),"R","NULL"))))</f>
        <v>N</v>
      </c>
      <c r="DC7" s="2" t="str">
        <f>IF(AND('Cambios Auto'!DC7&gt;0,'Indices Auto'!DD7&gt;100),"V",IF(AND('Cambios Auto'!DC7&gt;0,'Indices Auto'!DD7&lt;100),"A",IF(AND('Cambios Auto'!DC7&lt;0,'Indices Auto'!DD7&gt;100),"N",IF(AND('Cambios Auto'!DC7&lt;0,'Indices Auto'!DD7&lt;100),"R","NULL"))))</f>
        <v>N</v>
      </c>
      <c r="DD7" s="2" t="str">
        <f>IF(AND('Cambios Auto'!DD7&gt;0,'Indices Auto'!DE7&gt;100),"V",IF(AND('Cambios Auto'!DD7&gt;0,'Indices Auto'!DE7&lt;100),"A",IF(AND('Cambios Auto'!DD7&lt;0,'Indices Auto'!DE7&gt;100),"N",IF(AND('Cambios Auto'!DD7&lt;0,'Indices Auto'!DE7&lt;100),"R","NULL"))))</f>
        <v>N</v>
      </c>
      <c r="DE7" s="2" t="str">
        <f>IF(AND('Cambios Auto'!DE7&gt;0,'Indices Auto'!DF7&gt;100),"V",IF(AND('Cambios Auto'!DE7&gt;0,'Indices Auto'!DF7&lt;100),"A",IF(AND('Cambios Auto'!DE7&lt;0,'Indices Auto'!DF7&gt;100),"N",IF(AND('Cambios Auto'!DE7&lt;0,'Indices Auto'!DF7&lt;100),"R","NULL"))))</f>
        <v>R</v>
      </c>
      <c r="DF7" s="2" t="str">
        <f>IF(AND('Cambios Auto'!DF7&gt;0,'Indices Auto'!DG7&gt;100),"V",IF(AND('Cambios Auto'!DF7&gt;0,'Indices Auto'!DG7&lt;100),"A",IF(AND('Cambios Auto'!DF7&lt;0,'Indices Auto'!DG7&gt;100),"N",IF(AND('Cambios Auto'!DF7&lt;0,'Indices Auto'!DG7&lt;100),"R","NULL"))))</f>
        <v>R</v>
      </c>
      <c r="DG7" s="2" t="str">
        <f>IF(AND('Cambios Auto'!DG7&gt;0,'Indices Auto'!DH7&gt;100),"V",IF(AND('Cambios Auto'!DG7&gt;0,'Indices Auto'!DH7&lt;100),"A",IF(AND('Cambios Auto'!DG7&lt;0,'Indices Auto'!DH7&gt;100),"N",IF(AND('Cambios Auto'!DG7&lt;0,'Indices Auto'!DH7&lt;100),"R","NULL"))))</f>
        <v>R</v>
      </c>
      <c r="DH7" s="2" t="str">
        <f>IF(AND('Cambios Auto'!DH7&gt;0,'Indices Auto'!DI7&gt;100),"V",IF(AND('Cambios Auto'!DH7&gt;0,'Indices Auto'!DI7&lt;100),"A",IF(AND('Cambios Auto'!DH7&lt;0,'Indices Auto'!DI7&gt;100),"N",IF(AND('Cambios Auto'!DH7&lt;0,'Indices Auto'!DI7&lt;100),"R","NULL"))))</f>
        <v>R</v>
      </c>
      <c r="DI7" s="2" t="str">
        <f>IF(AND('Cambios Auto'!DI7&gt;0,'Indices Auto'!DJ7&gt;100),"V",IF(AND('Cambios Auto'!DI7&gt;0,'Indices Auto'!DJ7&lt;100),"A",IF(AND('Cambios Auto'!DI7&lt;0,'Indices Auto'!DJ7&gt;100),"N",IF(AND('Cambios Auto'!DI7&lt;0,'Indices Auto'!DJ7&lt;100),"R","NULL"))))</f>
        <v>R</v>
      </c>
      <c r="DJ7" s="2" t="str">
        <f>IF(AND('Cambios Auto'!DJ7&gt;0,'Indices Auto'!DK7&gt;100),"V",IF(AND('Cambios Auto'!DJ7&gt;0,'Indices Auto'!DK7&lt;100),"A",IF(AND('Cambios Auto'!DJ7&lt;0,'Indices Auto'!DK7&gt;100),"N",IF(AND('Cambios Auto'!DJ7&lt;0,'Indices Auto'!DK7&lt;100),"R","NULL"))))</f>
        <v>R</v>
      </c>
      <c r="DK7" s="2" t="str">
        <f>IF(AND('Cambios Auto'!DK7&gt;0,'Indices Auto'!DL7&gt;100),"V",IF(AND('Cambios Auto'!DK7&gt;0,'Indices Auto'!DL7&lt;100),"A",IF(AND('Cambios Auto'!DK7&lt;0,'Indices Auto'!DL7&gt;100),"N",IF(AND('Cambios Auto'!DK7&lt;0,'Indices Auto'!DL7&lt;100),"R","NULL"))))</f>
        <v>R</v>
      </c>
      <c r="DL7" s="2" t="str">
        <f>IF(AND('Cambios Auto'!DL7&gt;0,'Indices Auto'!DM7&gt;100),"V",IF(AND('Cambios Auto'!DL7&gt;0,'Indices Auto'!DM7&lt;100),"A",IF(AND('Cambios Auto'!DL7&lt;0,'Indices Auto'!DM7&gt;100),"N",IF(AND('Cambios Auto'!DL7&lt;0,'Indices Auto'!DM7&lt;100),"R","NULL"))))</f>
        <v>R</v>
      </c>
      <c r="DM7" s="2" t="str">
        <f>IF(AND('Cambios Auto'!DM7&gt;0,'Indices Auto'!DN7&gt;100),"V",IF(AND('Cambios Auto'!DM7&gt;0,'Indices Auto'!DN7&lt;100),"A",IF(AND('Cambios Auto'!DM7&lt;0,'Indices Auto'!DN7&gt;100),"N",IF(AND('Cambios Auto'!DM7&lt;0,'Indices Auto'!DN7&lt;100),"R","NULL"))))</f>
        <v>R</v>
      </c>
      <c r="DN7" s="2" t="str">
        <f>IF(AND('Cambios Auto'!DN7&gt;0,'Indices Auto'!DO7&gt;100),"V",IF(AND('Cambios Auto'!DN7&gt;0,'Indices Auto'!DO7&lt;100),"A",IF(AND('Cambios Auto'!DN7&lt;0,'Indices Auto'!DO7&gt;100),"N",IF(AND('Cambios Auto'!DN7&lt;0,'Indices Auto'!DO7&lt;100),"R","NULL"))))</f>
        <v>R</v>
      </c>
      <c r="DO7" s="2" t="str">
        <f>IF(AND('Cambios Auto'!DO7&gt;0,'Indices Auto'!DP7&gt;100),"V",IF(AND('Cambios Auto'!DO7&gt;0,'Indices Auto'!DP7&lt;100),"A",IF(AND('Cambios Auto'!DO7&lt;0,'Indices Auto'!DP7&gt;100),"N",IF(AND('Cambios Auto'!DO7&lt;0,'Indices Auto'!DP7&lt;100),"R","NULL"))))</f>
        <v>R</v>
      </c>
      <c r="DP7" s="2" t="str">
        <f>IF(AND('Cambios Auto'!DP7&gt;0,'Indices Auto'!DQ7&gt;100),"V",IF(AND('Cambios Auto'!DP7&gt;0,'Indices Auto'!DQ7&lt;100),"A",IF(AND('Cambios Auto'!DP7&lt;0,'Indices Auto'!DQ7&gt;100),"N",IF(AND('Cambios Auto'!DP7&lt;0,'Indices Auto'!DQ7&lt;100),"R","NULL"))))</f>
        <v>A</v>
      </c>
      <c r="DQ7" s="2" t="str">
        <f>IF(AND('Cambios Auto'!DQ7&gt;0,'Indices Auto'!DR7&gt;100),"V",IF(AND('Cambios Auto'!DQ7&gt;0,'Indices Auto'!DR7&lt;100),"A",IF(AND('Cambios Auto'!DQ7&lt;0,'Indices Auto'!DR7&gt;100),"N",IF(AND('Cambios Auto'!DQ7&lt;0,'Indices Auto'!DR7&lt;100),"R","NULL"))))</f>
        <v>A</v>
      </c>
      <c r="DR7" s="2" t="str">
        <f>IF(AND('Cambios Auto'!DR7&gt;0,'Indices Auto'!DS7&gt;100),"V",IF(AND('Cambios Auto'!DR7&gt;0,'Indices Auto'!DS7&lt;100),"A",IF(AND('Cambios Auto'!DR7&lt;0,'Indices Auto'!DS7&gt;100),"N",IF(AND('Cambios Auto'!DR7&lt;0,'Indices Auto'!DS7&lt;100),"R","NULL"))))</f>
        <v>A</v>
      </c>
      <c r="DS7" s="2" t="str">
        <f>IF(AND('Cambios Auto'!DS7&gt;0,'Indices Auto'!DT7&gt;100),"V",IF(AND('Cambios Auto'!DS7&gt;0,'Indices Auto'!DT7&lt;100),"A",IF(AND('Cambios Auto'!DS7&lt;0,'Indices Auto'!DT7&gt;100),"N",IF(AND('Cambios Auto'!DS7&lt;0,'Indices Auto'!DT7&lt;100),"R","NULL"))))</f>
        <v>A</v>
      </c>
      <c r="DT7" s="2" t="str">
        <f>IF(AND('Cambios Auto'!DT7&gt;0,'Indices Auto'!DU7&gt;100),"V",IF(AND('Cambios Auto'!DT7&gt;0,'Indices Auto'!DU7&lt;100),"A",IF(AND('Cambios Auto'!DT7&lt;0,'Indices Auto'!DU7&gt;100),"N",IF(AND('Cambios Auto'!DT7&lt;0,'Indices Auto'!DU7&lt;100),"R","NULL"))))</f>
        <v>A</v>
      </c>
      <c r="DU7" s="2" t="str">
        <f>IF(AND('Cambios Auto'!DU7&gt;0,'Indices Auto'!DV7&gt;100),"V",IF(AND('Cambios Auto'!DU7&gt;0,'Indices Auto'!DV7&lt;100),"A",IF(AND('Cambios Auto'!DU7&lt;0,'Indices Auto'!DV7&gt;100),"N",IF(AND('Cambios Auto'!DU7&lt;0,'Indices Auto'!DV7&lt;100),"R","NULL"))))</f>
        <v>A</v>
      </c>
      <c r="DV7" s="2" t="str">
        <f>IF(AND('Cambios Auto'!DV7&gt;0,'Indices Auto'!DW7&gt;100),"V",IF(AND('Cambios Auto'!DV7&gt;0,'Indices Auto'!DW7&lt;100),"A",IF(AND('Cambios Auto'!DV7&lt;0,'Indices Auto'!DW7&gt;100),"N",IF(AND('Cambios Auto'!DV7&lt;0,'Indices Auto'!DW7&lt;100),"R","NULL"))))</f>
        <v>A</v>
      </c>
      <c r="DW7" s="2" t="str">
        <f>IF(AND('Cambios Auto'!DW7&gt;0,'Indices Auto'!DX7&gt;100),"V",IF(AND('Cambios Auto'!DW7&gt;0,'Indices Auto'!DX7&lt;100),"A",IF(AND('Cambios Auto'!DW7&lt;0,'Indices Auto'!DX7&gt;100),"N",IF(AND('Cambios Auto'!DW7&lt;0,'Indices Auto'!DX7&lt;100),"R","NULL"))))</f>
        <v>A</v>
      </c>
      <c r="DX7" s="2" t="str">
        <f>IF(AND('Cambios Auto'!DX7&gt;0,'Indices Auto'!DY7&gt;100),"V",IF(AND('Cambios Auto'!DX7&gt;0,'Indices Auto'!DY7&lt;100),"A",IF(AND('Cambios Auto'!DX7&lt;0,'Indices Auto'!DY7&gt;100),"N",IF(AND('Cambios Auto'!DX7&lt;0,'Indices Auto'!DY7&lt;100),"R","NULL"))))</f>
        <v>A</v>
      </c>
      <c r="DY7" s="2" t="str">
        <f>IF(AND('Cambios Auto'!DY7&gt;0,'Indices Auto'!DZ7&gt;100),"V",IF(AND('Cambios Auto'!DY7&gt;0,'Indices Auto'!DZ7&lt;100),"A",IF(AND('Cambios Auto'!DY7&lt;0,'Indices Auto'!DZ7&gt;100),"N",IF(AND('Cambios Auto'!DY7&lt;0,'Indices Auto'!DZ7&lt;100),"R","NULL"))))</f>
        <v>R</v>
      </c>
      <c r="DZ7" s="2" t="str">
        <f>IF(AND('Cambios Auto'!DZ7&gt;0,'Indices Auto'!EA7&gt;100),"V",IF(AND('Cambios Auto'!DZ7&gt;0,'Indices Auto'!EA7&lt;100),"A",IF(AND('Cambios Auto'!DZ7&lt;0,'Indices Auto'!EA7&gt;100),"N",IF(AND('Cambios Auto'!DZ7&lt;0,'Indices Auto'!EA7&lt;100),"R","NULL"))))</f>
        <v>R</v>
      </c>
      <c r="EA7" s="2" t="str">
        <f>IF(AND('Cambios Auto'!EA7&gt;0,'Indices Auto'!EB7&gt;100),"V",IF(AND('Cambios Auto'!EA7&gt;0,'Indices Auto'!EB7&lt;100),"A",IF(AND('Cambios Auto'!EA7&lt;0,'Indices Auto'!EB7&gt;100),"N",IF(AND('Cambios Auto'!EA7&lt;0,'Indices Auto'!EB7&lt;100),"R","NULL"))))</f>
        <v>R</v>
      </c>
      <c r="EB7" s="2" t="str">
        <f>IF(AND('Cambios Auto'!EB7&gt;0,'Indices Auto'!EC7&gt;100),"V",IF(AND('Cambios Auto'!EB7&gt;0,'Indices Auto'!EC7&lt;100),"A",IF(AND('Cambios Auto'!EB7&lt;0,'Indices Auto'!EC7&gt;100),"N",IF(AND('Cambios Auto'!EB7&lt;0,'Indices Auto'!EC7&lt;100),"R","NULL"))))</f>
        <v>R</v>
      </c>
      <c r="EC7" s="2" t="str">
        <f>IF(AND('Cambios Auto'!EC7&gt;0,'Indices Auto'!ED7&gt;100),"V",IF(AND('Cambios Auto'!EC7&gt;0,'Indices Auto'!ED7&lt;100),"A",IF(AND('Cambios Auto'!EC7&lt;0,'Indices Auto'!ED7&gt;100),"N",IF(AND('Cambios Auto'!EC7&lt;0,'Indices Auto'!ED7&lt;100),"R","NULL"))))</f>
        <v>R</v>
      </c>
      <c r="ED7" s="2" t="str">
        <f>IF(AND('Cambios Auto'!ED7&gt;0,'Indices Auto'!EE7&gt;100),"V",IF(AND('Cambios Auto'!ED7&gt;0,'Indices Auto'!EE7&lt;100),"A",IF(AND('Cambios Auto'!ED7&lt;0,'Indices Auto'!EE7&gt;100),"N",IF(AND('Cambios Auto'!ED7&lt;0,'Indices Auto'!EE7&lt;100),"R","NULL"))))</f>
        <v>A</v>
      </c>
      <c r="EE7" s="2" t="str">
        <f>IF(AND('Cambios Auto'!EE7&gt;0,'Indices Auto'!EF7&gt;100),"V",IF(AND('Cambios Auto'!EE7&gt;0,'Indices Auto'!EF7&lt;100),"A",IF(AND('Cambios Auto'!EE7&lt;0,'Indices Auto'!EF7&gt;100),"N",IF(AND('Cambios Auto'!EE7&lt;0,'Indices Auto'!EF7&lt;100),"R","NULL"))))</f>
        <v>A</v>
      </c>
      <c r="EF7" s="2" t="str">
        <f>IF(AND('Cambios Auto'!EF7&gt;0,'Indices Auto'!EG7&gt;100),"V",IF(AND('Cambios Auto'!EF7&gt;0,'Indices Auto'!EG7&lt;100),"A",IF(AND('Cambios Auto'!EF7&lt;0,'Indices Auto'!EG7&gt;100),"N",IF(AND('Cambios Auto'!EF7&lt;0,'Indices Auto'!EG7&lt;100),"R","NULL"))))</f>
        <v>A</v>
      </c>
      <c r="EG7" s="2" t="str">
        <f>IF(AND('Cambios Auto'!EG7&gt;0,'Indices Auto'!EH7&gt;100),"V",IF(AND('Cambios Auto'!EG7&gt;0,'Indices Auto'!EH7&lt;100),"A",IF(AND('Cambios Auto'!EG7&lt;0,'Indices Auto'!EH7&gt;100),"N",IF(AND('Cambios Auto'!EG7&lt;0,'Indices Auto'!EH7&lt;100),"R","NULL"))))</f>
        <v>A</v>
      </c>
      <c r="EH7" s="2" t="str">
        <f>IF(AND('Cambios Auto'!EH7&gt;0,'Indices Auto'!EI7&gt;100),"V",IF(AND('Cambios Auto'!EH7&gt;0,'Indices Auto'!EI7&lt;100),"A",IF(AND('Cambios Auto'!EH7&lt;0,'Indices Auto'!EI7&gt;100),"N",IF(AND('Cambios Auto'!EH7&lt;0,'Indices Auto'!EI7&lt;100),"R","NULL"))))</f>
        <v>A</v>
      </c>
      <c r="EI7" s="2" t="str">
        <f>IF(AND('Cambios Auto'!EI7&gt;0,'Indices Auto'!EJ7&gt;100),"V",IF(AND('Cambios Auto'!EI7&gt;0,'Indices Auto'!EJ7&lt;100),"A",IF(AND('Cambios Auto'!EI7&lt;0,'Indices Auto'!EJ7&gt;100),"N",IF(AND('Cambios Auto'!EI7&lt;0,'Indices Auto'!EJ7&lt;100),"R","NULL"))))</f>
        <v>A</v>
      </c>
      <c r="EJ7" s="2" t="str">
        <f>IF(AND('Cambios Auto'!EJ7&gt;0,'Indices Auto'!EK7&gt;100),"V",IF(AND('Cambios Auto'!EJ7&gt;0,'Indices Auto'!EK7&lt;100),"A",IF(AND('Cambios Auto'!EJ7&lt;0,'Indices Auto'!EK7&gt;100),"N",IF(AND('Cambios Auto'!EJ7&lt;0,'Indices Auto'!EK7&lt;100),"R","NULL"))))</f>
        <v>A</v>
      </c>
      <c r="EK7" s="2" t="str">
        <f>IF(AND('Cambios Auto'!EK7&gt;0,'Indices Auto'!EL7&gt;100),"V",IF(AND('Cambios Auto'!EK7&gt;0,'Indices Auto'!EL7&lt;100),"A",IF(AND('Cambios Auto'!EK7&lt;0,'Indices Auto'!EL7&gt;100),"N",IF(AND('Cambios Auto'!EK7&lt;0,'Indices Auto'!EL7&lt;100),"R","NULL"))))</f>
        <v>A</v>
      </c>
      <c r="EL7" s="2" t="str">
        <f>IF(AND('Cambios Auto'!EL7&gt;0,'Indices Auto'!EM7&gt;100),"V",IF(AND('Cambios Auto'!EL7&gt;0,'Indices Auto'!EM7&lt;100),"A",IF(AND('Cambios Auto'!EL7&lt;0,'Indices Auto'!EM7&gt;100),"N",IF(AND('Cambios Auto'!EL7&lt;0,'Indices Auto'!EM7&lt;100),"R","NULL"))))</f>
        <v>A</v>
      </c>
      <c r="EM7" s="2" t="str">
        <f>IF(AND('Cambios Auto'!EM7&gt;0,'Indices Auto'!EN7&gt;100),"V",IF(AND('Cambios Auto'!EM7&gt;0,'Indices Auto'!EN7&lt;100),"A",IF(AND('Cambios Auto'!EM7&lt;0,'Indices Auto'!EN7&gt;100),"N",IF(AND('Cambios Auto'!EM7&lt;0,'Indices Auto'!EN7&lt;100),"R","NULL"))))</f>
        <v>A</v>
      </c>
      <c r="EN7" s="2" t="str">
        <f>IF(AND('Cambios Auto'!EN7&gt;0,'Indices Auto'!EO7&gt;100),"V",IF(AND('Cambios Auto'!EN7&gt;0,'Indices Auto'!EO7&lt;100),"A",IF(AND('Cambios Auto'!EN7&lt;0,'Indices Auto'!EO7&gt;100),"N",IF(AND('Cambios Auto'!EN7&lt;0,'Indices Auto'!EO7&lt;100),"R","NULL"))))</f>
        <v>A</v>
      </c>
      <c r="EO7" s="2" t="str">
        <f>IF(AND('Cambios Auto'!EO7&gt;0,'Indices Auto'!EP7&gt;100),"V",IF(AND('Cambios Auto'!EO7&gt;0,'Indices Auto'!EP7&lt;100),"A",IF(AND('Cambios Auto'!EO7&lt;0,'Indices Auto'!EP7&gt;100),"N",IF(AND('Cambios Auto'!EO7&lt;0,'Indices Auto'!EP7&lt;100),"R","NULL"))))</f>
        <v>V</v>
      </c>
      <c r="EP7" s="2" t="str">
        <f>IF(AND('Cambios Auto'!EP7&gt;0,'Indices Auto'!EQ7&gt;100),"V",IF(AND('Cambios Auto'!EP7&gt;0,'Indices Auto'!EQ7&lt;100),"A",IF(AND('Cambios Auto'!EP7&lt;0,'Indices Auto'!EQ7&gt;100),"N",IF(AND('Cambios Auto'!EP7&lt;0,'Indices Auto'!EQ7&lt;100),"R","NULL"))))</f>
        <v>V</v>
      </c>
      <c r="EQ7" s="2" t="str">
        <f>IF(AND('Cambios Auto'!EQ7&gt;0,'Indices Auto'!ER7&gt;100),"V",IF(AND('Cambios Auto'!EQ7&gt;0,'Indices Auto'!ER7&lt;100),"A",IF(AND('Cambios Auto'!EQ7&lt;0,'Indices Auto'!ER7&gt;100),"N",IF(AND('Cambios Auto'!EQ7&lt;0,'Indices Auto'!ER7&lt;100),"R","NULL"))))</f>
        <v>V</v>
      </c>
      <c r="ER7" s="2" t="str">
        <f>IF(AND('Cambios Auto'!ER7&gt;0,'Indices Auto'!ES7&gt;100),"V",IF(AND('Cambios Auto'!ER7&gt;0,'Indices Auto'!ES7&lt;100),"A",IF(AND('Cambios Auto'!ER7&lt;0,'Indices Auto'!ES7&gt;100),"N",IF(AND('Cambios Auto'!ER7&lt;0,'Indices Auto'!ES7&lt;100),"R","NULL"))))</f>
        <v>V</v>
      </c>
      <c r="ES7" s="2" t="str">
        <f>IF(AND('Cambios Auto'!ES7&gt;0,'Indices Auto'!ET7&gt;100),"V",IF(AND('Cambios Auto'!ES7&gt;0,'Indices Auto'!ET7&lt;100),"A",IF(AND('Cambios Auto'!ES7&lt;0,'Indices Auto'!ET7&gt;100),"N",IF(AND('Cambios Auto'!ES7&lt;0,'Indices Auto'!ET7&lt;100),"R","NULL"))))</f>
        <v>V</v>
      </c>
      <c r="ET7" s="2" t="str">
        <f>IF(AND('Cambios Auto'!ET7&gt;0,'Indices Auto'!EU7&gt;100),"V",IF(AND('Cambios Auto'!ET7&gt;0,'Indices Auto'!EU7&lt;100),"A",IF(AND('Cambios Auto'!ET7&lt;0,'Indices Auto'!EU7&gt;100),"N",IF(AND('Cambios Auto'!ET7&lt;0,'Indices Auto'!EU7&lt;100),"R","NULL"))))</f>
        <v>V</v>
      </c>
      <c r="EU7" s="2" t="str">
        <f>IF(AND('Cambios Auto'!EU7&gt;0,'Indices Auto'!EV7&gt;100),"V",IF(AND('Cambios Auto'!EU7&gt;0,'Indices Auto'!EV7&lt;100),"A",IF(AND('Cambios Auto'!EU7&lt;0,'Indices Auto'!EV7&gt;100),"N",IF(AND('Cambios Auto'!EU7&lt;0,'Indices Auto'!EV7&lt;100),"R","NULL"))))</f>
        <v>V</v>
      </c>
      <c r="EV7" s="2" t="str">
        <f>IF(AND('Cambios Auto'!EV7&gt;0,'Indices Auto'!EW7&gt;100),"V",IF(AND('Cambios Auto'!EV7&gt;0,'Indices Auto'!EW7&lt;100),"A",IF(AND('Cambios Auto'!EV7&lt;0,'Indices Auto'!EW7&gt;100),"N",IF(AND('Cambios Auto'!EV7&lt;0,'Indices Auto'!EW7&lt;100),"R","NULL"))))</f>
        <v>V</v>
      </c>
      <c r="EW7" s="2" t="str">
        <f>IF(AND('Cambios Auto'!EW7&gt;0,'Indices Auto'!EX7&gt;100),"V",IF(AND('Cambios Auto'!EW7&gt;0,'Indices Auto'!EX7&lt;100),"A",IF(AND('Cambios Auto'!EW7&lt;0,'Indices Auto'!EX7&gt;100),"N",IF(AND('Cambios Auto'!EW7&lt;0,'Indices Auto'!EX7&lt;100),"R","NULL"))))</f>
        <v>V</v>
      </c>
      <c r="EX7" s="2" t="str">
        <f>IF(AND('Cambios Auto'!EX7&gt;0,'Indices Auto'!EY7&gt;100),"V",IF(AND('Cambios Auto'!EX7&gt;0,'Indices Auto'!EY7&lt;100),"A",IF(AND('Cambios Auto'!EX7&lt;0,'Indices Auto'!EY7&gt;100),"N",IF(AND('Cambios Auto'!EX7&lt;0,'Indices Auto'!EY7&lt;100),"R","NULL"))))</f>
        <v>N</v>
      </c>
      <c r="EY7" s="2" t="str">
        <f>IF(AND('Cambios Auto'!EY7&gt;0,'Indices Auto'!EZ7&gt;100),"V",IF(AND('Cambios Auto'!EY7&gt;0,'Indices Auto'!EZ7&lt;100),"A",IF(AND('Cambios Auto'!EY7&lt;0,'Indices Auto'!EZ7&gt;100),"N",IF(AND('Cambios Auto'!EY7&lt;0,'Indices Auto'!EZ7&lt;100),"R","NULL"))))</f>
        <v>N</v>
      </c>
      <c r="EZ7" s="2" t="str">
        <f>IF(AND('Cambios Auto'!EZ7&gt;0,'Indices Auto'!FA7&gt;100),"V",IF(AND('Cambios Auto'!EZ7&gt;0,'Indices Auto'!FA7&lt;100),"A",IF(AND('Cambios Auto'!EZ7&lt;0,'Indices Auto'!FA7&gt;100),"N",IF(AND('Cambios Auto'!EZ7&lt;0,'Indices Auto'!FA7&lt;100),"R","NULL"))))</f>
        <v>R</v>
      </c>
      <c r="FA7" s="2" t="str">
        <f>IF(AND('Cambios Auto'!FA7&gt;0,'Indices Auto'!FB7&gt;100),"V",IF(AND('Cambios Auto'!FA7&gt;0,'Indices Auto'!FB7&lt;100),"A",IF(AND('Cambios Auto'!FA7&lt;0,'Indices Auto'!FB7&gt;100),"N",IF(AND('Cambios Auto'!FA7&lt;0,'Indices Auto'!FB7&lt;100),"R","NULL"))))</f>
        <v>R</v>
      </c>
      <c r="FB7" s="2" t="str">
        <f>IF(AND('Cambios Auto'!FB7&gt;0,'Indices Auto'!FC7&gt;100),"V",IF(AND('Cambios Auto'!FB7&gt;0,'Indices Auto'!FC7&lt;100),"A",IF(AND('Cambios Auto'!FB7&lt;0,'Indices Auto'!FC7&gt;100),"N",IF(AND('Cambios Auto'!FB7&lt;0,'Indices Auto'!FC7&lt;100),"R","NULL"))))</f>
        <v>R</v>
      </c>
      <c r="FC7" s="2" t="str">
        <f>IF(AND('Cambios Auto'!FC7&gt;0,'Indices Auto'!FD7&gt;100),"V",IF(AND('Cambios Auto'!FC7&gt;0,'Indices Auto'!FD7&lt;100),"A",IF(AND('Cambios Auto'!FC7&lt;0,'Indices Auto'!FD7&gt;100),"N",IF(AND('Cambios Auto'!FC7&lt;0,'Indices Auto'!FD7&lt;100),"R","NULL"))))</f>
        <v>R</v>
      </c>
      <c r="FD7" s="2" t="str">
        <f>IF(AND('Cambios Auto'!FD7&gt;0,'Indices Auto'!FE7&gt;100),"V",IF(AND('Cambios Auto'!FD7&gt;0,'Indices Auto'!FE7&lt;100),"A",IF(AND('Cambios Auto'!FD7&lt;0,'Indices Auto'!FE7&gt;100),"N",IF(AND('Cambios Auto'!FD7&lt;0,'Indices Auto'!FE7&lt;100),"R","NULL"))))</f>
        <v>R</v>
      </c>
      <c r="FE7" s="2" t="str">
        <f>IF(AND('Cambios Auto'!FE7&gt;0,'Indices Auto'!FF7&gt;100),"V",IF(AND('Cambios Auto'!FE7&gt;0,'Indices Auto'!FF7&lt;100),"A",IF(AND('Cambios Auto'!FE7&lt;0,'Indices Auto'!FF7&gt;100),"N",IF(AND('Cambios Auto'!FE7&lt;0,'Indices Auto'!FF7&lt;100),"R","NULL"))))</f>
        <v>R</v>
      </c>
      <c r="FF7" s="2" t="str">
        <f>IF(AND('Cambios Auto'!FF7&gt;0,'Indices Auto'!FG7&gt;100),"V",IF(AND('Cambios Auto'!FF7&gt;0,'Indices Auto'!FG7&lt;100),"A",IF(AND('Cambios Auto'!FF7&lt;0,'Indices Auto'!FG7&gt;100),"N",IF(AND('Cambios Auto'!FF7&lt;0,'Indices Auto'!FG7&lt;100),"R","NULL"))))</f>
        <v>R</v>
      </c>
      <c r="FG7" s="2" t="str">
        <f>IF(AND('Cambios Auto'!FG7&gt;0,'Indices Auto'!FH7&gt;100),"V",IF(AND('Cambios Auto'!FG7&gt;0,'Indices Auto'!FH7&lt;100),"A",IF(AND('Cambios Auto'!FG7&lt;0,'Indices Auto'!FH7&gt;100),"N",IF(AND('Cambios Auto'!FG7&lt;0,'Indices Auto'!FH7&lt;100),"R","NULL"))))</f>
        <v>R</v>
      </c>
      <c r="FH7" s="2" t="str">
        <f>IF(AND('Cambios Auto'!FH7&gt;0,'Indices Auto'!FI7&gt;100),"V",IF(AND('Cambios Auto'!FH7&gt;0,'Indices Auto'!FI7&lt;100),"A",IF(AND('Cambios Auto'!FH7&lt;0,'Indices Auto'!FI7&gt;100),"N",IF(AND('Cambios Auto'!FH7&lt;0,'Indices Auto'!FI7&lt;100),"R","NULL"))))</f>
        <v>R</v>
      </c>
      <c r="FI7" s="2" t="str">
        <f>IF(AND('Cambios Auto'!FI7&gt;0,'Indices Auto'!FJ7&gt;100),"V",IF(AND('Cambios Auto'!FI7&gt;0,'Indices Auto'!FJ7&lt;100),"A",IF(AND('Cambios Auto'!FI7&lt;0,'Indices Auto'!FJ7&gt;100),"N",IF(AND('Cambios Auto'!FI7&lt;0,'Indices Auto'!FJ7&lt;100),"R","NULL"))))</f>
        <v>R</v>
      </c>
      <c r="FJ7" s="2" t="str">
        <f>IF(AND('Cambios Auto'!FJ7&gt;0,'Indices Auto'!FK7&gt;100),"V",IF(AND('Cambios Auto'!FJ7&gt;0,'Indices Auto'!FK7&lt;100),"A",IF(AND('Cambios Auto'!FJ7&lt;0,'Indices Auto'!FK7&gt;100),"N",IF(AND('Cambios Auto'!FJ7&lt;0,'Indices Auto'!FK7&lt;100),"R","NULL"))))</f>
        <v>R</v>
      </c>
      <c r="FK7" s="2" t="str">
        <f>IF(AND('Cambios Auto'!FK7&gt;0,'Indices Auto'!FL7&gt;100),"V",IF(AND('Cambios Auto'!FK7&gt;0,'Indices Auto'!FL7&lt;100),"A",IF(AND('Cambios Auto'!FK7&lt;0,'Indices Auto'!FL7&gt;100),"N",IF(AND('Cambios Auto'!FK7&lt;0,'Indices Auto'!FL7&lt;100),"R","NULL"))))</f>
        <v>R</v>
      </c>
      <c r="FL7" s="2" t="str">
        <f>IF(AND('Cambios Auto'!FL7&gt;0,'Indices Auto'!FM7&gt;100),"V",IF(AND('Cambios Auto'!FL7&gt;0,'Indices Auto'!FM7&lt;100),"A",IF(AND('Cambios Auto'!FL7&lt;0,'Indices Auto'!FM7&gt;100),"N",IF(AND('Cambios Auto'!FL7&lt;0,'Indices Auto'!FM7&lt;100),"R","NULL"))))</f>
        <v>A</v>
      </c>
      <c r="FM7" s="2" t="str">
        <f>IF(AND('Cambios Auto'!FM7&gt;0,'Indices Auto'!FN7&gt;100),"V",IF(AND('Cambios Auto'!FM7&gt;0,'Indices Auto'!FN7&lt;100),"A",IF(AND('Cambios Auto'!FM7&lt;0,'Indices Auto'!FN7&gt;100),"N",IF(AND('Cambios Auto'!FM7&lt;0,'Indices Auto'!FN7&lt;100),"R","NULL"))))</f>
        <v>R</v>
      </c>
      <c r="FN7" s="2" t="str">
        <f>IF(AND('Cambios Auto'!FN7&gt;0,'Indices Auto'!FO7&gt;100),"V",IF(AND('Cambios Auto'!FN7&gt;0,'Indices Auto'!FO7&lt;100),"A",IF(AND('Cambios Auto'!FN7&lt;0,'Indices Auto'!FO7&gt;100),"N",IF(AND('Cambios Auto'!FN7&lt;0,'Indices Auto'!FO7&lt;100),"R","NULL"))))</f>
        <v>R</v>
      </c>
      <c r="FO7" s="2" t="str">
        <f>IF(AND('Cambios Auto'!FO7&gt;0,'Indices Auto'!FP7&gt;100),"V",IF(AND('Cambios Auto'!FO7&gt;0,'Indices Auto'!FP7&lt;100),"A",IF(AND('Cambios Auto'!FO7&lt;0,'Indices Auto'!FP7&gt;100),"N",IF(AND('Cambios Auto'!FO7&lt;0,'Indices Auto'!FP7&lt;100),"R","NULL"))))</f>
        <v>R</v>
      </c>
      <c r="FP7" s="2" t="str">
        <f>IF(AND('Cambios Auto'!FP7&gt;0,'Indices Auto'!FQ7&gt;100),"V",IF(AND('Cambios Auto'!FP7&gt;0,'Indices Auto'!FQ7&lt;100),"A",IF(AND('Cambios Auto'!FP7&lt;0,'Indices Auto'!FQ7&gt;100),"N",IF(AND('Cambios Auto'!FP7&lt;0,'Indices Auto'!FQ7&lt;100),"R","NULL"))))</f>
        <v>R</v>
      </c>
      <c r="FQ7" s="2" t="str">
        <f>IF(AND('Cambios Auto'!FQ7&gt;0,'Indices Auto'!FR7&gt;100),"V",IF(AND('Cambios Auto'!FQ7&gt;0,'Indices Auto'!FR7&lt;100),"A",IF(AND('Cambios Auto'!FQ7&lt;0,'Indices Auto'!FR7&gt;100),"N",IF(AND('Cambios Auto'!FQ7&lt;0,'Indices Auto'!FR7&lt;100),"R","NULL"))))</f>
        <v>A</v>
      </c>
      <c r="FR7" s="2" t="str">
        <f>IF(AND('Cambios Auto'!FR7&gt;0,'Indices Auto'!FS7&gt;100),"V",IF(AND('Cambios Auto'!FR7&gt;0,'Indices Auto'!FS7&lt;100),"A",IF(AND('Cambios Auto'!FR7&lt;0,'Indices Auto'!FS7&gt;100),"N",IF(AND('Cambios Auto'!FR7&lt;0,'Indices Auto'!FS7&lt;100),"R","NULL"))))</f>
        <v>A</v>
      </c>
      <c r="FS7" s="2" t="str">
        <f>IF(AND('Cambios Auto'!FS7&gt;0,'Indices Auto'!FT7&gt;100),"V",IF(AND('Cambios Auto'!FS7&gt;0,'Indices Auto'!FT7&lt;100),"A",IF(AND('Cambios Auto'!FS7&lt;0,'Indices Auto'!FT7&gt;100),"N",IF(AND('Cambios Auto'!FS7&lt;0,'Indices Auto'!FT7&lt;100),"R","NULL"))))</f>
        <v>A</v>
      </c>
      <c r="FT7" s="2" t="str">
        <f>IF(AND('Cambios Auto'!FT7&gt;0,'Indices Auto'!FU7&gt;100),"V",IF(AND('Cambios Auto'!FT7&gt;0,'Indices Auto'!FU7&lt;100),"A",IF(AND('Cambios Auto'!FT7&lt;0,'Indices Auto'!FU7&gt;100),"N",IF(AND('Cambios Auto'!FT7&lt;0,'Indices Auto'!FU7&lt;100),"R","NULL"))))</f>
        <v>A</v>
      </c>
      <c r="FU7" s="2" t="str">
        <f>IF(AND('Cambios Auto'!FU7&gt;0,'Indices Auto'!FV7&gt;100),"V",IF(AND('Cambios Auto'!FU7&gt;0,'Indices Auto'!FV7&lt;100),"A",IF(AND('Cambios Auto'!FU7&lt;0,'Indices Auto'!FV7&gt;100),"N",IF(AND('Cambios Auto'!FU7&lt;0,'Indices Auto'!FV7&lt;100),"R","NULL"))))</f>
        <v>A</v>
      </c>
      <c r="FV7" s="2" t="str">
        <f>IF(AND('Cambios Auto'!FV7&gt;0,'Indices Auto'!FW7&gt;100),"V",IF(AND('Cambios Auto'!FV7&gt;0,'Indices Auto'!FW7&lt;100),"A",IF(AND('Cambios Auto'!FV7&lt;0,'Indices Auto'!FW7&gt;100),"N",IF(AND('Cambios Auto'!FV7&lt;0,'Indices Auto'!FW7&lt;100),"R","NULL"))))</f>
        <v>A</v>
      </c>
      <c r="FW7" s="2" t="str">
        <f>IF(AND('Cambios Auto'!FW7&gt;0,'Indices Auto'!FX7&gt;100),"V",IF(AND('Cambios Auto'!FW7&gt;0,'Indices Auto'!FX7&lt;100),"A",IF(AND('Cambios Auto'!FW7&lt;0,'Indices Auto'!FX7&gt;100),"N",IF(AND('Cambios Auto'!FW7&lt;0,'Indices Auto'!FX7&lt;100),"R","NULL"))))</f>
        <v>A</v>
      </c>
      <c r="FX7" s="2" t="str">
        <f>IF(AND('Cambios Auto'!FX7&gt;0,'Indices Auto'!FY7&gt;100),"V",IF(AND('Cambios Auto'!FX7&gt;0,'Indices Auto'!FY7&lt;100),"A",IF(AND('Cambios Auto'!FX7&lt;0,'Indices Auto'!FY7&gt;100),"N",IF(AND('Cambios Auto'!FX7&lt;0,'Indices Auto'!FY7&lt;100),"R","NULL"))))</f>
        <v>A</v>
      </c>
      <c r="FY7" s="2" t="str">
        <f>IF(AND('Cambios Auto'!FY7&gt;0,'Indices Auto'!FZ7&gt;100),"V",IF(AND('Cambios Auto'!FY7&gt;0,'Indices Auto'!FZ7&lt;100),"A",IF(AND('Cambios Auto'!FY7&lt;0,'Indices Auto'!FZ7&gt;100),"N",IF(AND('Cambios Auto'!FY7&lt;0,'Indices Auto'!FZ7&lt;100),"R","NULL"))))</f>
        <v>A</v>
      </c>
      <c r="FZ7" s="2" t="str">
        <f>IF(AND('Cambios Auto'!FZ7&gt;0,'Indices Auto'!GA7&gt;100),"V",IF(AND('Cambios Auto'!FZ7&gt;0,'Indices Auto'!GA7&lt;100),"A",IF(AND('Cambios Auto'!FZ7&lt;0,'Indices Auto'!GA7&gt;100),"N",IF(AND('Cambios Auto'!FZ7&lt;0,'Indices Auto'!GA7&lt;100),"R","NULL"))))</f>
        <v>A</v>
      </c>
      <c r="GA7" s="2" t="str">
        <f>IF(AND('Cambios Auto'!GA7&gt;0,'Indices Auto'!GB7&gt;100),"V",IF(AND('Cambios Auto'!GA7&gt;0,'Indices Auto'!GB7&lt;100),"A",IF(AND('Cambios Auto'!GA7&lt;0,'Indices Auto'!GB7&gt;100),"N",IF(AND('Cambios Auto'!GA7&lt;0,'Indices Auto'!GB7&lt;100),"R","NULL"))))</f>
        <v>V</v>
      </c>
      <c r="GB7" s="2" t="str">
        <f>IF(AND('Cambios Auto'!GB7&gt;0,'Indices Auto'!GC7&gt;100),"V",IF(AND('Cambios Auto'!GB7&gt;0,'Indices Auto'!GC7&lt;100),"A",IF(AND('Cambios Auto'!GB7&lt;0,'Indices Auto'!GC7&gt;100),"N",IF(AND('Cambios Auto'!GB7&lt;0,'Indices Auto'!GC7&lt;100),"R","NULL"))))</f>
        <v>V</v>
      </c>
      <c r="GC7" s="2" t="str">
        <f>IF(AND('Cambios Auto'!GC7&gt;0,'Indices Auto'!GD7&gt;100),"V",IF(AND('Cambios Auto'!GC7&gt;0,'Indices Auto'!GD7&lt;100),"A",IF(AND('Cambios Auto'!GC7&lt;0,'Indices Auto'!GD7&gt;100),"N",IF(AND('Cambios Auto'!GC7&lt;0,'Indices Auto'!GD7&lt;100),"R","NULL"))))</f>
        <v>V</v>
      </c>
      <c r="GD7" s="2" t="str">
        <f>IF(AND('Cambios Auto'!GD7&gt;0,'Indices Auto'!GE7&gt;100),"V",IF(AND('Cambios Auto'!GD7&gt;0,'Indices Auto'!GE7&lt;100),"A",IF(AND('Cambios Auto'!GD7&lt;0,'Indices Auto'!GE7&gt;100),"N",IF(AND('Cambios Auto'!GD7&lt;0,'Indices Auto'!GE7&lt;100),"R","NULL"))))</f>
        <v>V</v>
      </c>
      <c r="GE7" s="2" t="str">
        <f>IF(AND('Cambios Auto'!GE7&gt;0,'Indices Auto'!GF7&gt;100),"V",IF(AND('Cambios Auto'!GE7&gt;0,'Indices Auto'!GF7&lt;100),"A",IF(AND('Cambios Auto'!GE7&lt;0,'Indices Auto'!GF7&gt;100),"N",IF(AND('Cambios Auto'!GE7&lt;0,'Indices Auto'!GF7&lt;100),"R","NULL"))))</f>
        <v>V</v>
      </c>
      <c r="GF7" s="2" t="str">
        <f>IF(AND('Cambios Auto'!GF7&gt;0,'Indices Auto'!GG7&gt;100),"V",IF(AND('Cambios Auto'!GF7&gt;0,'Indices Auto'!GG7&lt;100),"A",IF(AND('Cambios Auto'!GF7&lt;0,'Indices Auto'!GG7&gt;100),"N",IF(AND('Cambios Auto'!GF7&lt;0,'Indices Auto'!GG7&lt;100),"R","NULL"))))</f>
        <v>V</v>
      </c>
      <c r="GG7" s="2" t="str">
        <f>IF(AND('Cambios Auto'!GG7&gt;0,'Indices Auto'!GH7&gt;100),"V",IF(AND('Cambios Auto'!GG7&gt;0,'Indices Auto'!GH7&lt;100),"A",IF(AND('Cambios Auto'!GG7&lt;0,'Indices Auto'!GH7&gt;100),"N",IF(AND('Cambios Auto'!GG7&lt;0,'Indices Auto'!GH7&lt;100),"R","NULL"))))</f>
        <v>V</v>
      </c>
      <c r="GH7" s="2" t="str">
        <f>IF(AND('Cambios Auto'!GH7&gt;0,'Indices Auto'!GR7&gt;100),"V",IF(AND('Cambios Auto'!GH7&gt;0,'Indices Auto'!GR7&lt;100),"A",IF(AND('Cambios Auto'!GH7&lt;0,'Indices Auto'!GR7&gt;100),"N",IF(AND('Cambios Auto'!GH7&lt;0,'Indices Auto'!GR7&lt;100),"R","NULL"))))</f>
        <v>V</v>
      </c>
      <c r="GI7" s="2" t="str">
        <f>IF(AND('Cambios Auto'!GI7&gt;0,'Indices Auto'!GS7&gt;100),"V",IF(AND('Cambios Auto'!GI7&gt;0,'Indices Auto'!GS7&lt;100),"A",IF(AND('Cambios Auto'!GI7&lt;0,'Indices Auto'!GS7&gt;100),"N",IF(AND('Cambios Auto'!GI7&lt;0,'Indices Auto'!GS7&lt;100),"R","NULL"))))</f>
        <v>V</v>
      </c>
      <c r="GJ7" s="2" t="str">
        <f>IF(AND('Cambios Auto'!GJ7&gt;0,'Indices Auto'!GT7&gt;100),"V",IF(AND('Cambios Auto'!GJ7&gt;0,'Indices Auto'!GT7&lt;100),"A",IF(AND('Cambios Auto'!GJ7&lt;0,'Indices Auto'!GT7&gt;100),"N",IF(AND('Cambios Auto'!GJ7&lt;0,'Indices Auto'!GT7&lt;100),"R","NULL"))))</f>
        <v>V</v>
      </c>
      <c r="GK7" s="2" t="str">
        <f>IF(AND('Cambios Auto'!GK7&gt;0,'Indices Auto'!GU7&gt;100),"V",IF(AND('Cambios Auto'!GK7&gt;0,'Indices Auto'!GU7&lt;100),"A",IF(AND('Cambios Auto'!GK7&lt;0,'Indices Auto'!GU7&gt;100),"N",IF(AND('Cambios Auto'!GK7&lt;0,'Indices Auto'!GU7&lt;100),"R","NULL"))))</f>
        <v>V</v>
      </c>
      <c r="GL7" s="2" t="str">
        <f>IF(AND('Cambios Auto'!GL7&gt;0,'Indices Auto'!GV7&gt;100),"V",IF(AND('Cambios Auto'!GL7&gt;0,'Indices Auto'!GV7&lt;100),"A",IF(AND('Cambios Auto'!GL7&lt;0,'Indices Auto'!GV7&gt;100),"N",IF(AND('Cambios Auto'!GL7&lt;0,'Indices Auto'!GV7&lt;100),"R","NULL"))))</f>
        <v>A</v>
      </c>
      <c r="GM7" s="2" t="str">
        <f>IF(AND('Cambios Auto'!GM7&gt;0,'Indices Auto'!GW7&gt;100),"V",IF(AND('Cambios Auto'!GM7&gt;0,'Indices Auto'!GW7&lt;100),"A",IF(AND('Cambios Auto'!GM7&lt;0,'Indices Auto'!GW7&gt;100),"N",IF(AND('Cambios Auto'!GM7&lt;0,'Indices Auto'!GW7&lt;100),"R","NULL"))))</f>
        <v>A</v>
      </c>
      <c r="GN7" s="2" t="str">
        <f>IF(AND('Cambios Auto'!GN7&gt;0,'Indices Auto'!GX7&gt;100),"V",IF(AND('Cambios Auto'!GN7&gt;0,'Indices Auto'!GX7&lt;100),"A",IF(AND('Cambios Auto'!GN7&lt;0,'Indices Auto'!GX7&gt;100),"N",IF(AND('Cambios Auto'!GN7&lt;0,'Indices Auto'!GX7&lt;100),"R","NULL"))))</f>
        <v>A</v>
      </c>
      <c r="GO7" s="2" t="str">
        <f>IF(AND('Cambios Auto'!GO7&gt;0,'Indices Auto'!GY7&gt;100),"V",IF(AND('Cambios Auto'!GO7&gt;0,'Indices Auto'!GY7&lt;100),"A",IF(AND('Cambios Auto'!GO7&lt;0,'Indices Auto'!GY7&gt;100),"N",IF(AND('Cambios Auto'!GO7&lt;0,'Indices Auto'!GY7&lt;100),"R","NULL"))))</f>
        <v>A</v>
      </c>
      <c r="GP7" s="2" t="str">
        <f>IF(AND('Cambios Auto'!GP7&gt;0,'Indices Auto'!GZ7&gt;100),"V",IF(AND('Cambios Auto'!GP7&gt;0,'Indices Auto'!GZ7&lt;100),"A",IF(AND('Cambios Auto'!GP7&lt;0,'Indices Auto'!GZ7&gt;100),"N",IF(AND('Cambios Auto'!GP7&lt;0,'Indices Auto'!GZ7&lt;100),"R","NULL"))))</f>
        <v>NULL</v>
      </c>
      <c r="GQ7" s="2" t="str">
        <f>IF(AND('Cambios Auto'!GQ7&gt;0,'Indices Auto'!HA7&gt;100),"V",IF(AND('Cambios Auto'!GQ7&gt;0,'Indices Auto'!HA7&lt;100),"A",IF(AND('Cambios Auto'!GQ7&lt;0,'Indices Auto'!HA7&gt;100),"N",IF(AND('Cambios Auto'!GQ7&lt;0,'Indices Auto'!HA7&lt;100),"R","NULL"))))</f>
        <v>NULL</v>
      </c>
      <c r="GR7" s="2" t="str">
        <f>IF(AND('Cambios Auto'!GR7&gt;0,'Indices Auto'!HB7&gt;100),"V",IF(AND('Cambios Auto'!GR7&gt;0,'Indices Auto'!HB7&lt;100),"A",IF(AND('Cambios Auto'!GR7&lt;0,'Indices Auto'!HB7&gt;100),"N",IF(AND('Cambios Auto'!GR7&lt;0,'Indices Auto'!HB7&lt;100),"R","NULL"))))</f>
        <v>NULL</v>
      </c>
      <c r="GS7" s="2" t="str">
        <f>IF(AND('Cambios Auto'!GS7&gt;0,'Indices Auto'!HC7&gt;100),"V",IF(AND('Cambios Auto'!GS7&gt;0,'Indices Auto'!HC7&lt;100),"A",IF(AND('Cambios Auto'!GS7&lt;0,'Indices Auto'!HC7&gt;100),"N",IF(AND('Cambios Auto'!GS7&lt;0,'Indices Auto'!HC7&lt;100),"R","NULL"))))</f>
        <v>NULL</v>
      </c>
      <c r="GT7" s="2" t="str">
        <f>IF(AND('Cambios Auto'!GT7&gt;0,'Indices Auto'!HD7&gt;100),"V",IF(AND('Cambios Auto'!GT7&gt;0,'Indices Auto'!HD7&lt;100),"A",IF(AND('Cambios Auto'!GT7&lt;0,'Indices Auto'!HD7&gt;100),"N",IF(AND('Cambios Auto'!GT7&lt;0,'Indices Auto'!HD7&lt;100),"R","NULL"))))</f>
        <v>NULL</v>
      </c>
      <c r="GU7" s="2" t="str">
        <f>IF(AND('Cambios Auto'!GU7&gt;0,'Indices Auto'!HE7&gt;100),"V",IF(AND('Cambios Auto'!GU7&gt;0,'Indices Auto'!HE7&lt;100),"A",IF(AND('Cambios Auto'!GU7&lt;0,'Indices Auto'!HE7&gt;100),"N",IF(AND('Cambios Auto'!GU7&lt;0,'Indices Auto'!HE7&lt;100),"R","NULL"))))</f>
        <v>NULL</v>
      </c>
      <c r="GV7" s="2" t="str">
        <f>IF(AND('Cambios Auto'!GV7&gt;0,'Indices Auto'!HF7&gt;100),"V",IF(AND('Cambios Auto'!GV7&gt;0,'Indices Auto'!HF7&lt;100),"A",IF(AND('Cambios Auto'!GV7&lt;0,'Indices Auto'!HF7&gt;100),"N",IF(AND('Cambios Auto'!GV7&lt;0,'Indices Auto'!HF7&lt;100),"R","NULL"))))</f>
        <v>NULL</v>
      </c>
      <c r="GW7" s="2" t="str">
        <f>IF(AND('Cambios Auto'!GW7&gt;0,'Indices Auto'!HG7&gt;100),"V",IF(AND('Cambios Auto'!GW7&gt;0,'Indices Auto'!HG7&lt;100),"A",IF(AND('Cambios Auto'!GW7&lt;0,'Indices Auto'!HG7&gt;100),"N",IF(AND('Cambios Auto'!GW7&lt;0,'Indices Auto'!HG7&lt;100),"R","NULL"))))</f>
        <v>NULL</v>
      </c>
      <c r="GX7" s="2" t="str">
        <f>IF(AND('Cambios Auto'!GX7&gt;0,'Indices Auto'!HH7&gt;100),"V",IF(AND('Cambios Auto'!GX7&gt;0,'Indices Auto'!HH7&lt;100),"A",IF(AND('Cambios Auto'!GX7&lt;0,'Indices Auto'!HH7&gt;100),"N",IF(AND('Cambios Auto'!GX7&lt;0,'Indices Auto'!HH7&lt;100),"R","NULL"))))</f>
        <v>NULL</v>
      </c>
      <c r="GY7" s="2" t="str">
        <f>IF(AND('Cambios Auto'!GY7&gt;0,'Indices Auto'!HI7&gt;100),"V",IF(AND('Cambios Auto'!GY7&gt;0,'Indices Auto'!HI7&lt;100),"A",IF(AND('Cambios Auto'!GY7&lt;0,'Indices Auto'!HI7&gt;100),"N",IF(AND('Cambios Auto'!GY7&lt;0,'Indices Auto'!HI7&lt;100),"R","NULL"))))</f>
        <v>NULL</v>
      </c>
      <c r="GZ7" s="2" t="str">
        <f>IF(AND('Cambios Auto'!GZ7&gt;0,'Indices Auto'!HJ7&gt;100),"V",IF(AND('Cambios Auto'!GZ7&gt;0,'Indices Auto'!HJ7&lt;100),"A",IF(AND('Cambios Auto'!GZ7&lt;0,'Indices Auto'!HJ7&gt;100),"N",IF(AND('Cambios Auto'!GZ7&lt;0,'Indices Auto'!HJ7&lt;100),"R","NULL"))))</f>
        <v>NULL</v>
      </c>
      <c r="HA7" s="2" t="str">
        <f>IF(AND('Cambios Auto'!HA7&gt;0,'Indices Auto'!HK7&gt;100),"V",IF(AND('Cambios Auto'!HA7&gt;0,'Indices Auto'!HK7&lt;100),"A",IF(AND('Cambios Auto'!HA7&lt;0,'Indices Auto'!HK7&gt;100),"N",IF(AND('Cambios Auto'!HA7&lt;0,'Indices Auto'!HK7&lt;100),"R","NULL"))))</f>
        <v>NULL</v>
      </c>
      <c r="HB7" s="2" t="str">
        <f>IF(AND('Cambios Auto'!HB7&gt;0,'Indices Auto'!HL7&gt;100),"V",IF(AND('Cambios Auto'!HB7&gt;0,'Indices Auto'!HL7&lt;100),"A",IF(AND('Cambios Auto'!HB7&lt;0,'Indices Auto'!HL7&gt;100),"N",IF(AND('Cambios Auto'!HB7&lt;0,'Indices Auto'!HL7&lt;100),"R","NULL"))))</f>
        <v>NULL</v>
      </c>
      <c r="HC7" s="2" t="str">
        <f>IF(AND('Cambios Auto'!HC7&gt;0,'Indices Auto'!HM7&gt;100),"V",IF(AND('Cambios Auto'!HC7&gt;0,'Indices Auto'!HM7&lt;100),"A",IF(AND('Cambios Auto'!HC7&lt;0,'Indices Auto'!HM7&gt;100),"N",IF(AND('Cambios Auto'!HC7&lt;0,'Indices Auto'!HM7&lt;100),"R","NULL"))))</f>
        <v>NULL</v>
      </c>
      <c r="HD7" s="2" t="str">
        <f>IF(AND('Cambios Auto'!HD7&gt;0,'Indices Auto'!HN7&gt;100),"V",IF(AND('Cambios Auto'!HD7&gt;0,'Indices Auto'!HN7&lt;100),"A",IF(AND('Cambios Auto'!HD7&lt;0,'Indices Auto'!HN7&gt;100),"N",IF(AND('Cambios Auto'!HD7&lt;0,'Indices Auto'!HN7&lt;100),"R","NULL"))))</f>
        <v>NULL</v>
      </c>
      <c r="HE7" s="2" t="str">
        <f>IF(AND('Cambios Auto'!HE7&gt;0,'Indices Auto'!HO7&gt;100),"V",IF(AND('Cambios Auto'!HE7&gt;0,'Indices Auto'!HO7&lt;100),"A",IF(AND('Cambios Auto'!HE7&lt;0,'Indices Auto'!HO7&gt;100),"N",IF(AND('Cambios Auto'!HE7&lt;0,'Indices Auto'!HO7&lt;100),"R","NULL"))))</f>
        <v>NULL</v>
      </c>
      <c r="HF7" s="2" t="str">
        <f>IF(AND('Cambios Auto'!HF7&gt;0,'Indices Auto'!HP7&gt;100),"V",IF(AND('Cambios Auto'!HF7&gt;0,'Indices Auto'!HP7&lt;100),"A",IF(AND('Cambios Auto'!HF7&lt;0,'Indices Auto'!HP7&gt;100),"N",IF(AND('Cambios Auto'!HF7&lt;0,'Indices Auto'!HP7&lt;100),"R","NULL"))))</f>
        <v>NULL</v>
      </c>
      <c r="HG7" s="2" t="str">
        <f>IF(AND('Cambios Auto'!HG7&gt;0,'Indices Auto'!HQ7&gt;100),"V",IF(AND('Cambios Auto'!HG7&gt;0,'Indices Auto'!HQ7&lt;100),"A",IF(AND('Cambios Auto'!HG7&lt;0,'Indices Auto'!HQ7&gt;100),"N",IF(AND('Cambios Auto'!HG7&lt;0,'Indices Auto'!HQ7&lt;100),"R","NULL"))))</f>
        <v>NULL</v>
      </c>
      <c r="HH7" s="2" t="str">
        <f>IF(AND('Cambios Auto'!HH7&gt;0,'Indices Auto'!HR7&gt;100),"V",IF(AND('Cambios Auto'!HH7&gt;0,'Indices Auto'!HR7&lt;100),"A",IF(AND('Cambios Auto'!HH7&lt;0,'Indices Auto'!HR7&gt;100),"N",IF(AND('Cambios Auto'!HH7&lt;0,'Indices Auto'!HR7&lt;100),"R","NULL"))))</f>
        <v>NULL</v>
      </c>
      <c r="HI7" s="2" t="str">
        <f>IF(AND('Cambios Auto'!HI7&gt;0,'Indices Auto'!HS7&gt;100),"V",IF(AND('Cambios Auto'!HI7&gt;0,'Indices Auto'!HS7&lt;100),"A",IF(AND('Cambios Auto'!HI7&lt;0,'Indices Auto'!HS7&gt;100),"N",IF(AND('Cambios Auto'!HI7&lt;0,'Indices Auto'!HS7&lt;100),"R","NULL"))))</f>
        <v>NULL</v>
      </c>
      <c r="HJ7" s="2" t="str">
        <f>IF(AND('Cambios Auto'!HJ7&gt;0,'Indices Auto'!HT7&gt;100),"V",IF(AND('Cambios Auto'!HJ7&gt;0,'Indices Auto'!HT7&lt;100),"A",IF(AND('Cambios Auto'!HJ7&lt;0,'Indices Auto'!HT7&gt;100),"N",IF(AND('Cambios Auto'!HJ7&lt;0,'Indices Auto'!HT7&lt;100),"R","NULL"))))</f>
        <v>NULL</v>
      </c>
      <c r="HK7" s="2" t="str">
        <f>IF(AND('Cambios Auto'!HK7&gt;0,'Indices Auto'!HU7&gt;100),"V",IF(AND('Cambios Auto'!HK7&gt;0,'Indices Auto'!HU7&lt;100),"A",IF(AND('Cambios Auto'!HK7&lt;0,'Indices Auto'!HU7&gt;100),"N",IF(AND('Cambios Auto'!HK7&lt;0,'Indices Auto'!HU7&lt;100),"R","NULL"))))</f>
        <v>NULL</v>
      </c>
      <c r="HL7" s="2" t="str">
        <f>IF(AND('Cambios Auto'!HL7&gt;0,'Indices Auto'!HV7&gt;100),"V",IF(AND('Cambios Auto'!HL7&gt;0,'Indices Auto'!HV7&lt;100),"A",IF(AND('Cambios Auto'!HL7&lt;0,'Indices Auto'!HV7&gt;100),"N",IF(AND('Cambios Auto'!HL7&lt;0,'Indices Auto'!HV7&lt;100),"R","NULL"))))</f>
        <v>NULL</v>
      </c>
      <c r="HM7" s="2" t="str">
        <f>IF(AND('Cambios Auto'!HM7&gt;0,'Indices Auto'!HW7&gt;100),"V",IF(AND('Cambios Auto'!HM7&gt;0,'Indices Auto'!HW7&lt;100),"A",IF(AND('Cambios Auto'!HM7&lt;0,'Indices Auto'!HW7&gt;100),"N",IF(AND('Cambios Auto'!HM7&lt;0,'Indices Auto'!HW7&lt;100),"R","NULL"))))</f>
        <v>NULL</v>
      </c>
      <c r="HN7" s="2" t="str">
        <f>IF(AND('Cambios Auto'!HN7&gt;0,'Indices Auto'!HX7&gt;100),"V",IF(AND('Cambios Auto'!HN7&gt;0,'Indices Auto'!HX7&lt;100),"A",IF(AND('Cambios Auto'!HN7&lt;0,'Indices Auto'!HX7&gt;100),"N",IF(AND('Cambios Auto'!HN7&lt;0,'Indices Auto'!HX7&lt;100),"R","NULL"))))</f>
        <v>NULL</v>
      </c>
      <c r="HO7" s="2" t="str">
        <f>IF(AND('Cambios Auto'!HO7&gt;0,'Indices Auto'!HY7&gt;100),"V",IF(AND('Cambios Auto'!HO7&gt;0,'Indices Auto'!HY7&lt;100),"A",IF(AND('Cambios Auto'!HO7&lt;0,'Indices Auto'!HY7&gt;100),"N",IF(AND('Cambios Auto'!HO7&lt;0,'Indices Auto'!HY7&lt;100),"R","NULL"))))</f>
        <v>NULL</v>
      </c>
      <c r="HP7" s="2" t="str">
        <f>IF(AND('Cambios Auto'!HP7&gt;0,'Indices Auto'!HZ7&gt;100),"V",IF(AND('Cambios Auto'!HP7&gt;0,'Indices Auto'!HZ7&lt;100),"A",IF(AND('Cambios Auto'!HP7&lt;0,'Indices Auto'!HZ7&gt;100),"N",IF(AND('Cambios Auto'!HP7&lt;0,'Indices Auto'!HZ7&lt;100),"R","NULL"))))</f>
        <v>NULL</v>
      </c>
      <c r="HQ7" s="2" t="str">
        <f>IF(AND('Cambios Auto'!HQ7&gt;0,'Indices Auto'!IA7&gt;100),"V",IF(AND('Cambios Auto'!HQ7&gt;0,'Indices Auto'!IA7&lt;100),"A",IF(AND('Cambios Auto'!HQ7&lt;0,'Indices Auto'!IA7&gt;100),"N",IF(AND('Cambios Auto'!HQ7&lt;0,'Indices Auto'!IA7&lt;100),"R","NULL"))))</f>
        <v>NULL</v>
      </c>
      <c r="HR7" s="2" t="str">
        <f>IF(AND('Cambios Auto'!HR7&gt;0,'Indices Auto'!IB7&gt;100),"V",IF(AND('Cambios Auto'!HR7&gt;0,'Indices Auto'!IB7&lt;100),"A",IF(AND('Cambios Auto'!HR7&lt;0,'Indices Auto'!IB7&gt;100),"N",IF(AND('Cambios Auto'!HR7&lt;0,'Indices Auto'!IB7&lt;100),"R","NULL"))))</f>
        <v>NULL</v>
      </c>
      <c r="HS7" s="2" t="str">
        <f>IF(AND('Cambios Auto'!HS7&gt;0,'Indices Auto'!IC7&gt;100),"V",IF(AND('Cambios Auto'!HS7&gt;0,'Indices Auto'!IC7&lt;100),"A",IF(AND('Cambios Auto'!HS7&lt;0,'Indices Auto'!IC7&gt;100),"N",IF(AND('Cambios Auto'!HS7&lt;0,'Indices Auto'!IC7&lt;100),"R","NULL"))))</f>
        <v>NULL</v>
      </c>
      <c r="HT7" s="2" t="str">
        <f>IF(AND('Cambios Auto'!HT7&gt;0,'Indices Auto'!ID7&gt;100),"V",IF(AND('Cambios Auto'!HT7&gt;0,'Indices Auto'!ID7&lt;100),"A",IF(AND('Cambios Auto'!HT7&lt;0,'Indices Auto'!ID7&gt;100),"N",IF(AND('Cambios Auto'!HT7&lt;0,'Indices Auto'!ID7&lt;100),"R","NULL"))))</f>
        <v>NULL</v>
      </c>
      <c r="HU7" s="2" t="str">
        <f>IF(AND('Cambios Auto'!HU7&gt;0,'Indices Auto'!IE7&gt;100),"V",IF(AND('Cambios Auto'!HU7&gt;0,'Indices Auto'!IE7&lt;100),"A",IF(AND('Cambios Auto'!HU7&lt;0,'Indices Auto'!IE7&gt;100),"N",IF(AND('Cambios Auto'!HU7&lt;0,'Indices Auto'!IE7&lt;100),"R","NULL"))))</f>
        <v>NULL</v>
      </c>
      <c r="HV7" s="2" t="str">
        <f>IF(AND('Cambios Auto'!HV7&gt;0,'Indices Auto'!IF7&gt;100),"V",IF(AND('Cambios Auto'!HV7&gt;0,'Indices Auto'!IF7&lt;100),"A",IF(AND('Cambios Auto'!HV7&lt;0,'Indices Auto'!IF7&gt;100),"N",IF(AND('Cambios Auto'!HV7&lt;0,'Indices Auto'!IF7&lt;100),"R","NULL"))))</f>
        <v>NULL</v>
      </c>
      <c r="HW7" s="2" t="str">
        <f>IF(AND('Cambios Auto'!HW7&gt;0,'Indices Auto'!IG7&gt;100),"V",IF(AND('Cambios Auto'!HW7&gt;0,'Indices Auto'!IG7&lt;100),"A",IF(AND('Cambios Auto'!HW7&lt;0,'Indices Auto'!IG7&gt;100),"N",IF(AND('Cambios Auto'!HW7&lt;0,'Indices Auto'!IG7&lt;100),"R","NULL"))))</f>
        <v>NULL</v>
      </c>
      <c r="HX7" s="2" t="str">
        <f>IF(AND('Cambios Auto'!HX7&gt;0,'Indices Auto'!IH7&gt;100),"V",IF(AND('Cambios Auto'!HX7&gt;0,'Indices Auto'!IH7&lt;100),"A",IF(AND('Cambios Auto'!HX7&lt;0,'Indices Auto'!IH7&gt;100),"N",IF(AND('Cambios Auto'!HX7&lt;0,'Indices Auto'!IH7&lt;100),"R","NULL"))))</f>
        <v>NULL</v>
      </c>
      <c r="HY7" s="2" t="str">
        <f>IF(AND('Cambios Auto'!HY7&gt;0,'Indices Auto'!II7&gt;100),"V",IF(AND('Cambios Auto'!HY7&gt;0,'Indices Auto'!II7&lt;100),"A",IF(AND('Cambios Auto'!HY7&lt;0,'Indices Auto'!II7&gt;100),"N",IF(AND('Cambios Auto'!HY7&lt;0,'Indices Auto'!II7&lt;100),"R","NULL"))))</f>
        <v>NULL</v>
      </c>
      <c r="HZ7" s="2" t="str">
        <f>IF(AND('Cambios Auto'!HZ7&gt;0,'Indices Auto'!IJ7&gt;100),"V",IF(AND('Cambios Auto'!HZ7&gt;0,'Indices Auto'!IJ7&lt;100),"A",IF(AND('Cambios Auto'!HZ7&lt;0,'Indices Auto'!IJ7&gt;100),"N",IF(AND('Cambios Auto'!HZ7&lt;0,'Indices Auto'!IJ7&lt;100),"R","NULL"))))</f>
        <v>NULL</v>
      </c>
      <c r="IA7" s="2" t="str">
        <f>IF(AND('Cambios Auto'!IA7&gt;0,'Indices Auto'!IK7&gt;100),"V",IF(AND('Cambios Auto'!IA7&gt;0,'Indices Auto'!IK7&lt;100),"A",IF(AND('Cambios Auto'!IA7&lt;0,'Indices Auto'!IK7&gt;100),"N",IF(AND('Cambios Auto'!IA7&lt;0,'Indices Auto'!IK7&lt;100),"R","NULL"))))</f>
        <v>NULL</v>
      </c>
      <c r="IB7" s="2" t="str">
        <f>IF(AND('Cambios Auto'!IB7&gt;0,'Indices Auto'!IL7&gt;100),"V",IF(AND('Cambios Auto'!IB7&gt;0,'Indices Auto'!IL7&lt;100),"A",IF(AND('Cambios Auto'!IB7&lt;0,'Indices Auto'!IL7&gt;100),"N",IF(AND('Cambios Auto'!IB7&lt;0,'Indices Auto'!IL7&lt;100),"R","NULL"))))</f>
        <v>NULL</v>
      </c>
      <c r="IC7" s="2" t="str">
        <f>IF(AND('Cambios Auto'!IC7&gt;0,'Indices Auto'!IM7&gt;100),"V",IF(AND('Cambios Auto'!IC7&gt;0,'Indices Auto'!IM7&lt;100),"A",IF(AND('Cambios Auto'!IC7&lt;0,'Indices Auto'!IM7&gt;100),"N",IF(AND('Cambios Auto'!IC7&lt;0,'Indices Auto'!IM7&lt;100),"R","NULL"))))</f>
        <v>NULL</v>
      </c>
      <c r="ID7" s="2" t="str">
        <f>IF(AND('Cambios Auto'!ID7&gt;0,'Indices Auto'!IN7&gt;100),"V",IF(AND('Cambios Auto'!ID7&gt;0,'Indices Auto'!IN7&lt;100),"A",IF(AND('Cambios Auto'!ID7&lt;0,'Indices Auto'!IN7&gt;100),"N",IF(AND('Cambios Auto'!ID7&lt;0,'Indices Auto'!IN7&lt;100),"R","NULL"))))</f>
        <v>NULL</v>
      </c>
      <c r="IE7" s="2" t="str">
        <f>IF(AND('Cambios Auto'!IE7&gt;0,'Indices Auto'!IO7&gt;100),"V",IF(AND('Cambios Auto'!IE7&gt;0,'Indices Auto'!IO7&lt;100),"A",IF(AND('Cambios Auto'!IE7&lt;0,'Indices Auto'!IO7&gt;100),"N",IF(AND('Cambios Auto'!IE7&lt;0,'Indices Auto'!IO7&lt;100),"R","NULL"))))</f>
        <v>NULL</v>
      </c>
      <c r="IF7" s="2" t="str">
        <f>IF(AND('Cambios Auto'!IF7&gt;0,'Indices Auto'!IP7&gt;100),"V",IF(AND('Cambios Auto'!IF7&gt;0,'Indices Auto'!IP7&lt;100),"A",IF(AND('Cambios Auto'!IF7&lt;0,'Indices Auto'!IP7&gt;100),"N",IF(AND('Cambios Auto'!IF7&lt;0,'Indices Auto'!IP7&lt;100),"R","NULL"))))</f>
        <v>NULL</v>
      </c>
      <c r="IG7" s="2" t="str">
        <f>IF(AND('Cambios Auto'!IG7&gt;0,'Indices Auto'!IQ7&gt;100),"V",IF(AND('Cambios Auto'!IG7&gt;0,'Indices Auto'!IQ7&lt;100),"A",IF(AND('Cambios Auto'!IG7&lt;0,'Indices Auto'!IQ7&gt;100),"N",IF(AND('Cambios Auto'!IG7&lt;0,'Indices Auto'!IQ7&lt;100),"R","NULL"))))</f>
        <v>NULL</v>
      </c>
      <c r="IH7" s="2" t="str">
        <f>IF(AND('Cambios Auto'!IH7&gt;0,'Indices Auto'!IR7&gt;100),"V",IF(AND('Cambios Auto'!IH7&gt;0,'Indices Auto'!IR7&lt;100),"A",IF(AND('Cambios Auto'!IH7&lt;0,'Indices Auto'!IR7&gt;100),"N",IF(AND('Cambios Auto'!IH7&lt;0,'Indices Auto'!IR7&lt;100),"R","NULL"))))</f>
        <v>NULL</v>
      </c>
      <c r="II7" s="2" t="str">
        <f>IF(AND('Cambios Auto'!II7&gt;0,'Indices Auto'!IS7&gt;100),"V",IF(AND('Cambios Auto'!II7&gt;0,'Indices Auto'!IS7&lt;100),"A",IF(AND('Cambios Auto'!II7&lt;0,'Indices Auto'!IS7&gt;100),"N",IF(AND('Cambios Auto'!II7&lt;0,'Indices Auto'!IS7&lt;100),"R","NULL"))))</f>
        <v>NULL</v>
      </c>
      <c r="IJ7" s="2" t="str">
        <f>IF(AND('Cambios Auto'!IJ7&gt;0,'Indices Auto'!IT7&gt;100),"V",IF(AND('Cambios Auto'!IJ7&gt;0,'Indices Auto'!IT7&lt;100),"A",IF(AND('Cambios Auto'!IJ7&lt;0,'Indices Auto'!IT7&gt;100),"N",IF(AND('Cambios Auto'!IJ7&lt;0,'Indices Auto'!IT7&lt;100),"R","NULL"))))</f>
        <v>NULL</v>
      </c>
      <c r="IK7" s="2" t="str">
        <f>IF(AND('Cambios Auto'!IK7&gt;0,'Indices Auto'!IU7&gt;100),"V",IF(AND('Cambios Auto'!IK7&gt;0,'Indices Auto'!IU7&lt;100),"A",IF(AND('Cambios Auto'!IK7&lt;0,'Indices Auto'!IU7&gt;100),"N",IF(AND('Cambios Auto'!IK7&lt;0,'Indices Auto'!IU7&lt;100),"R","NULL"))))</f>
        <v>NULL</v>
      </c>
      <c r="IL7" s="2" t="str">
        <f>IF(AND('Cambios Auto'!IL7&gt;0,'Indices Auto'!IV7&gt;100),"V",IF(AND('Cambios Auto'!IL7&gt;0,'Indices Auto'!IV7&lt;100),"A",IF(AND('Cambios Auto'!IL7&lt;0,'Indices Auto'!IV7&gt;100),"N",IF(AND('Cambios Auto'!IL7&lt;0,'Indices Auto'!IV7&lt;100),"R","NULL"))))</f>
        <v>NULL</v>
      </c>
      <c r="IM7" s="2" t="str">
        <f>IF(AND('Cambios Auto'!IM7&gt;0,'Indices Auto'!IW7&gt;100),"V",IF(AND('Cambios Auto'!IM7&gt;0,'Indices Auto'!IW7&lt;100),"A",IF(AND('Cambios Auto'!IM7&lt;0,'Indices Auto'!IW7&gt;100),"N",IF(AND('Cambios Auto'!IM7&lt;0,'Indices Auto'!IW7&lt;100),"R","NULL"))))</f>
        <v>NULL</v>
      </c>
      <c r="IN7" s="2" t="str">
        <f>IF(AND('Cambios Auto'!IN7&gt;0,'Indices Auto'!IX7&gt;100),"V",IF(AND('Cambios Auto'!IN7&gt;0,'Indices Auto'!IX7&lt;100),"A",IF(AND('Cambios Auto'!IN7&lt;0,'Indices Auto'!IX7&gt;100),"N",IF(AND('Cambios Auto'!IN7&lt;0,'Indices Auto'!IX7&lt;100),"R","NULL"))))</f>
        <v>NULL</v>
      </c>
      <c r="IO7" s="2" t="str">
        <f>IF(AND('Cambios Auto'!IO7&gt;0,'Indices Auto'!IY7&gt;100),"V",IF(AND('Cambios Auto'!IO7&gt;0,'Indices Auto'!IY7&lt;100),"A",IF(AND('Cambios Auto'!IO7&lt;0,'Indices Auto'!IY7&gt;100),"N",IF(AND('Cambios Auto'!IO7&lt;0,'Indices Auto'!IY7&lt;100),"R","NULL"))))</f>
        <v>NULL</v>
      </c>
      <c r="IP7" s="2" t="str">
        <f>IF(AND('Cambios Auto'!IP7&gt;0,'Indices Auto'!IZ7&gt;100),"V",IF(AND('Cambios Auto'!IP7&gt;0,'Indices Auto'!IZ7&lt;100),"A",IF(AND('Cambios Auto'!IP7&lt;0,'Indices Auto'!IZ7&gt;100),"N",IF(AND('Cambios Auto'!IP7&lt;0,'Indices Auto'!IZ7&lt;100),"R","NULL"))))</f>
        <v>NULL</v>
      </c>
      <c r="IQ7" s="2" t="str">
        <f>IF(AND('Cambios Auto'!IQ7&gt;0,'Indices Auto'!JA7&gt;100),"V",IF(AND('Cambios Auto'!IQ7&gt;0,'Indices Auto'!JA7&lt;100),"A",IF(AND('Cambios Auto'!IQ7&lt;0,'Indices Auto'!JA7&gt;100),"N",IF(AND('Cambios Auto'!IQ7&lt;0,'Indices Auto'!JA7&lt;100),"R","NULL"))))</f>
        <v>NULL</v>
      </c>
      <c r="IR7" s="2" t="str">
        <f>IF(AND('Cambios Auto'!IR7&gt;0,'Indices Auto'!JB7&gt;100),"V",IF(AND('Cambios Auto'!IR7&gt;0,'Indices Auto'!JB7&lt;100),"A",IF(AND('Cambios Auto'!IR7&lt;0,'Indices Auto'!JB7&gt;100),"N",IF(AND('Cambios Auto'!IR7&lt;0,'Indices Auto'!JB7&lt;100),"R","NULL"))))</f>
        <v>NULL</v>
      </c>
      <c r="IS7" s="2" t="str">
        <f>IF(AND('Cambios Auto'!IS7&gt;0,'Indices Auto'!JC7&gt;100),"V",IF(AND('Cambios Auto'!IS7&gt;0,'Indices Auto'!JC7&lt;100),"A",IF(AND('Cambios Auto'!IS7&lt;0,'Indices Auto'!JC7&gt;100),"N",IF(AND('Cambios Auto'!IS7&lt;0,'Indices Auto'!JC7&lt;100),"R","NULL"))))</f>
        <v>NULL</v>
      </c>
      <c r="IT7" s="14"/>
    </row>
    <row r="8" spans="1:254" x14ac:dyDescent="0.25">
      <c r="A8" s="6" t="s">
        <v>194</v>
      </c>
      <c r="B8" s="2" t="str">
        <f>IF(AND('Cambios Auto'!B8&gt;0,'Indices Auto'!C8&gt;100),"V",IF(AND('Cambios Auto'!B8&gt;0,'Indices Auto'!C8&lt;100),"A",IF(AND('Cambios Auto'!B8&lt;0,'Indices Auto'!C8&gt;100),"N",IF(AND('Cambios Auto'!B8&lt;0,'Indices Auto'!C8&lt;100),"R","NULL"))))</f>
        <v>V</v>
      </c>
      <c r="C8" s="2" t="str">
        <f>IF(AND('Cambios Auto'!C8&gt;0,'Indices Auto'!D8&gt;100),"V",IF(AND('Cambios Auto'!C8&gt;0,'Indices Auto'!D8&lt;100),"A",IF(AND('Cambios Auto'!C8&lt;0,'Indices Auto'!D8&gt;100),"N",IF(AND('Cambios Auto'!C8&lt;0,'Indices Auto'!D8&lt;100),"R","NULL"))))</f>
        <v>V</v>
      </c>
      <c r="D8" s="2" t="str">
        <f>IF(AND('Cambios Auto'!D8&gt;0,'Indices Auto'!E8&gt;100),"V",IF(AND('Cambios Auto'!D8&gt;0,'Indices Auto'!E8&lt;100),"A",IF(AND('Cambios Auto'!D8&lt;0,'Indices Auto'!E8&gt;100),"N",IF(AND('Cambios Auto'!D8&lt;0,'Indices Auto'!E8&lt;100),"R","NULL"))))</f>
        <v>V</v>
      </c>
      <c r="E8" s="2" t="str">
        <f>IF(AND('Cambios Auto'!E8&gt;0,'Indices Auto'!F8&gt;100),"V",IF(AND('Cambios Auto'!E8&gt;0,'Indices Auto'!F8&lt;100),"A",IF(AND('Cambios Auto'!E8&lt;0,'Indices Auto'!F8&gt;100),"N",IF(AND('Cambios Auto'!E8&lt;0,'Indices Auto'!F8&lt;100),"R","NULL"))))</f>
        <v>V</v>
      </c>
      <c r="F8" s="2" t="str">
        <f>IF(AND('Cambios Auto'!F8&gt;0,'Indices Auto'!G8&gt;100),"V",IF(AND('Cambios Auto'!F8&gt;0,'Indices Auto'!G8&lt;100),"A",IF(AND('Cambios Auto'!F8&lt;0,'Indices Auto'!G8&gt;100),"N",IF(AND('Cambios Auto'!F8&lt;0,'Indices Auto'!G8&lt;100),"R","NULL"))))</f>
        <v>V</v>
      </c>
      <c r="G8" s="2" t="str">
        <f>IF(AND('Cambios Auto'!G8&gt;0,'Indices Auto'!H8&gt;100),"V",IF(AND('Cambios Auto'!G8&gt;0,'Indices Auto'!H8&lt;100),"A",IF(AND('Cambios Auto'!G8&lt;0,'Indices Auto'!H8&gt;100),"N",IF(AND('Cambios Auto'!G8&lt;0,'Indices Auto'!H8&lt;100),"R","NULL"))))</f>
        <v>V</v>
      </c>
      <c r="H8" s="2" t="str">
        <f>IF(AND('Cambios Auto'!H8&gt;0,'Indices Auto'!I8&gt;100),"V",IF(AND('Cambios Auto'!H8&gt;0,'Indices Auto'!I8&lt;100),"A",IF(AND('Cambios Auto'!H8&lt;0,'Indices Auto'!I8&gt;100),"N",IF(AND('Cambios Auto'!H8&lt;0,'Indices Auto'!I8&lt;100),"R","NULL"))))</f>
        <v>V</v>
      </c>
      <c r="I8" s="2" t="str">
        <f>IF(AND('Cambios Auto'!I8&gt;0,'Indices Auto'!J8&gt;100),"V",IF(AND('Cambios Auto'!I8&gt;0,'Indices Auto'!J8&lt;100),"A",IF(AND('Cambios Auto'!I8&lt;0,'Indices Auto'!J8&gt;100),"N",IF(AND('Cambios Auto'!I8&lt;0,'Indices Auto'!J8&lt;100),"R","NULL"))))</f>
        <v>V</v>
      </c>
      <c r="J8" s="2" t="str">
        <f>IF(AND('Cambios Auto'!J8&gt;0,'Indices Auto'!K8&gt;100),"V",IF(AND('Cambios Auto'!J8&gt;0,'Indices Auto'!K8&lt;100),"A",IF(AND('Cambios Auto'!J8&lt;0,'Indices Auto'!K8&gt;100),"N",IF(AND('Cambios Auto'!J8&lt;0,'Indices Auto'!K8&lt;100),"R","NULL"))))</f>
        <v>V</v>
      </c>
      <c r="K8" s="2" t="str">
        <f>IF(AND('Cambios Auto'!K8&gt;0,'Indices Auto'!L8&gt;100),"V",IF(AND('Cambios Auto'!K8&gt;0,'Indices Auto'!L8&lt;100),"A",IF(AND('Cambios Auto'!K8&lt;0,'Indices Auto'!L8&gt;100),"N",IF(AND('Cambios Auto'!K8&lt;0,'Indices Auto'!L8&lt;100),"R","NULL"))))</f>
        <v>V</v>
      </c>
      <c r="L8" s="2" t="str">
        <f>IF(AND('Cambios Auto'!L8&gt;0,'Indices Auto'!M8&gt;100),"V",IF(AND('Cambios Auto'!L8&gt;0,'Indices Auto'!M8&lt;100),"A",IF(AND('Cambios Auto'!L8&lt;0,'Indices Auto'!M8&gt;100),"N",IF(AND('Cambios Auto'!L8&lt;0,'Indices Auto'!M8&lt;100),"R","NULL"))))</f>
        <v>V</v>
      </c>
      <c r="M8" s="2" t="str">
        <f>IF(AND('Cambios Auto'!M8&gt;0,'Indices Auto'!N8&gt;100),"V",IF(AND('Cambios Auto'!M8&gt;0,'Indices Auto'!N8&lt;100),"A",IF(AND('Cambios Auto'!M8&lt;0,'Indices Auto'!N8&gt;100),"N",IF(AND('Cambios Auto'!M8&lt;0,'Indices Auto'!N8&lt;100),"R","NULL"))))</f>
        <v>N</v>
      </c>
      <c r="N8" s="2" t="str">
        <f>IF(AND('Cambios Auto'!N8&gt;0,'Indices Auto'!O8&gt;100),"V",IF(AND('Cambios Auto'!N8&gt;0,'Indices Auto'!O8&lt;100),"A",IF(AND('Cambios Auto'!N8&lt;0,'Indices Auto'!O8&gt;100),"N",IF(AND('Cambios Auto'!N8&lt;0,'Indices Auto'!O8&lt;100),"R","NULL"))))</f>
        <v>N</v>
      </c>
      <c r="O8" s="2" t="str">
        <f>IF(AND('Cambios Auto'!O8&gt;0,'Indices Auto'!P8&gt;100),"V",IF(AND('Cambios Auto'!O8&gt;0,'Indices Auto'!P8&lt;100),"A",IF(AND('Cambios Auto'!O8&lt;0,'Indices Auto'!P8&gt;100),"N",IF(AND('Cambios Auto'!O8&lt;0,'Indices Auto'!P8&lt;100),"R","NULL"))))</f>
        <v>N</v>
      </c>
      <c r="P8" s="2" t="str">
        <f>IF(AND('Cambios Auto'!P8&gt;0,'Indices Auto'!Q8&gt;100),"V",IF(AND('Cambios Auto'!P8&gt;0,'Indices Auto'!Q8&lt;100),"A",IF(AND('Cambios Auto'!P8&lt;0,'Indices Auto'!Q8&gt;100),"N",IF(AND('Cambios Auto'!P8&lt;0,'Indices Auto'!Q8&lt;100),"R","NULL"))))</f>
        <v>N</v>
      </c>
      <c r="Q8" s="2" t="str">
        <f>IF(AND('Cambios Auto'!Q8&gt;0,'Indices Auto'!R8&gt;100),"V",IF(AND('Cambios Auto'!Q8&gt;0,'Indices Auto'!R8&lt;100),"A",IF(AND('Cambios Auto'!Q8&lt;0,'Indices Auto'!R8&gt;100),"N",IF(AND('Cambios Auto'!Q8&lt;0,'Indices Auto'!R8&lt;100),"R","NULL"))))</f>
        <v>N</v>
      </c>
      <c r="R8" s="2" t="str">
        <f>IF(AND('Cambios Auto'!R8&gt;0,'Indices Auto'!S8&gt;100),"V",IF(AND('Cambios Auto'!R8&gt;0,'Indices Auto'!S8&lt;100),"A",IF(AND('Cambios Auto'!R8&lt;0,'Indices Auto'!S8&gt;100),"N",IF(AND('Cambios Auto'!R8&lt;0,'Indices Auto'!S8&lt;100),"R","NULL"))))</f>
        <v>N</v>
      </c>
      <c r="S8" s="2" t="str">
        <f>IF(AND('Cambios Auto'!S8&gt;0,'Indices Auto'!T8&gt;100),"V",IF(AND('Cambios Auto'!S8&gt;0,'Indices Auto'!T8&lt;100),"A",IF(AND('Cambios Auto'!S8&lt;0,'Indices Auto'!T8&gt;100),"N",IF(AND('Cambios Auto'!S8&lt;0,'Indices Auto'!T8&lt;100),"R","NULL"))))</f>
        <v>N</v>
      </c>
      <c r="T8" s="2" t="str">
        <f>IF(AND('Cambios Auto'!T8&gt;0,'Indices Auto'!U8&gt;100),"V",IF(AND('Cambios Auto'!T8&gt;0,'Indices Auto'!U8&lt;100),"A",IF(AND('Cambios Auto'!T8&lt;0,'Indices Auto'!U8&gt;100),"N",IF(AND('Cambios Auto'!T8&lt;0,'Indices Auto'!U8&lt;100),"R","NULL"))))</f>
        <v>N</v>
      </c>
      <c r="U8" s="2" t="str">
        <f>IF(AND('Cambios Auto'!U8&gt;0,'Indices Auto'!V8&gt;100),"V",IF(AND('Cambios Auto'!U8&gt;0,'Indices Auto'!V8&lt;100),"A",IF(AND('Cambios Auto'!U8&lt;0,'Indices Auto'!V8&gt;100),"N",IF(AND('Cambios Auto'!U8&lt;0,'Indices Auto'!V8&lt;100),"R","NULL"))))</f>
        <v>N</v>
      </c>
      <c r="V8" s="2" t="str">
        <f>IF(AND('Cambios Auto'!V8&gt;0,'Indices Auto'!W8&gt;100),"V",IF(AND('Cambios Auto'!V8&gt;0,'Indices Auto'!W8&lt;100),"A",IF(AND('Cambios Auto'!V8&lt;0,'Indices Auto'!W8&gt;100),"N",IF(AND('Cambios Auto'!V8&lt;0,'Indices Auto'!W8&lt;100),"R","NULL"))))</f>
        <v>N</v>
      </c>
      <c r="W8" s="2" t="str">
        <f>IF(AND('Cambios Auto'!W8&gt;0,'Indices Auto'!X8&gt;100),"V",IF(AND('Cambios Auto'!W8&gt;0,'Indices Auto'!X8&lt;100),"A",IF(AND('Cambios Auto'!W8&lt;0,'Indices Auto'!X8&gt;100),"N",IF(AND('Cambios Auto'!W8&lt;0,'Indices Auto'!X8&lt;100),"R","NULL"))))</f>
        <v>N</v>
      </c>
      <c r="X8" s="2" t="str">
        <f>IF(AND('Cambios Auto'!X8&gt;0,'Indices Auto'!Y8&gt;100),"V",IF(AND('Cambios Auto'!X8&gt;0,'Indices Auto'!Y8&lt;100),"A",IF(AND('Cambios Auto'!X8&lt;0,'Indices Auto'!Y8&gt;100),"N",IF(AND('Cambios Auto'!X8&lt;0,'Indices Auto'!Y8&lt;100),"R","NULL"))))</f>
        <v>N</v>
      </c>
      <c r="Y8" s="2" t="str">
        <f>IF(AND('Cambios Auto'!Y8&gt;0,'Indices Auto'!Z8&gt;100),"V",IF(AND('Cambios Auto'!Y8&gt;0,'Indices Auto'!Z8&lt;100),"A",IF(AND('Cambios Auto'!Y8&lt;0,'Indices Auto'!Z8&gt;100),"N",IF(AND('Cambios Auto'!Y8&lt;0,'Indices Auto'!Z8&lt;100),"R","NULL"))))</f>
        <v>R</v>
      </c>
      <c r="Z8" s="2" t="str">
        <f>IF(AND('Cambios Auto'!Z8&gt;0,'Indices Auto'!AA8&gt;100),"V",IF(AND('Cambios Auto'!Z8&gt;0,'Indices Auto'!AA8&lt;100),"A",IF(AND('Cambios Auto'!Z8&lt;0,'Indices Auto'!AA8&gt;100),"N",IF(AND('Cambios Auto'!Z8&lt;0,'Indices Auto'!AA8&lt;100),"R","NULL"))))</f>
        <v>R</v>
      </c>
      <c r="AA8" s="2" t="str">
        <f>IF(AND('Cambios Auto'!AA8&gt;0,'Indices Auto'!AB8&gt;100),"V",IF(AND('Cambios Auto'!AA8&gt;0,'Indices Auto'!AB8&lt;100),"A",IF(AND('Cambios Auto'!AA8&lt;0,'Indices Auto'!AB8&gt;100),"N",IF(AND('Cambios Auto'!AA8&lt;0,'Indices Auto'!AB8&lt;100),"R","NULL"))))</f>
        <v>R</v>
      </c>
      <c r="AB8" s="2" t="str">
        <f>IF(AND('Cambios Auto'!AB8&gt;0,'Indices Auto'!AC8&gt;100),"V",IF(AND('Cambios Auto'!AB8&gt;0,'Indices Auto'!AC8&lt;100),"A",IF(AND('Cambios Auto'!AB8&lt;0,'Indices Auto'!AC8&gt;100),"N",IF(AND('Cambios Auto'!AB8&lt;0,'Indices Auto'!AC8&lt;100),"R","NULL"))))</f>
        <v>R</v>
      </c>
      <c r="AC8" s="2" t="str">
        <f>IF(AND('Cambios Auto'!AC8&gt;0,'Indices Auto'!AD8&gt;100),"V",IF(AND('Cambios Auto'!AC8&gt;0,'Indices Auto'!AD8&lt;100),"A",IF(AND('Cambios Auto'!AC8&lt;0,'Indices Auto'!AD8&gt;100),"N",IF(AND('Cambios Auto'!AC8&lt;0,'Indices Auto'!AD8&lt;100),"R","NULL"))))</f>
        <v>R</v>
      </c>
      <c r="AD8" s="2" t="str">
        <f>IF(AND('Cambios Auto'!AD8&gt;0,'Indices Auto'!AE8&gt;100),"V",IF(AND('Cambios Auto'!AD8&gt;0,'Indices Auto'!AE8&lt;100),"A",IF(AND('Cambios Auto'!AD8&lt;0,'Indices Auto'!AE8&gt;100),"N",IF(AND('Cambios Auto'!AD8&lt;0,'Indices Auto'!AE8&lt;100),"R","NULL"))))</f>
        <v>R</v>
      </c>
      <c r="AE8" s="2" t="str">
        <f>IF(AND('Cambios Auto'!AE8&gt;0,'Indices Auto'!AF8&gt;100),"V",IF(AND('Cambios Auto'!AE8&gt;0,'Indices Auto'!AF8&lt;100),"A",IF(AND('Cambios Auto'!AE8&lt;0,'Indices Auto'!AF8&gt;100),"N",IF(AND('Cambios Auto'!AE8&lt;0,'Indices Auto'!AF8&lt;100),"R","NULL"))))</f>
        <v>R</v>
      </c>
      <c r="AF8" s="2" t="str">
        <f>IF(AND('Cambios Auto'!AF8&gt;0,'Indices Auto'!AG8&gt;100),"V",IF(AND('Cambios Auto'!AF8&gt;0,'Indices Auto'!AG8&lt;100),"A",IF(AND('Cambios Auto'!AF8&lt;0,'Indices Auto'!AG8&gt;100),"N",IF(AND('Cambios Auto'!AF8&lt;0,'Indices Auto'!AG8&lt;100),"R","NULL"))))</f>
        <v>R</v>
      </c>
      <c r="AG8" s="2" t="str">
        <f>IF(AND('Cambios Auto'!AG8&gt;0,'Indices Auto'!AH8&gt;100),"V",IF(AND('Cambios Auto'!AG8&gt;0,'Indices Auto'!AH8&lt;100),"A",IF(AND('Cambios Auto'!AG8&lt;0,'Indices Auto'!AH8&gt;100),"N",IF(AND('Cambios Auto'!AG8&lt;0,'Indices Auto'!AH8&lt;100),"R","NULL"))))</f>
        <v>R</v>
      </c>
      <c r="AH8" s="2" t="str">
        <f>IF(AND('Cambios Auto'!AH8&gt;0,'Indices Auto'!AI8&gt;100),"V",IF(AND('Cambios Auto'!AH8&gt;0,'Indices Auto'!AI8&lt;100),"A",IF(AND('Cambios Auto'!AH8&lt;0,'Indices Auto'!AI8&gt;100),"N",IF(AND('Cambios Auto'!AH8&lt;0,'Indices Auto'!AI8&lt;100),"R","NULL"))))</f>
        <v>R</v>
      </c>
      <c r="AI8" s="2" t="str">
        <f>IF(AND('Cambios Auto'!AI8&gt;0,'Indices Auto'!AJ8&gt;100),"V",IF(AND('Cambios Auto'!AI8&gt;0,'Indices Auto'!AJ8&lt;100),"A",IF(AND('Cambios Auto'!AI8&lt;0,'Indices Auto'!AJ8&gt;100),"N",IF(AND('Cambios Auto'!AI8&lt;0,'Indices Auto'!AJ8&lt;100),"R","NULL"))))</f>
        <v>R</v>
      </c>
      <c r="AJ8" s="2" t="str">
        <f>IF(AND('Cambios Auto'!AJ8&gt;0,'Indices Auto'!AK8&gt;100),"V",IF(AND('Cambios Auto'!AJ8&gt;0,'Indices Auto'!AK8&lt;100),"A",IF(AND('Cambios Auto'!AJ8&lt;0,'Indices Auto'!AK8&gt;100),"N",IF(AND('Cambios Auto'!AJ8&lt;0,'Indices Auto'!AK8&lt;100),"R","NULL"))))</f>
        <v>R</v>
      </c>
      <c r="AK8" s="2" t="str">
        <f>IF(AND('Cambios Auto'!AK8&gt;0,'Indices Auto'!AL8&gt;100),"V",IF(AND('Cambios Auto'!AK8&gt;0,'Indices Auto'!AL8&lt;100),"A",IF(AND('Cambios Auto'!AK8&lt;0,'Indices Auto'!AL8&gt;100),"N",IF(AND('Cambios Auto'!AK8&lt;0,'Indices Auto'!AL8&lt;100),"R","NULL"))))</f>
        <v>R</v>
      </c>
      <c r="AL8" s="2" t="str">
        <f>IF(AND('Cambios Auto'!AL8&gt;0,'Indices Auto'!AM8&gt;100),"V",IF(AND('Cambios Auto'!AL8&gt;0,'Indices Auto'!AM8&lt;100),"A",IF(AND('Cambios Auto'!AL8&lt;0,'Indices Auto'!AM8&gt;100),"N",IF(AND('Cambios Auto'!AL8&lt;0,'Indices Auto'!AM8&lt;100),"R","NULL"))))</f>
        <v>R</v>
      </c>
      <c r="AM8" s="2" t="str">
        <f>IF(AND('Cambios Auto'!AM8&gt;0,'Indices Auto'!AN8&gt;100),"V",IF(AND('Cambios Auto'!AM8&gt;0,'Indices Auto'!AN8&lt;100),"A",IF(AND('Cambios Auto'!AM8&lt;0,'Indices Auto'!AN8&gt;100),"N",IF(AND('Cambios Auto'!AM8&lt;0,'Indices Auto'!AN8&lt;100),"R","NULL"))))</f>
        <v>R</v>
      </c>
      <c r="AN8" s="2" t="str">
        <f>IF(AND('Cambios Auto'!AN8&gt;0,'Indices Auto'!AO8&gt;100),"V",IF(AND('Cambios Auto'!AN8&gt;0,'Indices Auto'!AO8&lt;100),"A",IF(AND('Cambios Auto'!AN8&lt;0,'Indices Auto'!AO8&gt;100),"N",IF(AND('Cambios Auto'!AN8&lt;0,'Indices Auto'!AO8&lt;100),"R","NULL"))))</f>
        <v>R</v>
      </c>
      <c r="AO8" s="2" t="str">
        <f>IF(AND('Cambios Auto'!AO8&gt;0,'Indices Auto'!AP8&gt;100),"V",IF(AND('Cambios Auto'!AO8&gt;0,'Indices Auto'!AP8&lt;100),"A",IF(AND('Cambios Auto'!AO8&lt;0,'Indices Auto'!AP8&gt;100),"N",IF(AND('Cambios Auto'!AO8&lt;0,'Indices Auto'!AP8&lt;100),"R","NULL"))))</f>
        <v>R</v>
      </c>
      <c r="AP8" s="2" t="str">
        <f>IF(AND('Cambios Auto'!AP8&gt;0,'Indices Auto'!AQ8&gt;100),"V",IF(AND('Cambios Auto'!AP8&gt;0,'Indices Auto'!AQ8&lt;100),"A",IF(AND('Cambios Auto'!AP8&lt;0,'Indices Auto'!AQ8&gt;100),"N",IF(AND('Cambios Auto'!AP8&lt;0,'Indices Auto'!AQ8&lt;100),"R","NULL"))))</f>
        <v>R</v>
      </c>
      <c r="AQ8" s="2" t="str">
        <f>IF(AND('Cambios Auto'!AQ8&gt;0,'Indices Auto'!AR8&gt;100),"V",IF(AND('Cambios Auto'!AQ8&gt;0,'Indices Auto'!AR8&lt;100),"A",IF(AND('Cambios Auto'!AQ8&lt;0,'Indices Auto'!AR8&gt;100),"N",IF(AND('Cambios Auto'!AQ8&lt;0,'Indices Auto'!AR8&lt;100),"R","NULL"))))</f>
        <v>R</v>
      </c>
      <c r="AR8" s="2" t="str">
        <f>IF(AND('Cambios Auto'!AR8&gt;0,'Indices Auto'!AS8&gt;100),"V",IF(AND('Cambios Auto'!AR8&gt;0,'Indices Auto'!AS8&lt;100),"A",IF(AND('Cambios Auto'!AR8&lt;0,'Indices Auto'!AS8&gt;100),"N",IF(AND('Cambios Auto'!AR8&lt;0,'Indices Auto'!AS8&lt;100),"R","NULL"))))</f>
        <v>R</v>
      </c>
      <c r="AS8" s="2" t="str">
        <f>IF(AND('Cambios Auto'!AS8&gt;0,'Indices Auto'!AT8&gt;100),"V",IF(AND('Cambios Auto'!AS8&gt;0,'Indices Auto'!AT8&lt;100),"A",IF(AND('Cambios Auto'!AS8&lt;0,'Indices Auto'!AT8&gt;100),"N",IF(AND('Cambios Auto'!AS8&lt;0,'Indices Auto'!AT8&lt;100),"R","NULL"))))</f>
        <v>R</v>
      </c>
      <c r="AT8" s="2" t="str">
        <f>IF(AND('Cambios Auto'!AT8&gt;0,'Indices Auto'!AU8&gt;100),"V",IF(AND('Cambios Auto'!AT8&gt;0,'Indices Auto'!AU8&lt;100),"A",IF(AND('Cambios Auto'!AT8&lt;0,'Indices Auto'!AU8&gt;100),"N",IF(AND('Cambios Auto'!AT8&lt;0,'Indices Auto'!AU8&lt;100),"R","NULL"))))</f>
        <v>R</v>
      </c>
      <c r="AU8" s="2" t="str">
        <f>IF(AND('Cambios Auto'!AU8&gt;0,'Indices Auto'!AV8&gt;100),"V",IF(AND('Cambios Auto'!AU8&gt;0,'Indices Auto'!AV8&lt;100),"A",IF(AND('Cambios Auto'!AU8&lt;0,'Indices Auto'!AV8&gt;100),"N",IF(AND('Cambios Auto'!AU8&lt;0,'Indices Auto'!AV8&lt;100),"R","NULL"))))</f>
        <v>R</v>
      </c>
      <c r="AV8" s="2" t="str">
        <f>IF(AND('Cambios Auto'!AV8&gt;0,'Indices Auto'!AW8&gt;100),"V",IF(AND('Cambios Auto'!AV8&gt;0,'Indices Auto'!AW8&lt;100),"A",IF(AND('Cambios Auto'!AV8&lt;0,'Indices Auto'!AW8&gt;100),"N",IF(AND('Cambios Auto'!AV8&lt;0,'Indices Auto'!AW8&lt;100),"R","NULL"))))</f>
        <v>A</v>
      </c>
      <c r="AW8" s="2" t="str">
        <f>IF(AND('Cambios Auto'!AW8&gt;0,'Indices Auto'!AX8&gt;100),"V",IF(AND('Cambios Auto'!AW8&gt;0,'Indices Auto'!AX8&lt;100),"A",IF(AND('Cambios Auto'!AW8&lt;0,'Indices Auto'!AX8&gt;100),"N",IF(AND('Cambios Auto'!AW8&lt;0,'Indices Auto'!AX8&lt;100),"R","NULL"))))</f>
        <v>A</v>
      </c>
      <c r="AX8" s="2" t="str">
        <f>IF(AND('Cambios Auto'!AX8&gt;0,'Indices Auto'!AY8&gt;100),"V",IF(AND('Cambios Auto'!AX8&gt;0,'Indices Auto'!AY8&lt;100),"A",IF(AND('Cambios Auto'!AX8&lt;0,'Indices Auto'!AY8&gt;100),"N",IF(AND('Cambios Auto'!AX8&lt;0,'Indices Auto'!AY8&lt;100),"R","NULL"))))</f>
        <v>A</v>
      </c>
      <c r="AY8" s="2" t="str">
        <f>IF(AND('Cambios Auto'!AY8&gt;0,'Indices Auto'!AZ8&gt;100),"V",IF(AND('Cambios Auto'!AY8&gt;0,'Indices Auto'!AZ8&lt;100),"A",IF(AND('Cambios Auto'!AY8&lt;0,'Indices Auto'!AZ8&gt;100),"N",IF(AND('Cambios Auto'!AY8&lt;0,'Indices Auto'!AZ8&lt;100),"R","NULL"))))</f>
        <v>A</v>
      </c>
      <c r="AZ8" s="2" t="str">
        <f>IF(AND('Cambios Auto'!AZ8&gt;0,'Indices Auto'!BA8&gt;100),"V",IF(AND('Cambios Auto'!AZ8&gt;0,'Indices Auto'!BA8&lt;100),"A",IF(AND('Cambios Auto'!AZ8&lt;0,'Indices Auto'!BA8&gt;100),"N",IF(AND('Cambios Auto'!AZ8&lt;0,'Indices Auto'!BA8&lt;100),"R","NULL"))))</f>
        <v>A</v>
      </c>
      <c r="BA8" s="2" t="str">
        <f>IF(AND('Cambios Auto'!BA8&gt;0,'Indices Auto'!BB8&gt;100),"V",IF(AND('Cambios Auto'!BA8&gt;0,'Indices Auto'!BB8&lt;100),"A",IF(AND('Cambios Auto'!BA8&lt;0,'Indices Auto'!BB8&gt;100),"N",IF(AND('Cambios Auto'!BA8&lt;0,'Indices Auto'!BB8&lt;100),"R","NULL"))))</f>
        <v>A</v>
      </c>
      <c r="BB8" s="2" t="str">
        <f>IF(AND('Cambios Auto'!BB8&gt;0,'Indices Auto'!BC8&gt;100),"V",IF(AND('Cambios Auto'!BB8&gt;0,'Indices Auto'!BC8&lt;100),"A",IF(AND('Cambios Auto'!BB8&lt;0,'Indices Auto'!BC8&gt;100),"N",IF(AND('Cambios Auto'!BB8&lt;0,'Indices Auto'!BC8&lt;100),"R","NULL"))))</f>
        <v>A</v>
      </c>
      <c r="BC8" s="2" t="str">
        <f>IF(AND('Cambios Auto'!BC8&gt;0,'Indices Auto'!BD8&gt;100),"V",IF(AND('Cambios Auto'!BC8&gt;0,'Indices Auto'!BD8&lt;100),"A",IF(AND('Cambios Auto'!BC8&lt;0,'Indices Auto'!BD8&gt;100),"N",IF(AND('Cambios Auto'!BC8&lt;0,'Indices Auto'!BD8&lt;100),"R","NULL"))))</f>
        <v>A</v>
      </c>
      <c r="BD8" s="2" t="str">
        <f>IF(AND('Cambios Auto'!BD8&gt;0,'Indices Auto'!BE8&gt;100),"V",IF(AND('Cambios Auto'!BD8&gt;0,'Indices Auto'!BE8&lt;100),"A",IF(AND('Cambios Auto'!BD8&lt;0,'Indices Auto'!BE8&gt;100),"N",IF(AND('Cambios Auto'!BD8&lt;0,'Indices Auto'!BE8&lt;100),"R","NULL"))))</f>
        <v>A</v>
      </c>
      <c r="BE8" s="2" t="str">
        <f>IF(AND('Cambios Auto'!BE8&gt;0,'Indices Auto'!BF8&gt;100),"V",IF(AND('Cambios Auto'!BE8&gt;0,'Indices Auto'!BF8&lt;100),"A",IF(AND('Cambios Auto'!BE8&lt;0,'Indices Auto'!BF8&gt;100),"N",IF(AND('Cambios Auto'!BE8&lt;0,'Indices Auto'!BF8&lt;100),"R","NULL"))))</f>
        <v>A</v>
      </c>
      <c r="BF8" s="2" t="str">
        <f>IF(AND('Cambios Auto'!BF8&gt;0,'Indices Auto'!BG8&gt;100),"V",IF(AND('Cambios Auto'!BF8&gt;0,'Indices Auto'!BG8&lt;100),"A",IF(AND('Cambios Auto'!BF8&lt;0,'Indices Auto'!BG8&gt;100),"N",IF(AND('Cambios Auto'!BF8&lt;0,'Indices Auto'!BG8&lt;100),"R","NULL"))))</f>
        <v>A</v>
      </c>
      <c r="BG8" s="2" t="str">
        <f>IF(AND('Cambios Auto'!BG8&gt;0,'Indices Auto'!BH8&gt;100),"V",IF(AND('Cambios Auto'!BG8&gt;0,'Indices Auto'!BH8&lt;100),"A",IF(AND('Cambios Auto'!BG8&lt;0,'Indices Auto'!BH8&gt;100),"N",IF(AND('Cambios Auto'!BG8&lt;0,'Indices Auto'!BH8&lt;100),"R","NULL"))))</f>
        <v>A</v>
      </c>
      <c r="BH8" s="2" t="str">
        <f>IF(AND('Cambios Auto'!BH8&gt;0,'Indices Auto'!BI8&gt;100),"V",IF(AND('Cambios Auto'!BH8&gt;0,'Indices Auto'!BI8&lt;100),"A",IF(AND('Cambios Auto'!BH8&lt;0,'Indices Auto'!BI8&gt;100),"N",IF(AND('Cambios Auto'!BH8&lt;0,'Indices Auto'!BI8&lt;100),"R","NULL"))))</f>
        <v>A</v>
      </c>
      <c r="BI8" s="2" t="str">
        <f>IF(AND('Cambios Auto'!BI8&gt;0,'Indices Auto'!BJ8&gt;100),"V",IF(AND('Cambios Auto'!BI8&gt;0,'Indices Auto'!BJ8&lt;100),"A",IF(AND('Cambios Auto'!BI8&lt;0,'Indices Auto'!BJ8&gt;100),"N",IF(AND('Cambios Auto'!BI8&lt;0,'Indices Auto'!BJ8&lt;100),"R","NULL"))))</f>
        <v>A</v>
      </c>
      <c r="BJ8" s="2" t="str">
        <f>IF(AND('Cambios Auto'!BJ8&gt;0,'Indices Auto'!BK8&gt;100),"V",IF(AND('Cambios Auto'!BJ8&gt;0,'Indices Auto'!BK8&lt;100),"A",IF(AND('Cambios Auto'!BJ8&lt;0,'Indices Auto'!BK8&gt;100),"N",IF(AND('Cambios Auto'!BJ8&lt;0,'Indices Auto'!BK8&lt;100),"R","NULL"))))</f>
        <v>A</v>
      </c>
      <c r="BK8" s="2" t="str">
        <f>IF(AND('Cambios Auto'!BK8&gt;0,'Indices Auto'!BL8&gt;100),"V",IF(AND('Cambios Auto'!BK8&gt;0,'Indices Auto'!BL8&lt;100),"A",IF(AND('Cambios Auto'!BK8&lt;0,'Indices Auto'!BL8&gt;100),"N",IF(AND('Cambios Auto'!BK8&lt;0,'Indices Auto'!BL8&lt;100),"R","NULL"))))</f>
        <v>A</v>
      </c>
      <c r="BL8" s="2" t="str">
        <f>IF(AND('Cambios Auto'!BL8&gt;0,'Indices Auto'!BM8&gt;100),"V",IF(AND('Cambios Auto'!BL8&gt;0,'Indices Auto'!BM8&lt;100),"A",IF(AND('Cambios Auto'!BL8&lt;0,'Indices Auto'!BM8&gt;100),"N",IF(AND('Cambios Auto'!BL8&lt;0,'Indices Auto'!BM8&lt;100),"R","NULL"))))</f>
        <v>A</v>
      </c>
      <c r="BM8" s="2" t="str">
        <f>IF(AND('Cambios Auto'!BM8&gt;0,'Indices Auto'!BN8&gt;100),"V",IF(AND('Cambios Auto'!BM8&gt;0,'Indices Auto'!BN8&lt;100),"A",IF(AND('Cambios Auto'!BM8&lt;0,'Indices Auto'!BN8&gt;100),"N",IF(AND('Cambios Auto'!BM8&lt;0,'Indices Auto'!BN8&lt;100),"R","NULL"))))</f>
        <v>A</v>
      </c>
      <c r="BN8" s="2" t="str">
        <f>IF(AND('Cambios Auto'!BN8&gt;0,'Indices Auto'!BO8&gt;100),"V",IF(AND('Cambios Auto'!BN8&gt;0,'Indices Auto'!BO8&lt;100),"A",IF(AND('Cambios Auto'!BN8&lt;0,'Indices Auto'!BO8&gt;100),"N",IF(AND('Cambios Auto'!BN8&lt;0,'Indices Auto'!BO8&lt;100),"R","NULL"))))</f>
        <v>A</v>
      </c>
      <c r="BO8" s="2" t="str">
        <f>IF(AND('Cambios Auto'!BO8&gt;0,'Indices Auto'!BP8&gt;100),"V",IF(AND('Cambios Auto'!BO8&gt;0,'Indices Auto'!BP8&lt;100),"A",IF(AND('Cambios Auto'!BO8&lt;0,'Indices Auto'!BP8&gt;100),"N",IF(AND('Cambios Auto'!BO8&lt;0,'Indices Auto'!BP8&lt;100),"R","NULL"))))</f>
        <v>A</v>
      </c>
      <c r="BP8" s="2" t="str">
        <f>IF(AND('Cambios Auto'!BP8&gt;0,'Indices Auto'!BQ8&gt;100),"V",IF(AND('Cambios Auto'!BP8&gt;0,'Indices Auto'!BQ8&lt;100),"A",IF(AND('Cambios Auto'!BP8&lt;0,'Indices Auto'!BQ8&gt;100),"N",IF(AND('Cambios Auto'!BP8&lt;0,'Indices Auto'!BQ8&lt;100),"R","NULL"))))</f>
        <v>A</v>
      </c>
      <c r="BQ8" s="2" t="str">
        <f>IF(AND('Cambios Auto'!BQ8&gt;0,'Indices Auto'!BR8&gt;100),"V",IF(AND('Cambios Auto'!BQ8&gt;0,'Indices Auto'!BR8&lt;100),"A",IF(AND('Cambios Auto'!BQ8&lt;0,'Indices Auto'!BR8&gt;100),"N",IF(AND('Cambios Auto'!BQ8&lt;0,'Indices Auto'!BR8&lt;100),"R","NULL"))))</f>
        <v>A</v>
      </c>
      <c r="BR8" s="2" t="str">
        <f>IF(AND('Cambios Auto'!BR8&gt;0,'Indices Auto'!BS8&gt;100),"V",IF(AND('Cambios Auto'!BR8&gt;0,'Indices Auto'!BS8&lt;100),"A",IF(AND('Cambios Auto'!BR8&lt;0,'Indices Auto'!BS8&gt;100),"N",IF(AND('Cambios Auto'!BR8&lt;0,'Indices Auto'!BS8&lt;100),"R","NULL"))))</f>
        <v>A</v>
      </c>
      <c r="BS8" s="2" t="str">
        <f>IF(AND('Cambios Auto'!BS8&gt;0,'Indices Auto'!BT8&gt;100),"V",IF(AND('Cambios Auto'!BS8&gt;0,'Indices Auto'!BT8&lt;100),"A",IF(AND('Cambios Auto'!BS8&lt;0,'Indices Auto'!BT8&gt;100),"N",IF(AND('Cambios Auto'!BS8&lt;0,'Indices Auto'!BT8&lt;100),"R","NULL"))))</f>
        <v>A</v>
      </c>
      <c r="BT8" s="2" t="str">
        <f>IF(AND('Cambios Auto'!BT8&gt;0,'Indices Auto'!BU8&gt;100),"V",IF(AND('Cambios Auto'!BT8&gt;0,'Indices Auto'!BU8&lt;100),"A",IF(AND('Cambios Auto'!BT8&lt;0,'Indices Auto'!BU8&gt;100),"N",IF(AND('Cambios Auto'!BT8&lt;0,'Indices Auto'!BU8&lt;100),"R","NULL"))))</f>
        <v>A</v>
      </c>
      <c r="BU8" s="2" t="str">
        <f>IF(AND('Cambios Auto'!BU8&gt;0,'Indices Auto'!BV8&gt;100),"V",IF(AND('Cambios Auto'!BU8&gt;0,'Indices Auto'!BV8&lt;100),"A",IF(AND('Cambios Auto'!BU8&lt;0,'Indices Auto'!BV8&gt;100),"N",IF(AND('Cambios Auto'!BU8&lt;0,'Indices Auto'!BV8&lt;100),"R","NULL"))))</f>
        <v>A</v>
      </c>
      <c r="BV8" s="2" t="str">
        <f>IF(AND('Cambios Auto'!BV8&gt;0,'Indices Auto'!BW8&gt;100),"V",IF(AND('Cambios Auto'!BV8&gt;0,'Indices Auto'!BW8&lt;100),"A",IF(AND('Cambios Auto'!BV8&lt;0,'Indices Auto'!BW8&gt;100),"N",IF(AND('Cambios Auto'!BV8&lt;0,'Indices Auto'!BW8&lt;100),"R","NULL"))))</f>
        <v>A</v>
      </c>
      <c r="BW8" s="2" t="str">
        <f>IF(AND('Cambios Auto'!BW8&gt;0,'Indices Auto'!BX8&gt;100),"V",IF(AND('Cambios Auto'!BW8&gt;0,'Indices Auto'!BX8&lt;100),"A",IF(AND('Cambios Auto'!BW8&lt;0,'Indices Auto'!BX8&gt;100),"N",IF(AND('Cambios Auto'!BW8&lt;0,'Indices Auto'!BX8&lt;100),"R","NULL"))))</f>
        <v>A</v>
      </c>
      <c r="BX8" s="2" t="str">
        <f>IF(AND('Cambios Auto'!BX8&gt;0,'Indices Auto'!BY8&gt;100),"V",IF(AND('Cambios Auto'!BX8&gt;0,'Indices Auto'!BY8&lt;100),"A",IF(AND('Cambios Auto'!BX8&lt;0,'Indices Auto'!BY8&gt;100),"N",IF(AND('Cambios Auto'!BX8&lt;0,'Indices Auto'!BY8&lt;100),"R","NULL"))))</f>
        <v>V</v>
      </c>
      <c r="BY8" s="2" t="str">
        <f>IF(AND('Cambios Auto'!BY8&gt;0,'Indices Auto'!BZ8&gt;100),"V",IF(AND('Cambios Auto'!BY8&gt;0,'Indices Auto'!BZ8&lt;100),"A",IF(AND('Cambios Auto'!BY8&lt;0,'Indices Auto'!BZ8&gt;100),"N",IF(AND('Cambios Auto'!BY8&lt;0,'Indices Auto'!BZ8&lt;100),"R","NULL"))))</f>
        <v>V</v>
      </c>
      <c r="BZ8" s="2" t="str">
        <f>IF(AND('Cambios Auto'!BZ8&gt;0,'Indices Auto'!CA8&gt;100),"V",IF(AND('Cambios Auto'!BZ8&gt;0,'Indices Auto'!CA8&lt;100),"A",IF(AND('Cambios Auto'!BZ8&lt;0,'Indices Auto'!CA8&gt;100),"N",IF(AND('Cambios Auto'!BZ8&lt;0,'Indices Auto'!CA8&lt;100),"R","NULL"))))</f>
        <v>V</v>
      </c>
      <c r="CA8" s="2" t="str">
        <f>IF(AND('Cambios Auto'!CA8&gt;0,'Indices Auto'!CB8&gt;100),"V",IF(AND('Cambios Auto'!CA8&gt;0,'Indices Auto'!CB8&lt;100),"A",IF(AND('Cambios Auto'!CA8&lt;0,'Indices Auto'!CB8&gt;100),"N",IF(AND('Cambios Auto'!CA8&lt;0,'Indices Auto'!CB8&lt;100),"R","NULL"))))</f>
        <v>V</v>
      </c>
      <c r="CB8" s="2" t="str">
        <f>IF(AND('Cambios Auto'!CB8&gt;0,'Indices Auto'!CC8&gt;100),"V",IF(AND('Cambios Auto'!CB8&gt;0,'Indices Auto'!CC8&lt;100),"A",IF(AND('Cambios Auto'!CB8&lt;0,'Indices Auto'!CC8&gt;100),"N",IF(AND('Cambios Auto'!CB8&lt;0,'Indices Auto'!CC8&lt;100),"R","NULL"))))</f>
        <v>V</v>
      </c>
      <c r="CC8" s="2" t="str">
        <f>IF(AND('Cambios Auto'!CC8&gt;0,'Indices Auto'!CD8&gt;100),"V",IF(AND('Cambios Auto'!CC8&gt;0,'Indices Auto'!CD8&lt;100),"A",IF(AND('Cambios Auto'!CC8&lt;0,'Indices Auto'!CD8&gt;100),"N",IF(AND('Cambios Auto'!CC8&lt;0,'Indices Auto'!CD8&lt;100),"R","NULL"))))</f>
        <v>V</v>
      </c>
      <c r="CD8" s="2" t="str">
        <f>IF(AND('Cambios Auto'!CD8&gt;0,'Indices Auto'!CE8&gt;100),"V",IF(AND('Cambios Auto'!CD8&gt;0,'Indices Auto'!CE8&lt;100),"A",IF(AND('Cambios Auto'!CD8&lt;0,'Indices Auto'!CE8&gt;100),"N",IF(AND('Cambios Auto'!CD8&lt;0,'Indices Auto'!CE8&lt;100),"R","NULL"))))</f>
        <v>V</v>
      </c>
      <c r="CE8" s="2" t="str">
        <f>IF(AND('Cambios Auto'!CE8&gt;0,'Indices Auto'!CF8&gt;100),"V",IF(AND('Cambios Auto'!CE8&gt;0,'Indices Auto'!CF8&lt;100),"A",IF(AND('Cambios Auto'!CE8&lt;0,'Indices Auto'!CF8&gt;100),"N",IF(AND('Cambios Auto'!CE8&lt;0,'Indices Auto'!CF8&lt;100),"R","NULL"))))</f>
        <v>V</v>
      </c>
      <c r="CF8" s="2" t="str">
        <f>IF(AND('Cambios Auto'!CF8&gt;0,'Indices Auto'!CG8&gt;100),"V",IF(AND('Cambios Auto'!CF8&gt;0,'Indices Auto'!CG8&lt;100),"A",IF(AND('Cambios Auto'!CF8&lt;0,'Indices Auto'!CG8&gt;100),"N",IF(AND('Cambios Auto'!CF8&lt;0,'Indices Auto'!CG8&lt;100),"R","NULL"))))</f>
        <v>V</v>
      </c>
      <c r="CG8" s="2" t="str">
        <f>IF(AND('Cambios Auto'!CG8&gt;0,'Indices Auto'!CH8&gt;100),"V",IF(AND('Cambios Auto'!CG8&gt;0,'Indices Auto'!CH8&lt;100),"A",IF(AND('Cambios Auto'!CG8&lt;0,'Indices Auto'!CH8&gt;100),"N",IF(AND('Cambios Auto'!CG8&lt;0,'Indices Auto'!CH8&lt;100),"R","NULL"))))</f>
        <v>V</v>
      </c>
      <c r="CH8" s="2" t="str">
        <f>IF(AND('Cambios Auto'!CH8&gt;0,'Indices Auto'!CI8&gt;100),"V",IF(AND('Cambios Auto'!CH8&gt;0,'Indices Auto'!CI8&lt;100),"A",IF(AND('Cambios Auto'!CH8&lt;0,'Indices Auto'!CI8&gt;100),"N",IF(AND('Cambios Auto'!CH8&lt;0,'Indices Auto'!CI8&lt;100),"R","NULL"))))</f>
        <v>V</v>
      </c>
      <c r="CI8" s="2" t="str">
        <f>IF(AND('Cambios Auto'!CI8&gt;0,'Indices Auto'!CJ8&gt;100),"V",IF(AND('Cambios Auto'!CI8&gt;0,'Indices Auto'!CJ8&lt;100),"A",IF(AND('Cambios Auto'!CI8&lt;0,'Indices Auto'!CJ8&gt;100),"N",IF(AND('Cambios Auto'!CI8&lt;0,'Indices Auto'!CJ8&lt;100),"R","NULL"))))</f>
        <v>V</v>
      </c>
      <c r="CJ8" s="2" t="str">
        <f>IF(AND('Cambios Auto'!CJ8&gt;0,'Indices Auto'!CK8&gt;100),"V",IF(AND('Cambios Auto'!CJ8&gt;0,'Indices Auto'!CK8&lt;100),"A",IF(AND('Cambios Auto'!CJ8&lt;0,'Indices Auto'!CK8&gt;100),"N",IF(AND('Cambios Auto'!CJ8&lt;0,'Indices Auto'!CK8&lt;100),"R","NULL"))))</f>
        <v>V</v>
      </c>
      <c r="CK8" s="2" t="str">
        <f>IF(AND('Cambios Auto'!CK8&gt;0,'Indices Auto'!CL8&gt;100),"V",IF(AND('Cambios Auto'!CK8&gt;0,'Indices Auto'!CL8&lt;100),"A",IF(AND('Cambios Auto'!CK8&lt;0,'Indices Auto'!CL8&gt;100),"N",IF(AND('Cambios Auto'!CK8&lt;0,'Indices Auto'!CL8&lt;100),"R","NULL"))))</f>
        <v>V</v>
      </c>
      <c r="CL8" s="2" t="str">
        <f>IF(AND('Cambios Auto'!CL8&gt;0,'Indices Auto'!CM8&gt;100),"V",IF(AND('Cambios Auto'!CL8&gt;0,'Indices Auto'!CM8&lt;100),"A",IF(AND('Cambios Auto'!CL8&lt;0,'Indices Auto'!CM8&gt;100),"N",IF(AND('Cambios Auto'!CL8&lt;0,'Indices Auto'!CM8&lt;100),"R","NULL"))))</f>
        <v>V</v>
      </c>
      <c r="CM8" s="2" t="str">
        <f>IF(AND('Cambios Auto'!CM8&gt;0,'Indices Auto'!CN8&gt;100),"V",IF(AND('Cambios Auto'!CM8&gt;0,'Indices Auto'!CN8&lt;100),"A",IF(AND('Cambios Auto'!CM8&lt;0,'Indices Auto'!CN8&gt;100),"N",IF(AND('Cambios Auto'!CM8&lt;0,'Indices Auto'!CN8&lt;100),"R","NULL"))))</f>
        <v>V</v>
      </c>
      <c r="CN8" s="2" t="str">
        <f>IF(AND('Cambios Auto'!CN8&gt;0,'Indices Auto'!CO8&gt;100),"V",IF(AND('Cambios Auto'!CN8&gt;0,'Indices Auto'!CO8&lt;100),"A",IF(AND('Cambios Auto'!CN8&lt;0,'Indices Auto'!CO8&gt;100),"N",IF(AND('Cambios Auto'!CN8&lt;0,'Indices Auto'!CO8&lt;100),"R","NULL"))))</f>
        <v>V</v>
      </c>
      <c r="CO8" s="2" t="str">
        <f>IF(AND('Cambios Auto'!CO8&gt;0,'Indices Auto'!CP8&gt;100),"V",IF(AND('Cambios Auto'!CO8&gt;0,'Indices Auto'!CP8&lt;100),"A",IF(AND('Cambios Auto'!CO8&lt;0,'Indices Auto'!CP8&gt;100),"N",IF(AND('Cambios Auto'!CO8&lt;0,'Indices Auto'!CP8&lt;100),"R","NULL"))))</f>
        <v>V</v>
      </c>
      <c r="CP8" s="2" t="str">
        <f>IF(AND('Cambios Auto'!CP8&gt;0,'Indices Auto'!CQ8&gt;100),"V",IF(AND('Cambios Auto'!CP8&gt;0,'Indices Auto'!CQ8&lt;100),"A",IF(AND('Cambios Auto'!CP8&lt;0,'Indices Auto'!CQ8&gt;100),"N",IF(AND('Cambios Auto'!CP8&lt;0,'Indices Auto'!CQ8&lt;100),"R","NULL"))))</f>
        <v>V</v>
      </c>
      <c r="CQ8" s="2" t="str">
        <f>IF(AND('Cambios Auto'!CQ8&gt;0,'Indices Auto'!CR8&gt;100),"V",IF(AND('Cambios Auto'!CQ8&gt;0,'Indices Auto'!CR8&lt;100),"A",IF(AND('Cambios Auto'!CQ8&lt;0,'Indices Auto'!CR8&gt;100),"N",IF(AND('Cambios Auto'!CQ8&lt;0,'Indices Auto'!CR8&lt;100),"R","NULL"))))</f>
        <v>V</v>
      </c>
      <c r="CR8" s="2" t="str">
        <f>IF(AND('Cambios Auto'!CR8&gt;0,'Indices Auto'!CS8&gt;100),"V",IF(AND('Cambios Auto'!CR8&gt;0,'Indices Auto'!CS8&lt;100),"A",IF(AND('Cambios Auto'!CR8&lt;0,'Indices Auto'!CS8&gt;100),"N",IF(AND('Cambios Auto'!CR8&lt;0,'Indices Auto'!CS8&lt;100),"R","NULL"))))</f>
        <v>V</v>
      </c>
      <c r="CS8" s="2" t="str">
        <f>IF(AND('Cambios Auto'!CS8&gt;0,'Indices Auto'!CT8&gt;100),"V",IF(AND('Cambios Auto'!CS8&gt;0,'Indices Auto'!CT8&lt;100),"A",IF(AND('Cambios Auto'!CS8&lt;0,'Indices Auto'!CT8&gt;100),"N",IF(AND('Cambios Auto'!CS8&lt;0,'Indices Auto'!CT8&lt;100),"R","NULL"))))</f>
        <v>V</v>
      </c>
      <c r="CT8" s="2" t="str">
        <f>IF(AND('Cambios Auto'!CT8&gt;0,'Indices Auto'!CU8&gt;100),"V",IF(AND('Cambios Auto'!CT8&gt;0,'Indices Auto'!CU8&lt;100),"A",IF(AND('Cambios Auto'!CT8&lt;0,'Indices Auto'!CU8&gt;100),"N",IF(AND('Cambios Auto'!CT8&lt;0,'Indices Auto'!CU8&lt;100),"R","NULL"))))</f>
        <v>V</v>
      </c>
      <c r="CU8" s="2" t="str">
        <f>IF(AND('Cambios Auto'!CU8&gt;0,'Indices Auto'!CV8&gt;100),"V",IF(AND('Cambios Auto'!CU8&gt;0,'Indices Auto'!CV8&lt;100),"A",IF(AND('Cambios Auto'!CU8&lt;0,'Indices Auto'!CV8&gt;100),"N",IF(AND('Cambios Auto'!CU8&lt;0,'Indices Auto'!CV8&lt;100),"R","NULL"))))</f>
        <v>V</v>
      </c>
      <c r="CV8" s="2" t="str">
        <f>IF(AND('Cambios Auto'!CV8&gt;0,'Indices Auto'!CW8&gt;100),"V",IF(AND('Cambios Auto'!CV8&gt;0,'Indices Auto'!CW8&lt;100),"A",IF(AND('Cambios Auto'!CV8&lt;0,'Indices Auto'!CW8&gt;100),"N",IF(AND('Cambios Auto'!CV8&lt;0,'Indices Auto'!CW8&lt;100),"R","NULL"))))</f>
        <v>V</v>
      </c>
      <c r="CW8" s="2" t="str">
        <f>IF(AND('Cambios Auto'!CW8&gt;0,'Indices Auto'!CX8&gt;100),"V",IF(AND('Cambios Auto'!CW8&gt;0,'Indices Auto'!CX8&lt;100),"A",IF(AND('Cambios Auto'!CW8&lt;0,'Indices Auto'!CX8&gt;100),"N",IF(AND('Cambios Auto'!CW8&lt;0,'Indices Auto'!CX8&lt;100),"R","NULL"))))</f>
        <v>N</v>
      </c>
      <c r="CX8" s="2" t="str">
        <f>IF(AND('Cambios Auto'!CX8&gt;0,'Indices Auto'!CY8&gt;100),"V",IF(AND('Cambios Auto'!CX8&gt;0,'Indices Auto'!CY8&lt;100),"A",IF(AND('Cambios Auto'!CX8&lt;0,'Indices Auto'!CY8&gt;100),"N",IF(AND('Cambios Auto'!CX8&lt;0,'Indices Auto'!CY8&lt;100),"R","NULL"))))</f>
        <v>N</v>
      </c>
      <c r="CY8" s="2" t="str">
        <f>IF(AND('Cambios Auto'!CY8&gt;0,'Indices Auto'!CZ8&gt;100),"V",IF(AND('Cambios Auto'!CY8&gt;0,'Indices Auto'!CZ8&lt;100),"A",IF(AND('Cambios Auto'!CY8&lt;0,'Indices Auto'!CZ8&gt;100),"N",IF(AND('Cambios Auto'!CY8&lt;0,'Indices Auto'!CZ8&lt;100),"R","NULL"))))</f>
        <v>N</v>
      </c>
      <c r="CZ8" s="2" t="str">
        <f>IF(AND('Cambios Auto'!CZ8&gt;0,'Indices Auto'!DA8&gt;100),"V",IF(AND('Cambios Auto'!CZ8&gt;0,'Indices Auto'!DA8&lt;100),"A",IF(AND('Cambios Auto'!CZ8&lt;0,'Indices Auto'!DA8&gt;100),"N",IF(AND('Cambios Auto'!CZ8&lt;0,'Indices Auto'!DA8&lt;100),"R","NULL"))))</f>
        <v>N</v>
      </c>
      <c r="DA8" s="2" t="str">
        <f>IF(AND('Cambios Auto'!DA8&gt;0,'Indices Auto'!DB8&gt;100),"V",IF(AND('Cambios Auto'!DA8&gt;0,'Indices Auto'!DB8&lt;100),"A",IF(AND('Cambios Auto'!DA8&lt;0,'Indices Auto'!DB8&gt;100),"N",IF(AND('Cambios Auto'!DA8&lt;0,'Indices Auto'!DB8&lt;100),"R","NULL"))))</f>
        <v>N</v>
      </c>
      <c r="DB8" s="2" t="str">
        <f>IF(AND('Cambios Auto'!DB8&gt;0,'Indices Auto'!DC8&gt;100),"V",IF(AND('Cambios Auto'!DB8&gt;0,'Indices Auto'!DC8&lt;100),"A",IF(AND('Cambios Auto'!DB8&lt;0,'Indices Auto'!DC8&gt;100),"N",IF(AND('Cambios Auto'!DB8&lt;0,'Indices Auto'!DC8&lt;100),"R","NULL"))))</f>
        <v>N</v>
      </c>
      <c r="DC8" s="2" t="str">
        <f>IF(AND('Cambios Auto'!DC8&gt;0,'Indices Auto'!DD8&gt;100),"V",IF(AND('Cambios Auto'!DC8&gt;0,'Indices Auto'!DD8&lt;100),"A",IF(AND('Cambios Auto'!DC8&lt;0,'Indices Auto'!DD8&gt;100),"N",IF(AND('Cambios Auto'!DC8&lt;0,'Indices Auto'!DD8&lt;100),"R","NULL"))))</f>
        <v>N</v>
      </c>
      <c r="DD8" s="2" t="str">
        <f>IF(AND('Cambios Auto'!DD8&gt;0,'Indices Auto'!DE8&gt;100),"V",IF(AND('Cambios Auto'!DD8&gt;0,'Indices Auto'!DE8&lt;100),"A",IF(AND('Cambios Auto'!DD8&lt;0,'Indices Auto'!DE8&gt;100),"N",IF(AND('Cambios Auto'!DD8&lt;0,'Indices Auto'!DE8&lt;100),"R","NULL"))))</f>
        <v>N</v>
      </c>
      <c r="DE8" s="2" t="str">
        <f>IF(AND('Cambios Auto'!DE8&gt;0,'Indices Auto'!DF8&gt;100),"V",IF(AND('Cambios Auto'!DE8&gt;0,'Indices Auto'!DF8&lt;100),"A",IF(AND('Cambios Auto'!DE8&lt;0,'Indices Auto'!DF8&gt;100),"N",IF(AND('Cambios Auto'!DE8&lt;0,'Indices Auto'!DF8&lt;100),"R","NULL"))))</f>
        <v>R</v>
      </c>
      <c r="DF8" s="2" t="str">
        <f>IF(AND('Cambios Auto'!DF8&gt;0,'Indices Auto'!DG8&gt;100),"V",IF(AND('Cambios Auto'!DF8&gt;0,'Indices Auto'!DG8&lt;100),"A",IF(AND('Cambios Auto'!DF8&lt;0,'Indices Auto'!DG8&gt;100),"N",IF(AND('Cambios Auto'!DF8&lt;0,'Indices Auto'!DG8&lt;100),"R","NULL"))))</f>
        <v>R</v>
      </c>
      <c r="DG8" s="2" t="str">
        <f>IF(AND('Cambios Auto'!DG8&gt;0,'Indices Auto'!DH8&gt;100),"V",IF(AND('Cambios Auto'!DG8&gt;0,'Indices Auto'!DH8&lt;100),"A",IF(AND('Cambios Auto'!DG8&lt;0,'Indices Auto'!DH8&gt;100),"N",IF(AND('Cambios Auto'!DG8&lt;0,'Indices Auto'!DH8&lt;100),"R","NULL"))))</f>
        <v>R</v>
      </c>
      <c r="DH8" s="2" t="str">
        <f>IF(AND('Cambios Auto'!DH8&gt;0,'Indices Auto'!DI8&gt;100),"V",IF(AND('Cambios Auto'!DH8&gt;0,'Indices Auto'!DI8&lt;100),"A",IF(AND('Cambios Auto'!DH8&lt;0,'Indices Auto'!DI8&gt;100),"N",IF(AND('Cambios Auto'!DH8&lt;0,'Indices Auto'!DI8&lt;100),"R","NULL"))))</f>
        <v>R</v>
      </c>
      <c r="DI8" s="2" t="str">
        <f>IF(AND('Cambios Auto'!DI8&gt;0,'Indices Auto'!DJ8&gt;100),"V",IF(AND('Cambios Auto'!DI8&gt;0,'Indices Auto'!DJ8&lt;100),"A",IF(AND('Cambios Auto'!DI8&lt;0,'Indices Auto'!DJ8&gt;100),"N",IF(AND('Cambios Auto'!DI8&lt;0,'Indices Auto'!DJ8&lt;100),"R","NULL"))))</f>
        <v>R</v>
      </c>
      <c r="DJ8" s="2" t="str">
        <f>IF(AND('Cambios Auto'!DJ8&gt;0,'Indices Auto'!DK8&gt;100),"V",IF(AND('Cambios Auto'!DJ8&gt;0,'Indices Auto'!DK8&lt;100),"A",IF(AND('Cambios Auto'!DJ8&lt;0,'Indices Auto'!DK8&gt;100),"N",IF(AND('Cambios Auto'!DJ8&lt;0,'Indices Auto'!DK8&lt;100),"R","NULL"))))</f>
        <v>R</v>
      </c>
      <c r="DK8" s="2" t="str">
        <f>IF(AND('Cambios Auto'!DK8&gt;0,'Indices Auto'!DL8&gt;100),"V",IF(AND('Cambios Auto'!DK8&gt;0,'Indices Auto'!DL8&lt;100),"A",IF(AND('Cambios Auto'!DK8&lt;0,'Indices Auto'!DL8&gt;100),"N",IF(AND('Cambios Auto'!DK8&lt;0,'Indices Auto'!DL8&lt;100),"R","NULL"))))</f>
        <v>R</v>
      </c>
      <c r="DL8" s="2" t="str">
        <f>IF(AND('Cambios Auto'!DL8&gt;0,'Indices Auto'!DM8&gt;100),"V",IF(AND('Cambios Auto'!DL8&gt;0,'Indices Auto'!DM8&lt;100),"A",IF(AND('Cambios Auto'!DL8&lt;0,'Indices Auto'!DM8&gt;100),"N",IF(AND('Cambios Auto'!DL8&lt;0,'Indices Auto'!DM8&lt;100),"R","NULL"))))</f>
        <v>R</v>
      </c>
      <c r="DM8" s="2" t="str">
        <f>IF(AND('Cambios Auto'!DM8&gt;0,'Indices Auto'!DN8&gt;100),"V",IF(AND('Cambios Auto'!DM8&gt;0,'Indices Auto'!DN8&lt;100),"A",IF(AND('Cambios Auto'!DM8&lt;0,'Indices Auto'!DN8&gt;100),"N",IF(AND('Cambios Auto'!DM8&lt;0,'Indices Auto'!DN8&lt;100),"R","NULL"))))</f>
        <v>R</v>
      </c>
      <c r="DN8" s="2" t="str">
        <f>IF(AND('Cambios Auto'!DN8&gt;0,'Indices Auto'!DO8&gt;100),"V",IF(AND('Cambios Auto'!DN8&gt;0,'Indices Auto'!DO8&lt;100),"A",IF(AND('Cambios Auto'!DN8&lt;0,'Indices Auto'!DO8&gt;100),"N",IF(AND('Cambios Auto'!DN8&lt;0,'Indices Auto'!DO8&lt;100),"R","NULL"))))</f>
        <v>R</v>
      </c>
      <c r="DO8" s="2" t="str">
        <f>IF(AND('Cambios Auto'!DO8&gt;0,'Indices Auto'!DP8&gt;100),"V",IF(AND('Cambios Auto'!DO8&gt;0,'Indices Auto'!DP8&lt;100),"A",IF(AND('Cambios Auto'!DO8&lt;0,'Indices Auto'!DP8&gt;100),"N",IF(AND('Cambios Auto'!DO8&lt;0,'Indices Auto'!DP8&lt;100),"R","NULL"))))</f>
        <v>A</v>
      </c>
      <c r="DP8" s="2" t="str">
        <f>IF(AND('Cambios Auto'!DP8&gt;0,'Indices Auto'!DQ8&gt;100),"V",IF(AND('Cambios Auto'!DP8&gt;0,'Indices Auto'!DQ8&lt;100),"A",IF(AND('Cambios Auto'!DP8&lt;0,'Indices Auto'!DQ8&gt;100),"N",IF(AND('Cambios Auto'!DP8&lt;0,'Indices Auto'!DQ8&lt;100),"R","NULL"))))</f>
        <v>A</v>
      </c>
      <c r="DQ8" s="2" t="str">
        <f>IF(AND('Cambios Auto'!DQ8&gt;0,'Indices Auto'!DR8&gt;100),"V",IF(AND('Cambios Auto'!DQ8&gt;0,'Indices Auto'!DR8&lt;100),"A",IF(AND('Cambios Auto'!DQ8&lt;0,'Indices Auto'!DR8&gt;100),"N",IF(AND('Cambios Auto'!DQ8&lt;0,'Indices Auto'!DR8&lt;100),"R","NULL"))))</f>
        <v>A</v>
      </c>
      <c r="DR8" s="2" t="str">
        <f>IF(AND('Cambios Auto'!DR8&gt;0,'Indices Auto'!DS8&gt;100),"V",IF(AND('Cambios Auto'!DR8&gt;0,'Indices Auto'!DS8&lt;100),"A",IF(AND('Cambios Auto'!DR8&lt;0,'Indices Auto'!DS8&gt;100),"N",IF(AND('Cambios Auto'!DR8&lt;0,'Indices Auto'!DS8&lt;100),"R","NULL"))))</f>
        <v>A</v>
      </c>
      <c r="DS8" s="2" t="str">
        <f>IF(AND('Cambios Auto'!DS8&gt;0,'Indices Auto'!DT8&gt;100),"V",IF(AND('Cambios Auto'!DS8&gt;0,'Indices Auto'!DT8&lt;100),"A",IF(AND('Cambios Auto'!DS8&lt;0,'Indices Auto'!DT8&gt;100),"N",IF(AND('Cambios Auto'!DS8&lt;0,'Indices Auto'!DT8&lt;100),"R","NULL"))))</f>
        <v>A</v>
      </c>
      <c r="DT8" s="2" t="str">
        <f>IF(AND('Cambios Auto'!DT8&gt;0,'Indices Auto'!DU8&gt;100),"V",IF(AND('Cambios Auto'!DT8&gt;0,'Indices Auto'!DU8&lt;100),"A",IF(AND('Cambios Auto'!DT8&lt;0,'Indices Auto'!DU8&gt;100),"N",IF(AND('Cambios Auto'!DT8&lt;0,'Indices Auto'!DU8&lt;100),"R","NULL"))))</f>
        <v>A</v>
      </c>
      <c r="DU8" s="2" t="str">
        <f>IF(AND('Cambios Auto'!DU8&gt;0,'Indices Auto'!DV8&gt;100),"V",IF(AND('Cambios Auto'!DU8&gt;0,'Indices Auto'!DV8&lt;100),"A",IF(AND('Cambios Auto'!DU8&lt;0,'Indices Auto'!DV8&gt;100),"N",IF(AND('Cambios Auto'!DU8&lt;0,'Indices Auto'!DV8&lt;100),"R","NULL"))))</f>
        <v>A</v>
      </c>
      <c r="DV8" s="2" t="str">
        <f>IF(AND('Cambios Auto'!DV8&gt;0,'Indices Auto'!DW8&gt;100),"V",IF(AND('Cambios Auto'!DV8&gt;0,'Indices Auto'!DW8&lt;100),"A",IF(AND('Cambios Auto'!DV8&lt;0,'Indices Auto'!DW8&gt;100),"N",IF(AND('Cambios Auto'!DV8&lt;0,'Indices Auto'!DW8&lt;100),"R","NULL"))))</f>
        <v>A</v>
      </c>
      <c r="DW8" s="2" t="str">
        <f>IF(AND('Cambios Auto'!DW8&gt;0,'Indices Auto'!DX8&gt;100),"V",IF(AND('Cambios Auto'!DW8&gt;0,'Indices Auto'!DX8&lt;100),"A",IF(AND('Cambios Auto'!DW8&lt;0,'Indices Auto'!DX8&gt;100),"N",IF(AND('Cambios Auto'!DW8&lt;0,'Indices Auto'!DX8&lt;100),"R","NULL"))))</f>
        <v>A</v>
      </c>
      <c r="DX8" s="2" t="str">
        <f>IF(AND('Cambios Auto'!DX8&gt;0,'Indices Auto'!DY8&gt;100),"V",IF(AND('Cambios Auto'!DX8&gt;0,'Indices Auto'!DY8&lt;100),"A",IF(AND('Cambios Auto'!DX8&lt;0,'Indices Auto'!DY8&gt;100),"N",IF(AND('Cambios Auto'!DX8&lt;0,'Indices Auto'!DY8&lt;100),"R","NULL"))))</f>
        <v>A</v>
      </c>
      <c r="DY8" s="2" t="str">
        <f>IF(AND('Cambios Auto'!DY8&gt;0,'Indices Auto'!DZ8&gt;100),"V",IF(AND('Cambios Auto'!DY8&gt;0,'Indices Auto'!DZ8&lt;100),"A",IF(AND('Cambios Auto'!DY8&lt;0,'Indices Auto'!DZ8&gt;100),"N",IF(AND('Cambios Auto'!DY8&lt;0,'Indices Auto'!DZ8&lt;100),"R","NULL"))))</f>
        <v>A</v>
      </c>
      <c r="DZ8" s="2" t="str">
        <f>IF(AND('Cambios Auto'!DZ8&gt;0,'Indices Auto'!EA8&gt;100),"V",IF(AND('Cambios Auto'!DZ8&gt;0,'Indices Auto'!EA8&lt;100),"A",IF(AND('Cambios Auto'!DZ8&lt;0,'Indices Auto'!EA8&gt;100),"N",IF(AND('Cambios Auto'!DZ8&lt;0,'Indices Auto'!EA8&lt;100),"R","NULL"))))</f>
        <v>A</v>
      </c>
      <c r="EA8" s="2" t="str">
        <f>IF(AND('Cambios Auto'!EA8&gt;0,'Indices Auto'!EB8&gt;100),"V",IF(AND('Cambios Auto'!EA8&gt;0,'Indices Auto'!EB8&lt;100),"A",IF(AND('Cambios Auto'!EA8&lt;0,'Indices Auto'!EB8&gt;100),"N",IF(AND('Cambios Auto'!EA8&lt;0,'Indices Auto'!EB8&lt;100),"R","NULL"))))</f>
        <v>A</v>
      </c>
      <c r="EB8" s="2" t="str">
        <f>IF(AND('Cambios Auto'!EB8&gt;0,'Indices Auto'!EC8&gt;100),"V",IF(AND('Cambios Auto'!EB8&gt;0,'Indices Auto'!EC8&lt;100),"A",IF(AND('Cambios Auto'!EB8&lt;0,'Indices Auto'!EC8&gt;100),"N",IF(AND('Cambios Auto'!EB8&lt;0,'Indices Auto'!EC8&lt;100),"R","NULL"))))</f>
        <v>A</v>
      </c>
      <c r="EC8" s="2" t="str">
        <f>IF(AND('Cambios Auto'!EC8&gt;0,'Indices Auto'!ED8&gt;100),"V",IF(AND('Cambios Auto'!EC8&gt;0,'Indices Auto'!ED8&lt;100),"A",IF(AND('Cambios Auto'!EC8&lt;0,'Indices Auto'!ED8&gt;100),"N",IF(AND('Cambios Auto'!EC8&lt;0,'Indices Auto'!ED8&lt;100),"R","NULL"))))</f>
        <v>A</v>
      </c>
      <c r="ED8" s="2" t="str">
        <f>IF(AND('Cambios Auto'!ED8&gt;0,'Indices Auto'!EE8&gt;100),"V",IF(AND('Cambios Auto'!ED8&gt;0,'Indices Auto'!EE8&lt;100),"A",IF(AND('Cambios Auto'!ED8&lt;0,'Indices Auto'!EE8&gt;100),"N",IF(AND('Cambios Auto'!ED8&lt;0,'Indices Auto'!EE8&lt;100),"R","NULL"))))</f>
        <v>A</v>
      </c>
      <c r="EE8" s="2" t="str">
        <f>IF(AND('Cambios Auto'!EE8&gt;0,'Indices Auto'!EF8&gt;100),"V",IF(AND('Cambios Auto'!EE8&gt;0,'Indices Auto'!EF8&lt;100),"A",IF(AND('Cambios Auto'!EE8&lt;0,'Indices Auto'!EF8&gt;100),"N",IF(AND('Cambios Auto'!EE8&lt;0,'Indices Auto'!EF8&lt;100),"R","NULL"))))</f>
        <v>A</v>
      </c>
      <c r="EF8" s="2" t="str">
        <f>IF(AND('Cambios Auto'!EF8&gt;0,'Indices Auto'!EG8&gt;100),"V",IF(AND('Cambios Auto'!EF8&gt;0,'Indices Auto'!EG8&lt;100),"A",IF(AND('Cambios Auto'!EF8&lt;0,'Indices Auto'!EG8&gt;100),"N",IF(AND('Cambios Auto'!EF8&lt;0,'Indices Auto'!EG8&lt;100),"R","NULL"))))</f>
        <v>A</v>
      </c>
      <c r="EG8" s="2" t="str">
        <f>IF(AND('Cambios Auto'!EG8&gt;0,'Indices Auto'!EH8&gt;100),"V",IF(AND('Cambios Auto'!EG8&gt;0,'Indices Auto'!EH8&lt;100),"A",IF(AND('Cambios Auto'!EG8&lt;0,'Indices Auto'!EH8&gt;100),"N",IF(AND('Cambios Auto'!EG8&lt;0,'Indices Auto'!EH8&lt;100),"R","NULL"))))</f>
        <v>A</v>
      </c>
      <c r="EH8" s="2" t="str">
        <f>IF(AND('Cambios Auto'!EH8&gt;0,'Indices Auto'!EI8&gt;100),"V",IF(AND('Cambios Auto'!EH8&gt;0,'Indices Auto'!EI8&lt;100),"A",IF(AND('Cambios Auto'!EH8&lt;0,'Indices Auto'!EI8&gt;100),"N",IF(AND('Cambios Auto'!EH8&lt;0,'Indices Auto'!EI8&lt;100),"R","NULL"))))</f>
        <v>A</v>
      </c>
      <c r="EI8" s="2" t="str">
        <f>IF(AND('Cambios Auto'!EI8&gt;0,'Indices Auto'!EJ8&gt;100),"V",IF(AND('Cambios Auto'!EI8&gt;0,'Indices Auto'!EJ8&lt;100),"A",IF(AND('Cambios Auto'!EI8&lt;0,'Indices Auto'!EJ8&gt;100),"N",IF(AND('Cambios Auto'!EI8&lt;0,'Indices Auto'!EJ8&lt;100),"R","NULL"))))</f>
        <v>A</v>
      </c>
      <c r="EJ8" s="2" t="str">
        <f>IF(AND('Cambios Auto'!EJ8&gt;0,'Indices Auto'!EK8&gt;100),"V",IF(AND('Cambios Auto'!EJ8&gt;0,'Indices Auto'!EK8&lt;100),"A",IF(AND('Cambios Auto'!EJ8&lt;0,'Indices Auto'!EK8&gt;100),"N",IF(AND('Cambios Auto'!EJ8&lt;0,'Indices Auto'!EK8&lt;100),"R","NULL"))))</f>
        <v>A</v>
      </c>
      <c r="EK8" s="2" t="str">
        <f>IF(AND('Cambios Auto'!EK8&gt;0,'Indices Auto'!EL8&gt;100),"V",IF(AND('Cambios Auto'!EK8&gt;0,'Indices Auto'!EL8&lt;100),"A",IF(AND('Cambios Auto'!EK8&lt;0,'Indices Auto'!EL8&gt;100),"N",IF(AND('Cambios Auto'!EK8&lt;0,'Indices Auto'!EL8&lt;100),"R","NULL"))))</f>
        <v>A</v>
      </c>
      <c r="EL8" s="2" t="str">
        <f>IF(AND('Cambios Auto'!EL8&gt;0,'Indices Auto'!EM8&gt;100),"V",IF(AND('Cambios Auto'!EL8&gt;0,'Indices Auto'!EM8&lt;100),"A",IF(AND('Cambios Auto'!EL8&lt;0,'Indices Auto'!EM8&gt;100),"N",IF(AND('Cambios Auto'!EL8&lt;0,'Indices Auto'!EM8&lt;100),"R","NULL"))))</f>
        <v>A</v>
      </c>
      <c r="EM8" s="2" t="str">
        <f>IF(AND('Cambios Auto'!EM8&gt;0,'Indices Auto'!EN8&gt;100),"V",IF(AND('Cambios Auto'!EM8&gt;0,'Indices Auto'!EN8&lt;100),"A",IF(AND('Cambios Auto'!EM8&lt;0,'Indices Auto'!EN8&gt;100),"N",IF(AND('Cambios Auto'!EM8&lt;0,'Indices Auto'!EN8&lt;100),"R","NULL"))))</f>
        <v>A</v>
      </c>
      <c r="EN8" s="2" t="str">
        <f>IF(AND('Cambios Auto'!EN8&gt;0,'Indices Auto'!EO8&gt;100),"V",IF(AND('Cambios Auto'!EN8&gt;0,'Indices Auto'!EO8&lt;100),"A",IF(AND('Cambios Auto'!EN8&lt;0,'Indices Auto'!EO8&gt;100),"N",IF(AND('Cambios Auto'!EN8&lt;0,'Indices Auto'!EO8&lt;100),"R","NULL"))))</f>
        <v>A</v>
      </c>
      <c r="EO8" s="2" t="str">
        <f>IF(AND('Cambios Auto'!EO8&gt;0,'Indices Auto'!EP8&gt;100),"V",IF(AND('Cambios Auto'!EO8&gt;0,'Indices Auto'!EP8&lt;100),"A",IF(AND('Cambios Auto'!EO8&lt;0,'Indices Auto'!EP8&gt;100),"N",IF(AND('Cambios Auto'!EO8&lt;0,'Indices Auto'!EP8&lt;100),"R","NULL"))))</f>
        <v>A</v>
      </c>
      <c r="EP8" s="2" t="str">
        <f>IF(AND('Cambios Auto'!EP8&gt;0,'Indices Auto'!EQ8&gt;100),"V",IF(AND('Cambios Auto'!EP8&gt;0,'Indices Auto'!EQ8&lt;100),"A",IF(AND('Cambios Auto'!EP8&lt;0,'Indices Auto'!EQ8&gt;100),"N",IF(AND('Cambios Auto'!EP8&lt;0,'Indices Auto'!EQ8&lt;100),"R","NULL"))))</f>
        <v>A</v>
      </c>
      <c r="EQ8" s="2" t="str">
        <f>IF(AND('Cambios Auto'!EQ8&gt;0,'Indices Auto'!ER8&gt;100),"V",IF(AND('Cambios Auto'!EQ8&gt;0,'Indices Auto'!ER8&lt;100),"A",IF(AND('Cambios Auto'!EQ8&lt;0,'Indices Auto'!ER8&gt;100),"N",IF(AND('Cambios Auto'!EQ8&lt;0,'Indices Auto'!ER8&lt;100),"R","NULL"))))</f>
        <v>A</v>
      </c>
      <c r="ER8" s="2" t="str">
        <f>IF(AND('Cambios Auto'!ER8&gt;0,'Indices Auto'!ES8&gt;100),"V",IF(AND('Cambios Auto'!ER8&gt;0,'Indices Auto'!ES8&lt;100),"A",IF(AND('Cambios Auto'!ER8&lt;0,'Indices Auto'!ES8&gt;100),"N",IF(AND('Cambios Auto'!ER8&lt;0,'Indices Auto'!ES8&lt;100),"R","NULL"))))</f>
        <v>V</v>
      </c>
      <c r="ES8" s="2" t="str">
        <f>IF(AND('Cambios Auto'!ES8&gt;0,'Indices Auto'!ET8&gt;100),"V",IF(AND('Cambios Auto'!ES8&gt;0,'Indices Auto'!ET8&lt;100),"A",IF(AND('Cambios Auto'!ES8&lt;0,'Indices Auto'!ET8&gt;100),"N",IF(AND('Cambios Auto'!ES8&lt;0,'Indices Auto'!ET8&lt;100),"R","NULL"))))</f>
        <v>V</v>
      </c>
      <c r="ET8" s="2" t="str">
        <f>IF(AND('Cambios Auto'!ET8&gt;0,'Indices Auto'!EU8&gt;100),"V",IF(AND('Cambios Auto'!ET8&gt;0,'Indices Auto'!EU8&lt;100),"A",IF(AND('Cambios Auto'!ET8&lt;0,'Indices Auto'!EU8&gt;100),"N",IF(AND('Cambios Auto'!ET8&lt;0,'Indices Auto'!EU8&lt;100),"R","NULL"))))</f>
        <v>V</v>
      </c>
      <c r="EU8" s="2" t="str">
        <f>IF(AND('Cambios Auto'!EU8&gt;0,'Indices Auto'!EV8&gt;100),"V",IF(AND('Cambios Auto'!EU8&gt;0,'Indices Auto'!EV8&lt;100),"A",IF(AND('Cambios Auto'!EU8&lt;0,'Indices Auto'!EV8&gt;100),"N",IF(AND('Cambios Auto'!EU8&lt;0,'Indices Auto'!EV8&lt;100),"R","NULL"))))</f>
        <v>V</v>
      </c>
      <c r="EV8" s="2" t="str">
        <f>IF(AND('Cambios Auto'!EV8&gt;0,'Indices Auto'!EW8&gt;100),"V",IF(AND('Cambios Auto'!EV8&gt;0,'Indices Auto'!EW8&lt;100),"A",IF(AND('Cambios Auto'!EV8&lt;0,'Indices Auto'!EW8&gt;100),"N",IF(AND('Cambios Auto'!EV8&lt;0,'Indices Auto'!EW8&lt;100),"R","NULL"))))</f>
        <v>V</v>
      </c>
      <c r="EW8" s="2" t="str">
        <f>IF(AND('Cambios Auto'!EW8&gt;0,'Indices Auto'!EX8&gt;100),"V",IF(AND('Cambios Auto'!EW8&gt;0,'Indices Auto'!EX8&lt;100),"A",IF(AND('Cambios Auto'!EW8&lt;0,'Indices Auto'!EX8&gt;100),"N",IF(AND('Cambios Auto'!EW8&lt;0,'Indices Auto'!EX8&lt;100),"R","NULL"))))</f>
        <v>V</v>
      </c>
      <c r="EX8" s="2" t="str">
        <f>IF(AND('Cambios Auto'!EX8&gt;0,'Indices Auto'!EY8&gt;100),"V",IF(AND('Cambios Auto'!EX8&gt;0,'Indices Auto'!EY8&lt;100),"A",IF(AND('Cambios Auto'!EX8&lt;0,'Indices Auto'!EY8&gt;100),"N",IF(AND('Cambios Auto'!EX8&lt;0,'Indices Auto'!EY8&lt;100),"R","NULL"))))</f>
        <v>V</v>
      </c>
      <c r="EY8" s="2" t="str">
        <f>IF(AND('Cambios Auto'!EY8&gt;0,'Indices Auto'!EZ8&gt;100),"V",IF(AND('Cambios Auto'!EY8&gt;0,'Indices Auto'!EZ8&lt;100),"A",IF(AND('Cambios Auto'!EY8&lt;0,'Indices Auto'!EZ8&gt;100),"N",IF(AND('Cambios Auto'!EY8&lt;0,'Indices Auto'!EZ8&lt;100),"R","NULL"))))</f>
        <v>V</v>
      </c>
      <c r="EZ8" s="2" t="str">
        <f>IF(AND('Cambios Auto'!EZ8&gt;0,'Indices Auto'!FA8&gt;100),"V",IF(AND('Cambios Auto'!EZ8&gt;0,'Indices Auto'!FA8&lt;100),"A",IF(AND('Cambios Auto'!EZ8&lt;0,'Indices Auto'!FA8&gt;100),"N",IF(AND('Cambios Auto'!EZ8&lt;0,'Indices Auto'!FA8&lt;100),"R","NULL"))))</f>
        <v>V</v>
      </c>
      <c r="FA8" s="2" t="str">
        <f>IF(AND('Cambios Auto'!FA8&gt;0,'Indices Auto'!FB8&gt;100),"V",IF(AND('Cambios Auto'!FA8&gt;0,'Indices Auto'!FB8&lt;100),"A",IF(AND('Cambios Auto'!FA8&lt;0,'Indices Auto'!FB8&gt;100),"N",IF(AND('Cambios Auto'!FA8&lt;0,'Indices Auto'!FB8&lt;100),"R","NULL"))))</f>
        <v>V</v>
      </c>
      <c r="FB8" s="2" t="str">
        <f>IF(AND('Cambios Auto'!FB8&gt;0,'Indices Auto'!FC8&gt;100),"V",IF(AND('Cambios Auto'!FB8&gt;0,'Indices Auto'!FC8&lt;100),"A",IF(AND('Cambios Auto'!FB8&lt;0,'Indices Auto'!FC8&gt;100),"N",IF(AND('Cambios Auto'!FB8&lt;0,'Indices Auto'!FC8&lt;100),"R","NULL"))))</f>
        <v>V</v>
      </c>
      <c r="FC8" s="2" t="str">
        <f>IF(AND('Cambios Auto'!FC8&gt;0,'Indices Auto'!FD8&gt;100),"V",IF(AND('Cambios Auto'!FC8&gt;0,'Indices Auto'!FD8&lt;100),"A",IF(AND('Cambios Auto'!FC8&lt;0,'Indices Auto'!FD8&gt;100),"N",IF(AND('Cambios Auto'!FC8&lt;0,'Indices Auto'!FD8&lt;100),"R","NULL"))))</f>
        <v>N</v>
      </c>
      <c r="FD8" s="2" t="str">
        <f>IF(AND('Cambios Auto'!FD8&gt;0,'Indices Auto'!FE8&gt;100),"V",IF(AND('Cambios Auto'!FD8&gt;0,'Indices Auto'!FE8&lt;100),"A",IF(AND('Cambios Auto'!FD8&lt;0,'Indices Auto'!FE8&gt;100),"N",IF(AND('Cambios Auto'!FD8&lt;0,'Indices Auto'!FE8&lt;100),"R","NULL"))))</f>
        <v>N</v>
      </c>
      <c r="FE8" s="2" t="str">
        <f>IF(AND('Cambios Auto'!FE8&gt;0,'Indices Auto'!FF8&gt;100),"V",IF(AND('Cambios Auto'!FE8&gt;0,'Indices Auto'!FF8&lt;100),"A",IF(AND('Cambios Auto'!FE8&lt;0,'Indices Auto'!FF8&gt;100),"N",IF(AND('Cambios Auto'!FE8&lt;0,'Indices Auto'!FF8&lt;100),"R","NULL"))))</f>
        <v>N</v>
      </c>
      <c r="FF8" s="2" t="str">
        <f>IF(AND('Cambios Auto'!FF8&gt;0,'Indices Auto'!FG8&gt;100),"V",IF(AND('Cambios Auto'!FF8&gt;0,'Indices Auto'!FG8&lt;100),"A",IF(AND('Cambios Auto'!FF8&lt;0,'Indices Auto'!FG8&gt;100),"N",IF(AND('Cambios Auto'!FF8&lt;0,'Indices Auto'!FG8&lt;100),"R","NULL"))))</f>
        <v>N</v>
      </c>
      <c r="FG8" s="2" t="str">
        <f>IF(AND('Cambios Auto'!FG8&gt;0,'Indices Auto'!FH8&gt;100),"V",IF(AND('Cambios Auto'!FG8&gt;0,'Indices Auto'!FH8&lt;100),"A",IF(AND('Cambios Auto'!FG8&lt;0,'Indices Auto'!FH8&gt;100),"N",IF(AND('Cambios Auto'!FG8&lt;0,'Indices Auto'!FH8&lt;100),"R","NULL"))))</f>
        <v>N</v>
      </c>
      <c r="FH8" s="2" t="str">
        <f>IF(AND('Cambios Auto'!FH8&gt;0,'Indices Auto'!FI8&gt;100),"V",IF(AND('Cambios Auto'!FH8&gt;0,'Indices Auto'!FI8&lt;100),"A",IF(AND('Cambios Auto'!FH8&lt;0,'Indices Auto'!FI8&gt;100),"N",IF(AND('Cambios Auto'!FH8&lt;0,'Indices Auto'!FI8&lt;100),"R","NULL"))))</f>
        <v>N</v>
      </c>
      <c r="FI8" s="2" t="str">
        <f>IF(AND('Cambios Auto'!FI8&gt;0,'Indices Auto'!FJ8&gt;100),"V",IF(AND('Cambios Auto'!FI8&gt;0,'Indices Auto'!FJ8&lt;100),"A",IF(AND('Cambios Auto'!FI8&lt;0,'Indices Auto'!FJ8&gt;100),"N",IF(AND('Cambios Auto'!FI8&lt;0,'Indices Auto'!FJ8&lt;100),"R","NULL"))))</f>
        <v>N</v>
      </c>
      <c r="FJ8" s="2" t="str">
        <f>IF(AND('Cambios Auto'!FJ8&gt;0,'Indices Auto'!FK8&gt;100),"V",IF(AND('Cambios Auto'!FJ8&gt;0,'Indices Auto'!FK8&lt;100),"A",IF(AND('Cambios Auto'!FJ8&lt;0,'Indices Auto'!FK8&gt;100),"N",IF(AND('Cambios Auto'!FJ8&lt;0,'Indices Auto'!FK8&lt;100),"R","NULL"))))</f>
        <v>N</v>
      </c>
      <c r="FK8" s="2" t="str">
        <f>IF(AND('Cambios Auto'!FK8&gt;0,'Indices Auto'!FL8&gt;100),"V",IF(AND('Cambios Auto'!FK8&gt;0,'Indices Auto'!FL8&lt;100),"A",IF(AND('Cambios Auto'!FK8&lt;0,'Indices Auto'!FL8&gt;100),"N",IF(AND('Cambios Auto'!FK8&lt;0,'Indices Auto'!FL8&lt;100),"R","NULL"))))</f>
        <v>N</v>
      </c>
      <c r="FL8" s="2" t="str">
        <f>IF(AND('Cambios Auto'!FL8&gt;0,'Indices Auto'!FM8&gt;100),"V",IF(AND('Cambios Auto'!FL8&gt;0,'Indices Auto'!FM8&lt;100),"A",IF(AND('Cambios Auto'!FL8&lt;0,'Indices Auto'!FM8&gt;100),"N",IF(AND('Cambios Auto'!FL8&lt;0,'Indices Auto'!FM8&lt;100),"R","NULL"))))</f>
        <v>N</v>
      </c>
      <c r="FM8" s="2" t="str">
        <f>IF(AND('Cambios Auto'!FM8&gt;0,'Indices Auto'!FN8&gt;100),"V",IF(AND('Cambios Auto'!FM8&gt;0,'Indices Auto'!FN8&lt;100),"A",IF(AND('Cambios Auto'!FM8&lt;0,'Indices Auto'!FN8&gt;100),"N",IF(AND('Cambios Auto'!FM8&lt;0,'Indices Auto'!FN8&lt;100),"R","NULL"))))</f>
        <v>R</v>
      </c>
      <c r="FN8" s="2" t="str">
        <f>IF(AND('Cambios Auto'!FN8&gt;0,'Indices Auto'!FO8&gt;100),"V",IF(AND('Cambios Auto'!FN8&gt;0,'Indices Auto'!FO8&lt;100),"A",IF(AND('Cambios Auto'!FN8&lt;0,'Indices Auto'!FO8&gt;100),"N",IF(AND('Cambios Auto'!FN8&lt;0,'Indices Auto'!FO8&lt;100),"R","NULL"))))</f>
        <v>R</v>
      </c>
      <c r="FO8" s="2" t="str">
        <f>IF(AND('Cambios Auto'!FO8&gt;0,'Indices Auto'!FP8&gt;100),"V",IF(AND('Cambios Auto'!FO8&gt;0,'Indices Auto'!FP8&lt;100),"A",IF(AND('Cambios Auto'!FO8&lt;0,'Indices Auto'!FP8&gt;100),"N",IF(AND('Cambios Auto'!FO8&lt;0,'Indices Auto'!FP8&lt;100),"R","NULL"))))</f>
        <v>R</v>
      </c>
      <c r="FP8" s="2" t="str">
        <f>IF(AND('Cambios Auto'!FP8&gt;0,'Indices Auto'!FQ8&gt;100),"V",IF(AND('Cambios Auto'!FP8&gt;0,'Indices Auto'!FQ8&lt;100),"A",IF(AND('Cambios Auto'!FP8&lt;0,'Indices Auto'!FQ8&gt;100),"N",IF(AND('Cambios Auto'!FP8&lt;0,'Indices Auto'!FQ8&lt;100),"R","NULL"))))</f>
        <v>R</v>
      </c>
      <c r="FQ8" s="2" t="str">
        <f>IF(AND('Cambios Auto'!FQ8&gt;0,'Indices Auto'!FR8&gt;100),"V",IF(AND('Cambios Auto'!FQ8&gt;0,'Indices Auto'!FR8&lt;100),"A",IF(AND('Cambios Auto'!FQ8&lt;0,'Indices Auto'!FR8&gt;100),"N",IF(AND('Cambios Auto'!FQ8&lt;0,'Indices Auto'!FR8&lt;100),"R","NULL"))))</f>
        <v>A</v>
      </c>
      <c r="FR8" s="2" t="str">
        <f>IF(AND('Cambios Auto'!FR8&gt;0,'Indices Auto'!FS8&gt;100),"V",IF(AND('Cambios Auto'!FR8&gt;0,'Indices Auto'!FS8&lt;100),"A",IF(AND('Cambios Auto'!FR8&lt;0,'Indices Auto'!FS8&gt;100),"N",IF(AND('Cambios Auto'!FR8&lt;0,'Indices Auto'!FS8&lt;100),"R","NULL"))))</f>
        <v>A</v>
      </c>
      <c r="FS8" s="2" t="str">
        <f>IF(AND('Cambios Auto'!FS8&gt;0,'Indices Auto'!FT8&gt;100),"V",IF(AND('Cambios Auto'!FS8&gt;0,'Indices Auto'!FT8&lt;100),"A",IF(AND('Cambios Auto'!FS8&lt;0,'Indices Auto'!FT8&gt;100),"N",IF(AND('Cambios Auto'!FS8&lt;0,'Indices Auto'!FT8&lt;100),"R","NULL"))))</f>
        <v>A</v>
      </c>
      <c r="FT8" s="2" t="str">
        <f>IF(AND('Cambios Auto'!FT8&gt;0,'Indices Auto'!FU8&gt;100),"V",IF(AND('Cambios Auto'!FT8&gt;0,'Indices Auto'!FU8&lt;100),"A",IF(AND('Cambios Auto'!FT8&lt;0,'Indices Auto'!FU8&gt;100),"N",IF(AND('Cambios Auto'!FT8&lt;0,'Indices Auto'!FU8&lt;100),"R","NULL"))))</f>
        <v>A</v>
      </c>
      <c r="FU8" s="2" t="str">
        <f>IF(AND('Cambios Auto'!FU8&gt;0,'Indices Auto'!FV8&gt;100),"V",IF(AND('Cambios Auto'!FU8&gt;0,'Indices Auto'!FV8&lt;100),"A",IF(AND('Cambios Auto'!FU8&lt;0,'Indices Auto'!FV8&gt;100),"N",IF(AND('Cambios Auto'!FU8&lt;0,'Indices Auto'!FV8&lt;100),"R","NULL"))))</f>
        <v>V</v>
      </c>
      <c r="FV8" s="2" t="str">
        <f>IF(AND('Cambios Auto'!FV8&gt;0,'Indices Auto'!FW8&gt;100),"V",IF(AND('Cambios Auto'!FV8&gt;0,'Indices Auto'!FW8&lt;100),"A",IF(AND('Cambios Auto'!FV8&lt;0,'Indices Auto'!FW8&gt;100),"N",IF(AND('Cambios Auto'!FV8&lt;0,'Indices Auto'!FW8&lt;100),"R","NULL"))))</f>
        <v>V</v>
      </c>
      <c r="FW8" s="2" t="str">
        <f>IF(AND('Cambios Auto'!FW8&gt;0,'Indices Auto'!FX8&gt;100),"V",IF(AND('Cambios Auto'!FW8&gt;0,'Indices Auto'!FX8&lt;100),"A",IF(AND('Cambios Auto'!FW8&lt;0,'Indices Auto'!FX8&gt;100),"N",IF(AND('Cambios Auto'!FW8&lt;0,'Indices Auto'!FX8&lt;100),"R","NULL"))))</f>
        <v>V</v>
      </c>
      <c r="FX8" s="2" t="str">
        <f>IF(AND('Cambios Auto'!FX8&gt;0,'Indices Auto'!FY8&gt;100),"V",IF(AND('Cambios Auto'!FX8&gt;0,'Indices Auto'!FY8&lt;100),"A",IF(AND('Cambios Auto'!FX8&lt;0,'Indices Auto'!FY8&gt;100),"N",IF(AND('Cambios Auto'!FX8&lt;0,'Indices Auto'!FY8&lt;100),"R","NULL"))))</f>
        <v>V</v>
      </c>
      <c r="FY8" s="2" t="str">
        <f>IF(AND('Cambios Auto'!FY8&gt;0,'Indices Auto'!FZ8&gt;100),"V",IF(AND('Cambios Auto'!FY8&gt;0,'Indices Auto'!FZ8&lt;100),"A",IF(AND('Cambios Auto'!FY8&lt;0,'Indices Auto'!FZ8&gt;100),"N",IF(AND('Cambios Auto'!FY8&lt;0,'Indices Auto'!FZ8&lt;100),"R","NULL"))))</f>
        <v>V</v>
      </c>
      <c r="FZ8" s="2" t="str">
        <f>IF(AND('Cambios Auto'!FZ8&gt;0,'Indices Auto'!GA8&gt;100),"V",IF(AND('Cambios Auto'!FZ8&gt;0,'Indices Auto'!GA8&lt;100),"A",IF(AND('Cambios Auto'!FZ8&lt;0,'Indices Auto'!GA8&gt;100),"N",IF(AND('Cambios Auto'!FZ8&lt;0,'Indices Auto'!GA8&lt;100),"R","NULL"))))</f>
        <v>V</v>
      </c>
      <c r="GA8" s="2" t="str">
        <f>IF(AND('Cambios Auto'!GA8&gt;0,'Indices Auto'!GB8&gt;100),"V",IF(AND('Cambios Auto'!GA8&gt;0,'Indices Auto'!GB8&lt;100),"A",IF(AND('Cambios Auto'!GA8&lt;0,'Indices Auto'!GB8&gt;100),"N",IF(AND('Cambios Auto'!GA8&lt;0,'Indices Auto'!GB8&lt;100),"R","NULL"))))</f>
        <v>V</v>
      </c>
      <c r="GB8" s="2" t="str">
        <f>IF(AND('Cambios Auto'!GB8&gt;0,'Indices Auto'!GC8&gt;100),"V",IF(AND('Cambios Auto'!GB8&gt;0,'Indices Auto'!GC8&lt;100),"A",IF(AND('Cambios Auto'!GB8&lt;0,'Indices Auto'!GC8&gt;100),"N",IF(AND('Cambios Auto'!GB8&lt;0,'Indices Auto'!GC8&lt;100),"R","NULL"))))</f>
        <v>V</v>
      </c>
      <c r="GC8" s="2" t="str">
        <f>IF(AND('Cambios Auto'!GC8&gt;0,'Indices Auto'!GD8&gt;100),"V",IF(AND('Cambios Auto'!GC8&gt;0,'Indices Auto'!GD8&lt;100),"A",IF(AND('Cambios Auto'!GC8&lt;0,'Indices Auto'!GD8&gt;100),"N",IF(AND('Cambios Auto'!GC8&lt;0,'Indices Auto'!GD8&lt;100),"R","NULL"))))</f>
        <v>V</v>
      </c>
      <c r="GD8" s="2" t="str">
        <f>IF(AND('Cambios Auto'!GD8&gt;0,'Indices Auto'!GE8&gt;100),"V",IF(AND('Cambios Auto'!GD8&gt;0,'Indices Auto'!GE8&lt;100),"A",IF(AND('Cambios Auto'!GD8&lt;0,'Indices Auto'!GE8&gt;100),"N",IF(AND('Cambios Auto'!GD8&lt;0,'Indices Auto'!GE8&lt;100),"R","NULL"))))</f>
        <v>V</v>
      </c>
      <c r="GE8" s="2" t="str">
        <f>IF(AND('Cambios Auto'!GE8&gt;0,'Indices Auto'!GF8&gt;100),"V",IF(AND('Cambios Auto'!GE8&gt;0,'Indices Auto'!GF8&lt;100),"A",IF(AND('Cambios Auto'!GE8&lt;0,'Indices Auto'!GF8&gt;100),"N",IF(AND('Cambios Auto'!GE8&lt;0,'Indices Auto'!GF8&lt;100),"R","NULL"))))</f>
        <v>V</v>
      </c>
      <c r="GF8" s="2" t="str">
        <f>IF(AND('Cambios Auto'!GF8&gt;0,'Indices Auto'!GG8&gt;100),"V",IF(AND('Cambios Auto'!GF8&gt;0,'Indices Auto'!GG8&lt;100),"A",IF(AND('Cambios Auto'!GF8&lt;0,'Indices Auto'!GG8&gt;100),"N",IF(AND('Cambios Auto'!GF8&lt;0,'Indices Auto'!GG8&lt;100),"R","NULL"))))</f>
        <v>V</v>
      </c>
      <c r="GG8" s="2" t="str">
        <f>IF(AND('Cambios Auto'!GG8&gt;0,'Indices Auto'!GH8&gt;100),"V",IF(AND('Cambios Auto'!GG8&gt;0,'Indices Auto'!GH8&lt;100),"A",IF(AND('Cambios Auto'!GG8&lt;0,'Indices Auto'!GH8&gt;100),"N",IF(AND('Cambios Auto'!GG8&lt;0,'Indices Auto'!GH8&lt;100),"R","NULL"))))</f>
        <v>V</v>
      </c>
      <c r="GH8" s="2" t="str">
        <f>IF(AND('Cambios Auto'!GH8&gt;0,'Indices Auto'!GR8&gt;100),"V",IF(AND('Cambios Auto'!GH8&gt;0,'Indices Auto'!GR8&lt;100),"A",IF(AND('Cambios Auto'!GH8&lt;0,'Indices Auto'!GR8&gt;100),"N",IF(AND('Cambios Auto'!GH8&lt;0,'Indices Auto'!GR8&lt;100),"R","NULL"))))</f>
        <v>V</v>
      </c>
      <c r="GI8" s="2" t="str">
        <f>IF(AND('Cambios Auto'!GI8&gt;0,'Indices Auto'!GS8&gt;100),"V",IF(AND('Cambios Auto'!GI8&gt;0,'Indices Auto'!GS8&lt;100),"A",IF(AND('Cambios Auto'!GI8&lt;0,'Indices Auto'!GS8&gt;100),"N",IF(AND('Cambios Auto'!GI8&lt;0,'Indices Auto'!GS8&lt;100),"R","NULL"))))</f>
        <v>V</v>
      </c>
      <c r="GJ8" s="2" t="str">
        <f>IF(AND('Cambios Auto'!GJ8&gt;0,'Indices Auto'!GT8&gt;100),"V",IF(AND('Cambios Auto'!GJ8&gt;0,'Indices Auto'!GT8&lt;100),"A",IF(AND('Cambios Auto'!GJ8&lt;0,'Indices Auto'!GT8&gt;100),"N",IF(AND('Cambios Auto'!GJ8&lt;0,'Indices Auto'!GT8&lt;100),"R","NULL"))))</f>
        <v>V</v>
      </c>
      <c r="GK8" s="2" t="str">
        <f>IF(AND('Cambios Auto'!GK8&gt;0,'Indices Auto'!GU8&gt;100),"V",IF(AND('Cambios Auto'!GK8&gt;0,'Indices Auto'!GU8&lt;100),"A",IF(AND('Cambios Auto'!GK8&lt;0,'Indices Auto'!GU8&gt;100),"N",IF(AND('Cambios Auto'!GK8&lt;0,'Indices Auto'!GU8&lt;100),"R","NULL"))))</f>
        <v>N</v>
      </c>
      <c r="GL8" s="2" t="str">
        <f>IF(AND('Cambios Auto'!GL8&gt;0,'Indices Auto'!GV8&gt;100),"V",IF(AND('Cambios Auto'!GL8&gt;0,'Indices Auto'!GV8&lt;100),"A",IF(AND('Cambios Auto'!GL8&lt;0,'Indices Auto'!GV8&gt;100),"N",IF(AND('Cambios Auto'!GL8&lt;0,'Indices Auto'!GV8&lt;100),"R","NULL"))))</f>
        <v>R</v>
      </c>
      <c r="GM8" s="2" t="str">
        <f>IF(AND('Cambios Auto'!GM8&gt;0,'Indices Auto'!GW8&gt;100),"V",IF(AND('Cambios Auto'!GM8&gt;0,'Indices Auto'!GW8&lt;100),"A",IF(AND('Cambios Auto'!GM8&lt;0,'Indices Auto'!GW8&gt;100),"N",IF(AND('Cambios Auto'!GM8&lt;0,'Indices Auto'!GW8&lt;100),"R","NULL"))))</f>
        <v>R</v>
      </c>
      <c r="GN8" s="2" t="str">
        <f>IF(AND('Cambios Auto'!GN8&gt;0,'Indices Auto'!GX8&gt;100),"V",IF(AND('Cambios Auto'!GN8&gt;0,'Indices Auto'!GX8&lt;100),"A",IF(AND('Cambios Auto'!GN8&lt;0,'Indices Auto'!GX8&gt;100),"N",IF(AND('Cambios Auto'!GN8&lt;0,'Indices Auto'!GX8&lt;100),"R","NULL"))))</f>
        <v>R</v>
      </c>
      <c r="GO8" s="2" t="str">
        <f>IF(AND('Cambios Auto'!GO8&gt;0,'Indices Auto'!GY8&gt;100),"V",IF(AND('Cambios Auto'!GO8&gt;0,'Indices Auto'!GY8&lt;100),"A",IF(AND('Cambios Auto'!GO8&lt;0,'Indices Auto'!GY8&gt;100),"N",IF(AND('Cambios Auto'!GO8&lt;0,'Indices Auto'!GY8&lt;100),"R","NULL"))))</f>
        <v>R</v>
      </c>
      <c r="GP8" s="2" t="str">
        <f>IF(AND('Cambios Auto'!GP8&gt;0,'Indices Auto'!GZ8&gt;100),"V",IF(AND('Cambios Auto'!GP8&gt;0,'Indices Auto'!GZ8&lt;100),"A",IF(AND('Cambios Auto'!GP8&lt;0,'Indices Auto'!GZ8&gt;100),"N",IF(AND('Cambios Auto'!GP8&lt;0,'Indices Auto'!GZ8&lt;100),"R","NULL"))))</f>
        <v>R</v>
      </c>
      <c r="GQ8" s="2" t="str">
        <f>IF(AND('Cambios Auto'!GQ8&gt;0,'Indices Auto'!HA8&gt;100),"V",IF(AND('Cambios Auto'!GQ8&gt;0,'Indices Auto'!HA8&lt;100),"A",IF(AND('Cambios Auto'!GQ8&lt;0,'Indices Auto'!HA8&gt;100),"N",IF(AND('Cambios Auto'!GQ8&lt;0,'Indices Auto'!HA8&lt;100),"R","NULL"))))</f>
        <v>NULL</v>
      </c>
      <c r="GR8" s="2" t="str">
        <f>IF(AND('Cambios Auto'!GR8&gt;0,'Indices Auto'!HB8&gt;100),"V",IF(AND('Cambios Auto'!GR8&gt;0,'Indices Auto'!HB8&lt;100),"A",IF(AND('Cambios Auto'!GR8&lt;0,'Indices Auto'!HB8&gt;100),"N",IF(AND('Cambios Auto'!GR8&lt;0,'Indices Auto'!HB8&lt;100),"R","NULL"))))</f>
        <v>NULL</v>
      </c>
      <c r="GS8" s="2" t="str">
        <f>IF(AND('Cambios Auto'!GS8&gt;0,'Indices Auto'!HC8&gt;100),"V",IF(AND('Cambios Auto'!GS8&gt;0,'Indices Auto'!HC8&lt;100),"A",IF(AND('Cambios Auto'!GS8&lt;0,'Indices Auto'!HC8&gt;100),"N",IF(AND('Cambios Auto'!GS8&lt;0,'Indices Auto'!HC8&lt;100),"R","NULL"))))</f>
        <v>NULL</v>
      </c>
      <c r="GT8" s="2" t="str">
        <f>IF(AND('Cambios Auto'!GT8&gt;0,'Indices Auto'!HD8&gt;100),"V",IF(AND('Cambios Auto'!GT8&gt;0,'Indices Auto'!HD8&lt;100),"A",IF(AND('Cambios Auto'!GT8&lt;0,'Indices Auto'!HD8&gt;100),"N",IF(AND('Cambios Auto'!GT8&lt;0,'Indices Auto'!HD8&lt;100),"R","NULL"))))</f>
        <v>NULL</v>
      </c>
      <c r="GU8" s="2" t="str">
        <f>IF(AND('Cambios Auto'!GU8&gt;0,'Indices Auto'!HE8&gt;100),"V",IF(AND('Cambios Auto'!GU8&gt;0,'Indices Auto'!HE8&lt;100),"A",IF(AND('Cambios Auto'!GU8&lt;0,'Indices Auto'!HE8&gt;100),"N",IF(AND('Cambios Auto'!GU8&lt;0,'Indices Auto'!HE8&lt;100),"R","NULL"))))</f>
        <v>NULL</v>
      </c>
      <c r="GV8" s="2" t="str">
        <f>IF(AND('Cambios Auto'!GV8&gt;0,'Indices Auto'!HF8&gt;100),"V",IF(AND('Cambios Auto'!GV8&gt;0,'Indices Auto'!HF8&lt;100),"A",IF(AND('Cambios Auto'!GV8&lt;0,'Indices Auto'!HF8&gt;100),"N",IF(AND('Cambios Auto'!GV8&lt;0,'Indices Auto'!HF8&lt;100),"R","NULL"))))</f>
        <v>NULL</v>
      </c>
      <c r="GW8" s="2" t="str">
        <f>IF(AND('Cambios Auto'!GW8&gt;0,'Indices Auto'!HG8&gt;100),"V",IF(AND('Cambios Auto'!GW8&gt;0,'Indices Auto'!HG8&lt;100),"A",IF(AND('Cambios Auto'!GW8&lt;0,'Indices Auto'!HG8&gt;100),"N",IF(AND('Cambios Auto'!GW8&lt;0,'Indices Auto'!HG8&lt;100),"R","NULL"))))</f>
        <v>NULL</v>
      </c>
      <c r="GX8" s="2" t="str">
        <f>IF(AND('Cambios Auto'!GX8&gt;0,'Indices Auto'!HH8&gt;100),"V",IF(AND('Cambios Auto'!GX8&gt;0,'Indices Auto'!HH8&lt;100),"A",IF(AND('Cambios Auto'!GX8&lt;0,'Indices Auto'!HH8&gt;100),"N",IF(AND('Cambios Auto'!GX8&lt;0,'Indices Auto'!HH8&lt;100),"R","NULL"))))</f>
        <v>NULL</v>
      </c>
      <c r="GY8" s="2" t="str">
        <f>IF(AND('Cambios Auto'!GY8&gt;0,'Indices Auto'!HI8&gt;100),"V",IF(AND('Cambios Auto'!GY8&gt;0,'Indices Auto'!HI8&lt;100),"A",IF(AND('Cambios Auto'!GY8&lt;0,'Indices Auto'!HI8&gt;100),"N",IF(AND('Cambios Auto'!GY8&lt;0,'Indices Auto'!HI8&lt;100),"R","NULL"))))</f>
        <v>NULL</v>
      </c>
      <c r="GZ8" s="2" t="str">
        <f>IF(AND('Cambios Auto'!GZ8&gt;0,'Indices Auto'!HJ8&gt;100),"V",IF(AND('Cambios Auto'!GZ8&gt;0,'Indices Auto'!HJ8&lt;100),"A",IF(AND('Cambios Auto'!GZ8&lt;0,'Indices Auto'!HJ8&gt;100),"N",IF(AND('Cambios Auto'!GZ8&lt;0,'Indices Auto'!HJ8&lt;100),"R","NULL"))))</f>
        <v>NULL</v>
      </c>
      <c r="HA8" s="2" t="str">
        <f>IF(AND('Cambios Auto'!HA8&gt;0,'Indices Auto'!HK8&gt;100),"V",IF(AND('Cambios Auto'!HA8&gt;0,'Indices Auto'!HK8&lt;100),"A",IF(AND('Cambios Auto'!HA8&lt;0,'Indices Auto'!HK8&gt;100),"N",IF(AND('Cambios Auto'!HA8&lt;0,'Indices Auto'!HK8&lt;100),"R","NULL"))))</f>
        <v>NULL</v>
      </c>
      <c r="HB8" s="2" t="str">
        <f>IF(AND('Cambios Auto'!HB8&gt;0,'Indices Auto'!HL8&gt;100),"V",IF(AND('Cambios Auto'!HB8&gt;0,'Indices Auto'!HL8&lt;100),"A",IF(AND('Cambios Auto'!HB8&lt;0,'Indices Auto'!HL8&gt;100),"N",IF(AND('Cambios Auto'!HB8&lt;0,'Indices Auto'!HL8&lt;100),"R","NULL"))))</f>
        <v>NULL</v>
      </c>
      <c r="HC8" s="2" t="str">
        <f>IF(AND('Cambios Auto'!HC8&gt;0,'Indices Auto'!HM8&gt;100),"V",IF(AND('Cambios Auto'!HC8&gt;0,'Indices Auto'!HM8&lt;100),"A",IF(AND('Cambios Auto'!HC8&lt;0,'Indices Auto'!HM8&gt;100),"N",IF(AND('Cambios Auto'!HC8&lt;0,'Indices Auto'!HM8&lt;100),"R","NULL"))))</f>
        <v>NULL</v>
      </c>
      <c r="HD8" s="2" t="str">
        <f>IF(AND('Cambios Auto'!HD8&gt;0,'Indices Auto'!HN8&gt;100),"V",IF(AND('Cambios Auto'!HD8&gt;0,'Indices Auto'!HN8&lt;100),"A",IF(AND('Cambios Auto'!HD8&lt;0,'Indices Auto'!HN8&gt;100),"N",IF(AND('Cambios Auto'!HD8&lt;0,'Indices Auto'!HN8&lt;100),"R","NULL"))))</f>
        <v>NULL</v>
      </c>
      <c r="HE8" s="2" t="str">
        <f>IF(AND('Cambios Auto'!HE8&gt;0,'Indices Auto'!HO8&gt;100),"V",IF(AND('Cambios Auto'!HE8&gt;0,'Indices Auto'!HO8&lt;100),"A",IF(AND('Cambios Auto'!HE8&lt;0,'Indices Auto'!HO8&gt;100),"N",IF(AND('Cambios Auto'!HE8&lt;0,'Indices Auto'!HO8&lt;100),"R","NULL"))))</f>
        <v>NULL</v>
      </c>
      <c r="HF8" s="2" t="str">
        <f>IF(AND('Cambios Auto'!HF8&gt;0,'Indices Auto'!HP8&gt;100),"V",IF(AND('Cambios Auto'!HF8&gt;0,'Indices Auto'!HP8&lt;100),"A",IF(AND('Cambios Auto'!HF8&lt;0,'Indices Auto'!HP8&gt;100),"N",IF(AND('Cambios Auto'!HF8&lt;0,'Indices Auto'!HP8&lt;100),"R","NULL"))))</f>
        <v>NULL</v>
      </c>
      <c r="HG8" s="2" t="str">
        <f>IF(AND('Cambios Auto'!HG8&gt;0,'Indices Auto'!HQ8&gt;100),"V",IF(AND('Cambios Auto'!HG8&gt;0,'Indices Auto'!HQ8&lt;100),"A",IF(AND('Cambios Auto'!HG8&lt;0,'Indices Auto'!HQ8&gt;100),"N",IF(AND('Cambios Auto'!HG8&lt;0,'Indices Auto'!HQ8&lt;100),"R","NULL"))))</f>
        <v>NULL</v>
      </c>
      <c r="HH8" s="2" t="str">
        <f>IF(AND('Cambios Auto'!HH8&gt;0,'Indices Auto'!HR8&gt;100),"V",IF(AND('Cambios Auto'!HH8&gt;0,'Indices Auto'!HR8&lt;100),"A",IF(AND('Cambios Auto'!HH8&lt;0,'Indices Auto'!HR8&gt;100),"N",IF(AND('Cambios Auto'!HH8&lt;0,'Indices Auto'!HR8&lt;100),"R","NULL"))))</f>
        <v>NULL</v>
      </c>
      <c r="HI8" s="2" t="str">
        <f>IF(AND('Cambios Auto'!HI8&gt;0,'Indices Auto'!HS8&gt;100),"V",IF(AND('Cambios Auto'!HI8&gt;0,'Indices Auto'!HS8&lt;100),"A",IF(AND('Cambios Auto'!HI8&lt;0,'Indices Auto'!HS8&gt;100),"N",IF(AND('Cambios Auto'!HI8&lt;0,'Indices Auto'!HS8&lt;100),"R","NULL"))))</f>
        <v>NULL</v>
      </c>
      <c r="HJ8" s="2" t="str">
        <f>IF(AND('Cambios Auto'!HJ8&gt;0,'Indices Auto'!HT8&gt;100),"V",IF(AND('Cambios Auto'!HJ8&gt;0,'Indices Auto'!HT8&lt;100),"A",IF(AND('Cambios Auto'!HJ8&lt;0,'Indices Auto'!HT8&gt;100),"N",IF(AND('Cambios Auto'!HJ8&lt;0,'Indices Auto'!HT8&lt;100),"R","NULL"))))</f>
        <v>NULL</v>
      </c>
      <c r="HK8" s="2" t="str">
        <f>IF(AND('Cambios Auto'!HK8&gt;0,'Indices Auto'!HU8&gt;100),"V",IF(AND('Cambios Auto'!HK8&gt;0,'Indices Auto'!HU8&lt;100),"A",IF(AND('Cambios Auto'!HK8&lt;0,'Indices Auto'!HU8&gt;100),"N",IF(AND('Cambios Auto'!HK8&lt;0,'Indices Auto'!HU8&lt;100),"R","NULL"))))</f>
        <v>NULL</v>
      </c>
      <c r="HL8" s="2" t="str">
        <f>IF(AND('Cambios Auto'!HL8&gt;0,'Indices Auto'!HV8&gt;100),"V",IF(AND('Cambios Auto'!HL8&gt;0,'Indices Auto'!HV8&lt;100),"A",IF(AND('Cambios Auto'!HL8&lt;0,'Indices Auto'!HV8&gt;100),"N",IF(AND('Cambios Auto'!HL8&lt;0,'Indices Auto'!HV8&lt;100),"R","NULL"))))</f>
        <v>NULL</v>
      </c>
      <c r="HM8" s="2" t="str">
        <f>IF(AND('Cambios Auto'!HM8&gt;0,'Indices Auto'!HW8&gt;100),"V",IF(AND('Cambios Auto'!HM8&gt;0,'Indices Auto'!HW8&lt;100),"A",IF(AND('Cambios Auto'!HM8&lt;0,'Indices Auto'!HW8&gt;100),"N",IF(AND('Cambios Auto'!HM8&lt;0,'Indices Auto'!HW8&lt;100),"R","NULL"))))</f>
        <v>NULL</v>
      </c>
      <c r="HN8" s="2" t="str">
        <f>IF(AND('Cambios Auto'!HN8&gt;0,'Indices Auto'!HX8&gt;100),"V",IF(AND('Cambios Auto'!HN8&gt;0,'Indices Auto'!HX8&lt;100),"A",IF(AND('Cambios Auto'!HN8&lt;0,'Indices Auto'!HX8&gt;100),"N",IF(AND('Cambios Auto'!HN8&lt;0,'Indices Auto'!HX8&lt;100),"R","NULL"))))</f>
        <v>NULL</v>
      </c>
      <c r="HO8" s="2" t="str">
        <f>IF(AND('Cambios Auto'!HO8&gt;0,'Indices Auto'!HY8&gt;100),"V",IF(AND('Cambios Auto'!HO8&gt;0,'Indices Auto'!HY8&lt;100),"A",IF(AND('Cambios Auto'!HO8&lt;0,'Indices Auto'!HY8&gt;100),"N",IF(AND('Cambios Auto'!HO8&lt;0,'Indices Auto'!HY8&lt;100),"R","NULL"))))</f>
        <v>NULL</v>
      </c>
      <c r="HP8" s="2" t="str">
        <f>IF(AND('Cambios Auto'!HP8&gt;0,'Indices Auto'!HZ8&gt;100),"V",IF(AND('Cambios Auto'!HP8&gt;0,'Indices Auto'!HZ8&lt;100),"A",IF(AND('Cambios Auto'!HP8&lt;0,'Indices Auto'!HZ8&gt;100),"N",IF(AND('Cambios Auto'!HP8&lt;0,'Indices Auto'!HZ8&lt;100),"R","NULL"))))</f>
        <v>NULL</v>
      </c>
      <c r="HQ8" s="2" t="str">
        <f>IF(AND('Cambios Auto'!HQ8&gt;0,'Indices Auto'!IA8&gt;100),"V",IF(AND('Cambios Auto'!HQ8&gt;0,'Indices Auto'!IA8&lt;100),"A",IF(AND('Cambios Auto'!HQ8&lt;0,'Indices Auto'!IA8&gt;100),"N",IF(AND('Cambios Auto'!HQ8&lt;0,'Indices Auto'!IA8&lt;100),"R","NULL"))))</f>
        <v>NULL</v>
      </c>
      <c r="HR8" s="2" t="str">
        <f>IF(AND('Cambios Auto'!HR8&gt;0,'Indices Auto'!IB8&gt;100),"V",IF(AND('Cambios Auto'!HR8&gt;0,'Indices Auto'!IB8&lt;100),"A",IF(AND('Cambios Auto'!HR8&lt;0,'Indices Auto'!IB8&gt;100),"N",IF(AND('Cambios Auto'!HR8&lt;0,'Indices Auto'!IB8&lt;100),"R","NULL"))))</f>
        <v>NULL</v>
      </c>
      <c r="HS8" s="2" t="str">
        <f>IF(AND('Cambios Auto'!HS8&gt;0,'Indices Auto'!IC8&gt;100),"V",IF(AND('Cambios Auto'!HS8&gt;0,'Indices Auto'!IC8&lt;100),"A",IF(AND('Cambios Auto'!HS8&lt;0,'Indices Auto'!IC8&gt;100),"N",IF(AND('Cambios Auto'!HS8&lt;0,'Indices Auto'!IC8&lt;100),"R","NULL"))))</f>
        <v>NULL</v>
      </c>
      <c r="HT8" s="2" t="str">
        <f>IF(AND('Cambios Auto'!HT8&gt;0,'Indices Auto'!ID8&gt;100),"V",IF(AND('Cambios Auto'!HT8&gt;0,'Indices Auto'!ID8&lt;100),"A",IF(AND('Cambios Auto'!HT8&lt;0,'Indices Auto'!ID8&gt;100),"N",IF(AND('Cambios Auto'!HT8&lt;0,'Indices Auto'!ID8&lt;100),"R","NULL"))))</f>
        <v>NULL</v>
      </c>
      <c r="HU8" s="2" t="str">
        <f>IF(AND('Cambios Auto'!HU8&gt;0,'Indices Auto'!IE8&gt;100),"V",IF(AND('Cambios Auto'!HU8&gt;0,'Indices Auto'!IE8&lt;100),"A",IF(AND('Cambios Auto'!HU8&lt;0,'Indices Auto'!IE8&gt;100),"N",IF(AND('Cambios Auto'!HU8&lt;0,'Indices Auto'!IE8&lt;100),"R","NULL"))))</f>
        <v>NULL</v>
      </c>
      <c r="HV8" s="2" t="str">
        <f>IF(AND('Cambios Auto'!HV8&gt;0,'Indices Auto'!IF8&gt;100),"V",IF(AND('Cambios Auto'!HV8&gt;0,'Indices Auto'!IF8&lt;100),"A",IF(AND('Cambios Auto'!HV8&lt;0,'Indices Auto'!IF8&gt;100),"N",IF(AND('Cambios Auto'!HV8&lt;0,'Indices Auto'!IF8&lt;100),"R","NULL"))))</f>
        <v>NULL</v>
      </c>
      <c r="HW8" s="2" t="str">
        <f>IF(AND('Cambios Auto'!HW8&gt;0,'Indices Auto'!IG8&gt;100),"V",IF(AND('Cambios Auto'!HW8&gt;0,'Indices Auto'!IG8&lt;100),"A",IF(AND('Cambios Auto'!HW8&lt;0,'Indices Auto'!IG8&gt;100),"N",IF(AND('Cambios Auto'!HW8&lt;0,'Indices Auto'!IG8&lt;100),"R","NULL"))))</f>
        <v>NULL</v>
      </c>
      <c r="HX8" s="2" t="str">
        <f>IF(AND('Cambios Auto'!HX8&gt;0,'Indices Auto'!IH8&gt;100),"V",IF(AND('Cambios Auto'!HX8&gt;0,'Indices Auto'!IH8&lt;100),"A",IF(AND('Cambios Auto'!HX8&lt;0,'Indices Auto'!IH8&gt;100),"N",IF(AND('Cambios Auto'!HX8&lt;0,'Indices Auto'!IH8&lt;100),"R","NULL"))))</f>
        <v>NULL</v>
      </c>
      <c r="HY8" s="2" t="str">
        <f>IF(AND('Cambios Auto'!HY8&gt;0,'Indices Auto'!II8&gt;100),"V",IF(AND('Cambios Auto'!HY8&gt;0,'Indices Auto'!II8&lt;100),"A",IF(AND('Cambios Auto'!HY8&lt;0,'Indices Auto'!II8&gt;100),"N",IF(AND('Cambios Auto'!HY8&lt;0,'Indices Auto'!II8&lt;100),"R","NULL"))))</f>
        <v>NULL</v>
      </c>
      <c r="HZ8" s="2" t="str">
        <f>IF(AND('Cambios Auto'!HZ8&gt;0,'Indices Auto'!IJ8&gt;100),"V",IF(AND('Cambios Auto'!HZ8&gt;0,'Indices Auto'!IJ8&lt;100),"A",IF(AND('Cambios Auto'!HZ8&lt;0,'Indices Auto'!IJ8&gt;100),"N",IF(AND('Cambios Auto'!HZ8&lt;0,'Indices Auto'!IJ8&lt;100),"R","NULL"))))</f>
        <v>NULL</v>
      </c>
      <c r="IA8" s="2" t="str">
        <f>IF(AND('Cambios Auto'!IA8&gt;0,'Indices Auto'!IK8&gt;100),"V",IF(AND('Cambios Auto'!IA8&gt;0,'Indices Auto'!IK8&lt;100),"A",IF(AND('Cambios Auto'!IA8&lt;0,'Indices Auto'!IK8&gt;100),"N",IF(AND('Cambios Auto'!IA8&lt;0,'Indices Auto'!IK8&lt;100),"R","NULL"))))</f>
        <v>NULL</v>
      </c>
      <c r="IB8" s="2" t="str">
        <f>IF(AND('Cambios Auto'!IB8&gt;0,'Indices Auto'!IL8&gt;100),"V",IF(AND('Cambios Auto'!IB8&gt;0,'Indices Auto'!IL8&lt;100),"A",IF(AND('Cambios Auto'!IB8&lt;0,'Indices Auto'!IL8&gt;100),"N",IF(AND('Cambios Auto'!IB8&lt;0,'Indices Auto'!IL8&lt;100),"R","NULL"))))</f>
        <v>NULL</v>
      </c>
      <c r="IC8" s="2" t="str">
        <f>IF(AND('Cambios Auto'!IC8&gt;0,'Indices Auto'!IM8&gt;100),"V",IF(AND('Cambios Auto'!IC8&gt;0,'Indices Auto'!IM8&lt;100),"A",IF(AND('Cambios Auto'!IC8&lt;0,'Indices Auto'!IM8&gt;100),"N",IF(AND('Cambios Auto'!IC8&lt;0,'Indices Auto'!IM8&lt;100),"R","NULL"))))</f>
        <v>NULL</v>
      </c>
      <c r="ID8" s="2" t="str">
        <f>IF(AND('Cambios Auto'!ID8&gt;0,'Indices Auto'!IN8&gt;100),"V",IF(AND('Cambios Auto'!ID8&gt;0,'Indices Auto'!IN8&lt;100),"A",IF(AND('Cambios Auto'!ID8&lt;0,'Indices Auto'!IN8&gt;100),"N",IF(AND('Cambios Auto'!ID8&lt;0,'Indices Auto'!IN8&lt;100),"R","NULL"))))</f>
        <v>NULL</v>
      </c>
      <c r="IE8" s="2" t="str">
        <f>IF(AND('Cambios Auto'!IE8&gt;0,'Indices Auto'!IO8&gt;100),"V",IF(AND('Cambios Auto'!IE8&gt;0,'Indices Auto'!IO8&lt;100),"A",IF(AND('Cambios Auto'!IE8&lt;0,'Indices Auto'!IO8&gt;100),"N",IF(AND('Cambios Auto'!IE8&lt;0,'Indices Auto'!IO8&lt;100),"R","NULL"))))</f>
        <v>NULL</v>
      </c>
      <c r="IF8" s="2" t="str">
        <f>IF(AND('Cambios Auto'!IF8&gt;0,'Indices Auto'!IP8&gt;100),"V",IF(AND('Cambios Auto'!IF8&gt;0,'Indices Auto'!IP8&lt;100),"A",IF(AND('Cambios Auto'!IF8&lt;0,'Indices Auto'!IP8&gt;100),"N",IF(AND('Cambios Auto'!IF8&lt;0,'Indices Auto'!IP8&lt;100),"R","NULL"))))</f>
        <v>NULL</v>
      </c>
      <c r="IG8" s="2" t="str">
        <f>IF(AND('Cambios Auto'!IG8&gt;0,'Indices Auto'!IQ8&gt;100),"V",IF(AND('Cambios Auto'!IG8&gt;0,'Indices Auto'!IQ8&lt;100),"A",IF(AND('Cambios Auto'!IG8&lt;0,'Indices Auto'!IQ8&gt;100),"N",IF(AND('Cambios Auto'!IG8&lt;0,'Indices Auto'!IQ8&lt;100),"R","NULL"))))</f>
        <v>NULL</v>
      </c>
      <c r="IH8" s="2" t="str">
        <f>IF(AND('Cambios Auto'!IH8&gt;0,'Indices Auto'!IR8&gt;100),"V",IF(AND('Cambios Auto'!IH8&gt;0,'Indices Auto'!IR8&lt;100),"A",IF(AND('Cambios Auto'!IH8&lt;0,'Indices Auto'!IR8&gt;100),"N",IF(AND('Cambios Auto'!IH8&lt;0,'Indices Auto'!IR8&lt;100),"R","NULL"))))</f>
        <v>NULL</v>
      </c>
      <c r="II8" s="2" t="str">
        <f>IF(AND('Cambios Auto'!II8&gt;0,'Indices Auto'!IS8&gt;100),"V",IF(AND('Cambios Auto'!II8&gt;0,'Indices Auto'!IS8&lt;100),"A",IF(AND('Cambios Auto'!II8&lt;0,'Indices Auto'!IS8&gt;100),"N",IF(AND('Cambios Auto'!II8&lt;0,'Indices Auto'!IS8&lt;100),"R","NULL"))))</f>
        <v>NULL</v>
      </c>
      <c r="IJ8" s="2" t="str">
        <f>IF(AND('Cambios Auto'!IJ8&gt;0,'Indices Auto'!IT8&gt;100),"V",IF(AND('Cambios Auto'!IJ8&gt;0,'Indices Auto'!IT8&lt;100),"A",IF(AND('Cambios Auto'!IJ8&lt;0,'Indices Auto'!IT8&gt;100),"N",IF(AND('Cambios Auto'!IJ8&lt;0,'Indices Auto'!IT8&lt;100),"R","NULL"))))</f>
        <v>NULL</v>
      </c>
      <c r="IK8" s="2" t="str">
        <f>IF(AND('Cambios Auto'!IK8&gt;0,'Indices Auto'!IU8&gt;100),"V",IF(AND('Cambios Auto'!IK8&gt;0,'Indices Auto'!IU8&lt;100),"A",IF(AND('Cambios Auto'!IK8&lt;0,'Indices Auto'!IU8&gt;100),"N",IF(AND('Cambios Auto'!IK8&lt;0,'Indices Auto'!IU8&lt;100),"R","NULL"))))</f>
        <v>NULL</v>
      </c>
      <c r="IL8" s="2" t="str">
        <f>IF(AND('Cambios Auto'!IL8&gt;0,'Indices Auto'!IV8&gt;100),"V",IF(AND('Cambios Auto'!IL8&gt;0,'Indices Auto'!IV8&lt;100),"A",IF(AND('Cambios Auto'!IL8&lt;0,'Indices Auto'!IV8&gt;100),"N",IF(AND('Cambios Auto'!IL8&lt;0,'Indices Auto'!IV8&lt;100),"R","NULL"))))</f>
        <v>NULL</v>
      </c>
      <c r="IM8" s="2" t="str">
        <f>IF(AND('Cambios Auto'!IM8&gt;0,'Indices Auto'!IW8&gt;100),"V",IF(AND('Cambios Auto'!IM8&gt;0,'Indices Auto'!IW8&lt;100),"A",IF(AND('Cambios Auto'!IM8&lt;0,'Indices Auto'!IW8&gt;100),"N",IF(AND('Cambios Auto'!IM8&lt;0,'Indices Auto'!IW8&lt;100),"R","NULL"))))</f>
        <v>NULL</v>
      </c>
      <c r="IN8" s="2" t="str">
        <f>IF(AND('Cambios Auto'!IN8&gt;0,'Indices Auto'!IX8&gt;100),"V",IF(AND('Cambios Auto'!IN8&gt;0,'Indices Auto'!IX8&lt;100),"A",IF(AND('Cambios Auto'!IN8&lt;0,'Indices Auto'!IX8&gt;100),"N",IF(AND('Cambios Auto'!IN8&lt;0,'Indices Auto'!IX8&lt;100),"R","NULL"))))</f>
        <v>NULL</v>
      </c>
      <c r="IO8" s="2" t="str">
        <f>IF(AND('Cambios Auto'!IO8&gt;0,'Indices Auto'!IY8&gt;100),"V",IF(AND('Cambios Auto'!IO8&gt;0,'Indices Auto'!IY8&lt;100),"A",IF(AND('Cambios Auto'!IO8&lt;0,'Indices Auto'!IY8&gt;100),"N",IF(AND('Cambios Auto'!IO8&lt;0,'Indices Auto'!IY8&lt;100),"R","NULL"))))</f>
        <v>NULL</v>
      </c>
      <c r="IP8" s="2" t="str">
        <f>IF(AND('Cambios Auto'!IP8&gt;0,'Indices Auto'!IZ8&gt;100),"V",IF(AND('Cambios Auto'!IP8&gt;0,'Indices Auto'!IZ8&lt;100),"A",IF(AND('Cambios Auto'!IP8&lt;0,'Indices Auto'!IZ8&gt;100),"N",IF(AND('Cambios Auto'!IP8&lt;0,'Indices Auto'!IZ8&lt;100),"R","NULL"))))</f>
        <v>NULL</v>
      </c>
      <c r="IQ8" s="2" t="str">
        <f>IF(AND('Cambios Auto'!IQ8&gt;0,'Indices Auto'!JA8&gt;100),"V",IF(AND('Cambios Auto'!IQ8&gt;0,'Indices Auto'!JA8&lt;100),"A",IF(AND('Cambios Auto'!IQ8&lt;0,'Indices Auto'!JA8&gt;100),"N",IF(AND('Cambios Auto'!IQ8&lt;0,'Indices Auto'!JA8&lt;100),"R","NULL"))))</f>
        <v>NULL</v>
      </c>
      <c r="IR8" s="2" t="str">
        <f>IF(AND('Cambios Auto'!IR8&gt;0,'Indices Auto'!JB8&gt;100),"V",IF(AND('Cambios Auto'!IR8&gt;0,'Indices Auto'!JB8&lt;100),"A",IF(AND('Cambios Auto'!IR8&lt;0,'Indices Auto'!JB8&gt;100),"N",IF(AND('Cambios Auto'!IR8&lt;0,'Indices Auto'!JB8&lt;100),"R","NULL"))))</f>
        <v>NULL</v>
      </c>
      <c r="IS8" s="2" t="str">
        <f>IF(AND('Cambios Auto'!IS8&gt;0,'Indices Auto'!JC8&gt;100),"V",IF(AND('Cambios Auto'!IS8&gt;0,'Indices Auto'!JC8&lt;100),"A",IF(AND('Cambios Auto'!IS8&lt;0,'Indices Auto'!JC8&gt;100),"N",IF(AND('Cambios Auto'!IS8&lt;0,'Indices Auto'!JC8&lt;100),"R","NULL"))))</f>
        <v>NULL</v>
      </c>
      <c r="IT8" s="14"/>
    </row>
    <row r="9" spans="1:254" x14ac:dyDescent="0.25">
      <c r="A9" s="22" t="s">
        <v>195</v>
      </c>
      <c r="B9" s="1" t="str">
        <f>IF(AND('Cambios Auto'!B9&lt;0,'Indices Auto'!C9&lt;100),"V",IF(AND('Cambios Auto'!B9&lt;0,'Indices Auto'!C9&gt;100),"A",IF(AND('Cambios Auto'!B9&gt;0,'Indices Auto'!C9&lt;100),"N",IF(AND('Cambios Auto'!B9&gt;0,'Indices Auto'!C9&gt;100),"R","NULL"))))</f>
        <v>N</v>
      </c>
      <c r="C9" s="2" t="str">
        <f>IF(AND('Cambios Auto'!C9&lt;0,'Indices Auto'!D9&lt;100),"V",IF(AND('Cambios Auto'!C9&lt;0,'Indices Auto'!D9&gt;100),"A",IF(AND('Cambios Auto'!C9&gt;0,'Indices Auto'!D9&lt;100),"N",IF(AND('Cambios Auto'!C9&gt;0,'Indices Auto'!D9&gt;100),"R","NULL"))))</f>
        <v>N</v>
      </c>
      <c r="D9" s="2" t="str">
        <f>IF(AND('Cambios Auto'!D9&lt;0,'Indices Auto'!E9&lt;100),"V",IF(AND('Cambios Auto'!D9&lt;0,'Indices Auto'!E9&gt;100),"A",IF(AND('Cambios Auto'!D9&gt;0,'Indices Auto'!E9&lt;100),"N",IF(AND('Cambios Auto'!D9&gt;0,'Indices Auto'!E9&gt;100),"R","NULL"))))</f>
        <v>N</v>
      </c>
      <c r="E9" s="2" t="str">
        <f>IF(AND('Cambios Auto'!E9&lt;0,'Indices Auto'!F9&lt;100),"V",IF(AND('Cambios Auto'!E9&lt;0,'Indices Auto'!F9&gt;100),"A",IF(AND('Cambios Auto'!E9&gt;0,'Indices Auto'!F9&lt;100),"N",IF(AND('Cambios Auto'!E9&gt;0,'Indices Auto'!F9&gt;100),"R","NULL"))))</f>
        <v>N</v>
      </c>
      <c r="F9" s="2" t="str">
        <f>IF(AND('Cambios Auto'!F9&lt;0,'Indices Auto'!G9&lt;100),"V",IF(AND('Cambios Auto'!F9&lt;0,'Indices Auto'!G9&gt;100),"A",IF(AND('Cambios Auto'!F9&gt;0,'Indices Auto'!G9&lt;100),"N",IF(AND('Cambios Auto'!F9&gt;0,'Indices Auto'!G9&gt;100),"R","NULL"))))</f>
        <v>V</v>
      </c>
      <c r="G9" s="2" t="str">
        <f>IF(AND('Cambios Auto'!G9&lt;0,'Indices Auto'!H9&lt;100),"V",IF(AND('Cambios Auto'!G9&lt;0,'Indices Auto'!H9&gt;100),"A",IF(AND('Cambios Auto'!G9&gt;0,'Indices Auto'!H9&lt;100),"N",IF(AND('Cambios Auto'!G9&gt;0,'Indices Auto'!H9&gt;100),"R","NULL"))))</f>
        <v>V</v>
      </c>
      <c r="H9" s="2" t="str">
        <f>IF(AND('Cambios Auto'!H9&lt;0,'Indices Auto'!I9&lt;100),"V",IF(AND('Cambios Auto'!H9&lt;0,'Indices Auto'!I9&gt;100),"A",IF(AND('Cambios Auto'!H9&gt;0,'Indices Auto'!I9&lt;100),"N",IF(AND('Cambios Auto'!H9&gt;0,'Indices Auto'!I9&gt;100),"R","NULL"))))</f>
        <v>V</v>
      </c>
      <c r="I9" s="2" t="str">
        <f>IF(AND('Cambios Auto'!I9&lt;0,'Indices Auto'!J9&lt;100),"V",IF(AND('Cambios Auto'!I9&lt;0,'Indices Auto'!J9&gt;100),"A",IF(AND('Cambios Auto'!I9&gt;0,'Indices Auto'!J9&lt;100),"N",IF(AND('Cambios Auto'!I9&gt;0,'Indices Auto'!J9&gt;100),"R","NULL"))))</f>
        <v>V</v>
      </c>
      <c r="J9" s="2" t="str">
        <f>IF(AND('Cambios Auto'!J9&lt;0,'Indices Auto'!K9&lt;100),"V",IF(AND('Cambios Auto'!J9&lt;0,'Indices Auto'!K9&gt;100),"A",IF(AND('Cambios Auto'!J9&gt;0,'Indices Auto'!K9&lt;100),"N",IF(AND('Cambios Auto'!J9&gt;0,'Indices Auto'!K9&gt;100),"R","NULL"))))</f>
        <v>V</v>
      </c>
      <c r="K9" s="2" t="str">
        <f>IF(AND('Cambios Auto'!K9&lt;0,'Indices Auto'!L9&lt;100),"V",IF(AND('Cambios Auto'!K9&lt;0,'Indices Auto'!L9&gt;100),"A",IF(AND('Cambios Auto'!K9&gt;0,'Indices Auto'!L9&lt;100),"N",IF(AND('Cambios Auto'!K9&gt;0,'Indices Auto'!L9&gt;100),"R","NULL"))))</f>
        <v>V</v>
      </c>
      <c r="L9" s="2" t="str">
        <f>IF(AND('Cambios Auto'!L9&lt;0,'Indices Auto'!M9&lt;100),"V",IF(AND('Cambios Auto'!L9&lt;0,'Indices Auto'!M9&gt;100),"A",IF(AND('Cambios Auto'!L9&gt;0,'Indices Auto'!M9&lt;100),"N",IF(AND('Cambios Auto'!L9&gt;0,'Indices Auto'!M9&gt;100),"R","NULL"))))</f>
        <v>N</v>
      </c>
      <c r="M9" s="2" t="str">
        <f>IF(AND('Cambios Auto'!M9&lt;0,'Indices Auto'!N9&lt;100),"V",IF(AND('Cambios Auto'!M9&lt;0,'Indices Auto'!N9&gt;100),"A",IF(AND('Cambios Auto'!M9&gt;0,'Indices Auto'!N9&lt;100),"N",IF(AND('Cambios Auto'!M9&gt;0,'Indices Auto'!N9&gt;100),"R","NULL"))))</f>
        <v>N</v>
      </c>
      <c r="N9" s="2" t="str">
        <f>IF(AND('Cambios Auto'!N9&lt;0,'Indices Auto'!O9&lt;100),"V",IF(AND('Cambios Auto'!N9&lt;0,'Indices Auto'!O9&gt;100),"A",IF(AND('Cambios Auto'!N9&gt;0,'Indices Auto'!O9&lt;100),"N",IF(AND('Cambios Auto'!N9&gt;0,'Indices Auto'!O9&gt;100),"R","NULL"))))</f>
        <v>N</v>
      </c>
      <c r="O9" s="2" t="str">
        <f>IF(AND('Cambios Auto'!O9&lt;0,'Indices Auto'!P9&lt;100),"V",IF(AND('Cambios Auto'!O9&lt;0,'Indices Auto'!P9&gt;100),"A",IF(AND('Cambios Auto'!O9&gt;0,'Indices Auto'!P9&lt;100),"N",IF(AND('Cambios Auto'!O9&gt;0,'Indices Auto'!P9&gt;100),"R","NULL"))))</f>
        <v>N</v>
      </c>
      <c r="P9" s="2" t="str">
        <f>IF(AND('Cambios Auto'!P9&lt;0,'Indices Auto'!Q9&lt;100),"V",IF(AND('Cambios Auto'!P9&lt;0,'Indices Auto'!Q9&gt;100),"A",IF(AND('Cambios Auto'!P9&gt;0,'Indices Auto'!Q9&lt;100),"N",IF(AND('Cambios Auto'!P9&gt;0,'Indices Auto'!Q9&gt;100),"R","NULL"))))</f>
        <v>N</v>
      </c>
      <c r="Q9" s="2" t="str">
        <f>IF(AND('Cambios Auto'!Q9&lt;0,'Indices Auto'!R9&lt;100),"V",IF(AND('Cambios Auto'!Q9&lt;0,'Indices Auto'!R9&gt;100),"A",IF(AND('Cambios Auto'!Q9&gt;0,'Indices Auto'!R9&lt;100),"N",IF(AND('Cambios Auto'!Q9&gt;0,'Indices Auto'!R9&gt;100),"R","NULL"))))</f>
        <v>N</v>
      </c>
      <c r="R9" s="2" t="str">
        <f>IF(AND('Cambios Auto'!R9&lt;0,'Indices Auto'!S9&lt;100),"V",IF(AND('Cambios Auto'!R9&lt;0,'Indices Auto'!S9&gt;100),"A",IF(AND('Cambios Auto'!R9&gt;0,'Indices Auto'!S9&lt;100),"N",IF(AND('Cambios Auto'!R9&gt;0,'Indices Auto'!S9&gt;100),"R","NULL"))))</f>
        <v>N</v>
      </c>
      <c r="S9" s="2" t="str">
        <f>IF(AND('Cambios Auto'!S9&lt;0,'Indices Auto'!T9&lt;100),"V",IF(AND('Cambios Auto'!S9&lt;0,'Indices Auto'!T9&gt;100),"A",IF(AND('Cambios Auto'!S9&gt;0,'Indices Auto'!T9&lt;100),"N",IF(AND('Cambios Auto'!S9&gt;0,'Indices Auto'!T9&gt;100),"R","NULL"))))</f>
        <v>N</v>
      </c>
      <c r="T9" s="2" t="str">
        <f>IF(AND('Cambios Auto'!T9&lt;0,'Indices Auto'!U9&lt;100),"V",IF(AND('Cambios Auto'!T9&lt;0,'Indices Auto'!U9&gt;100),"A",IF(AND('Cambios Auto'!T9&gt;0,'Indices Auto'!U9&lt;100),"N",IF(AND('Cambios Auto'!T9&gt;0,'Indices Auto'!U9&gt;100),"R","NULL"))))</f>
        <v>N</v>
      </c>
      <c r="U9" s="2" t="str">
        <f>IF(AND('Cambios Auto'!U9&lt;0,'Indices Auto'!V9&lt;100),"V",IF(AND('Cambios Auto'!U9&lt;0,'Indices Auto'!V9&gt;100),"A",IF(AND('Cambios Auto'!U9&gt;0,'Indices Auto'!V9&lt;100),"N",IF(AND('Cambios Auto'!U9&gt;0,'Indices Auto'!V9&gt;100),"R","NULL"))))</f>
        <v>N</v>
      </c>
      <c r="V9" s="2" t="str">
        <f>IF(AND('Cambios Auto'!V9&lt;0,'Indices Auto'!W9&lt;100),"V",IF(AND('Cambios Auto'!V9&lt;0,'Indices Auto'!W9&gt;100),"A",IF(AND('Cambios Auto'!V9&gt;0,'Indices Auto'!W9&lt;100),"N",IF(AND('Cambios Auto'!V9&gt;0,'Indices Auto'!W9&gt;100),"R","NULL"))))</f>
        <v>N</v>
      </c>
      <c r="W9" s="2" t="str">
        <f>IF(AND('Cambios Auto'!W9&lt;0,'Indices Auto'!X9&lt;100),"V",IF(AND('Cambios Auto'!W9&lt;0,'Indices Auto'!X9&gt;100),"A",IF(AND('Cambios Auto'!W9&gt;0,'Indices Auto'!X9&lt;100),"N",IF(AND('Cambios Auto'!W9&gt;0,'Indices Auto'!X9&gt;100),"R","NULL"))))</f>
        <v>N</v>
      </c>
      <c r="X9" s="2" t="str">
        <f>IF(AND('Cambios Auto'!X9&lt;0,'Indices Auto'!Y9&lt;100),"V",IF(AND('Cambios Auto'!X9&lt;0,'Indices Auto'!Y9&gt;100),"A",IF(AND('Cambios Auto'!X9&gt;0,'Indices Auto'!Y9&lt;100),"N",IF(AND('Cambios Auto'!X9&gt;0,'Indices Auto'!Y9&gt;100),"R","NULL"))))</f>
        <v>N</v>
      </c>
      <c r="Y9" s="2" t="str">
        <f>IF(AND('Cambios Auto'!Y9&lt;0,'Indices Auto'!Z9&lt;100),"V",IF(AND('Cambios Auto'!Y9&lt;0,'Indices Auto'!Z9&gt;100),"A",IF(AND('Cambios Auto'!Y9&gt;0,'Indices Auto'!Z9&lt;100),"N",IF(AND('Cambios Auto'!Y9&gt;0,'Indices Auto'!Z9&gt;100),"R","NULL"))))</f>
        <v>N</v>
      </c>
      <c r="Z9" s="2" t="str">
        <f>IF(AND('Cambios Auto'!Z9&lt;0,'Indices Auto'!AA9&lt;100),"V",IF(AND('Cambios Auto'!Z9&lt;0,'Indices Auto'!AA9&gt;100),"A",IF(AND('Cambios Auto'!Z9&gt;0,'Indices Auto'!AA9&lt;100),"N",IF(AND('Cambios Auto'!Z9&gt;0,'Indices Auto'!AA9&gt;100),"R","NULL"))))</f>
        <v>N</v>
      </c>
      <c r="AA9" s="2" t="str">
        <f>IF(AND('Cambios Auto'!AA9&lt;0,'Indices Auto'!AB9&lt;100),"V",IF(AND('Cambios Auto'!AA9&lt;0,'Indices Auto'!AB9&gt;100),"A",IF(AND('Cambios Auto'!AA9&gt;0,'Indices Auto'!AB9&lt;100),"N",IF(AND('Cambios Auto'!AA9&gt;0,'Indices Auto'!AB9&gt;100),"R","NULL"))))</f>
        <v>N</v>
      </c>
      <c r="AB9" s="2" t="str">
        <f>IF(AND('Cambios Auto'!AB9&lt;0,'Indices Auto'!AC9&lt;100),"V",IF(AND('Cambios Auto'!AB9&lt;0,'Indices Auto'!AC9&gt;100),"A",IF(AND('Cambios Auto'!AB9&gt;0,'Indices Auto'!AC9&lt;100),"N",IF(AND('Cambios Auto'!AB9&gt;0,'Indices Auto'!AC9&gt;100),"R","NULL"))))</f>
        <v>V</v>
      </c>
      <c r="AC9" s="2" t="str">
        <f>IF(AND('Cambios Auto'!AC9&lt;0,'Indices Auto'!AD9&lt;100),"V",IF(AND('Cambios Auto'!AC9&lt;0,'Indices Auto'!AD9&gt;100),"A",IF(AND('Cambios Auto'!AC9&gt;0,'Indices Auto'!AD9&lt;100),"N",IF(AND('Cambios Auto'!AC9&gt;0,'Indices Auto'!AD9&gt;100),"R","NULL"))))</f>
        <v>V</v>
      </c>
      <c r="AD9" s="2" t="str">
        <f>IF(AND('Cambios Auto'!AD9&lt;0,'Indices Auto'!AE9&lt;100),"V",IF(AND('Cambios Auto'!AD9&lt;0,'Indices Auto'!AE9&gt;100),"A",IF(AND('Cambios Auto'!AD9&gt;0,'Indices Auto'!AE9&lt;100),"N",IF(AND('Cambios Auto'!AD9&gt;0,'Indices Auto'!AE9&gt;100),"R","NULL"))))</f>
        <v>V</v>
      </c>
      <c r="AE9" s="2" t="str">
        <f>IF(AND('Cambios Auto'!AE9&lt;0,'Indices Auto'!AF9&lt;100),"V",IF(AND('Cambios Auto'!AE9&lt;0,'Indices Auto'!AF9&gt;100),"A",IF(AND('Cambios Auto'!AE9&gt;0,'Indices Auto'!AF9&lt;100),"N",IF(AND('Cambios Auto'!AE9&gt;0,'Indices Auto'!AF9&gt;100),"R","NULL"))))</f>
        <v>V</v>
      </c>
      <c r="AF9" s="2" t="str">
        <f>IF(AND('Cambios Auto'!AF9&lt;0,'Indices Auto'!AG9&lt;100),"V",IF(AND('Cambios Auto'!AF9&lt;0,'Indices Auto'!AG9&gt;100),"A",IF(AND('Cambios Auto'!AF9&gt;0,'Indices Auto'!AG9&lt;100),"N",IF(AND('Cambios Auto'!AF9&gt;0,'Indices Auto'!AG9&gt;100),"R","NULL"))))</f>
        <v>V</v>
      </c>
      <c r="AG9" s="2" t="str">
        <f>IF(AND('Cambios Auto'!AG9&lt;0,'Indices Auto'!AH9&lt;100),"V",IF(AND('Cambios Auto'!AG9&lt;0,'Indices Auto'!AH9&gt;100),"A",IF(AND('Cambios Auto'!AG9&gt;0,'Indices Auto'!AH9&lt;100),"N",IF(AND('Cambios Auto'!AG9&gt;0,'Indices Auto'!AH9&gt;100),"R","NULL"))))</f>
        <v>V</v>
      </c>
      <c r="AH9" s="2" t="str">
        <f>IF(AND('Cambios Auto'!AH9&lt;0,'Indices Auto'!AI9&lt;100),"V",IF(AND('Cambios Auto'!AH9&lt;0,'Indices Auto'!AI9&gt;100),"A",IF(AND('Cambios Auto'!AH9&gt;0,'Indices Auto'!AI9&lt;100),"N",IF(AND('Cambios Auto'!AH9&gt;0,'Indices Auto'!AI9&gt;100),"R","NULL"))))</f>
        <v>V</v>
      </c>
      <c r="AI9" s="2" t="str">
        <f>IF(AND('Cambios Auto'!AI9&lt;0,'Indices Auto'!AJ9&lt;100),"V",IF(AND('Cambios Auto'!AI9&lt;0,'Indices Auto'!AJ9&gt;100),"A",IF(AND('Cambios Auto'!AI9&gt;0,'Indices Auto'!AJ9&lt;100),"N",IF(AND('Cambios Auto'!AI9&gt;0,'Indices Auto'!AJ9&gt;100),"R","NULL"))))</f>
        <v>V</v>
      </c>
      <c r="AJ9" s="2" t="str">
        <f>IF(AND('Cambios Auto'!AJ9&lt;0,'Indices Auto'!AK9&lt;100),"V",IF(AND('Cambios Auto'!AJ9&lt;0,'Indices Auto'!AK9&gt;100),"A",IF(AND('Cambios Auto'!AJ9&gt;0,'Indices Auto'!AK9&lt;100),"N",IF(AND('Cambios Auto'!AJ9&gt;0,'Indices Auto'!AK9&gt;100),"R","NULL"))))</f>
        <v>V</v>
      </c>
      <c r="AK9" s="2" t="str">
        <f>IF(AND('Cambios Auto'!AK9&lt;0,'Indices Auto'!AL9&lt;100),"V",IF(AND('Cambios Auto'!AK9&lt;0,'Indices Auto'!AL9&gt;100),"A",IF(AND('Cambios Auto'!AK9&gt;0,'Indices Auto'!AL9&lt;100),"N",IF(AND('Cambios Auto'!AK9&gt;0,'Indices Auto'!AL9&gt;100),"R","NULL"))))</f>
        <v>V</v>
      </c>
      <c r="AL9" s="2" t="str">
        <f>IF(AND('Cambios Auto'!AL9&lt;0,'Indices Auto'!AM9&lt;100),"V",IF(AND('Cambios Auto'!AL9&lt;0,'Indices Auto'!AM9&gt;100),"A",IF(AND('Cambios Auto'!AL9&gt;0,'Indices Auto'!AM9&lt;100),"N",IF(AND('Cambios Auto'!AL9&gt;0,'Indices Auto'!AM9&gt;100),"R","NULL"))))</f>
        <v>N</v>
      </c>
      <c r="AM9" s="2" t="str">
        <f>IF(AND('Cambios Auto'!AM9&lt;0,'Indices Auto'!AN9&lt;100),"V",IF(AND('Cambios Auto'!AM9&lt;0,'Indices Auto'!AN9&gt;100),"A",IF(AND('Cambios Auto'!AM9&gt;0,'Indices Auto'!AN9&lt;100),"N",IF(AND('Cambios Auto'!AM9&gt;0,'Indices Auto'!AN9&gt;100),"R","NULL"))))</f>
        <v>N</v>
      </c>
      <c r="AN9" s="2" t="str">
        <f>IF(AND('Cambios Auto'!AN9&lt;0,'Indices Auto'!AO9&lt;100),"V",IF(AND('Cambios Auto'!AN9&lt;0,'Indices Auto'!AO9&gt;100),"A",IF(AND('Cambios Auto'!AN9&gt;0,'Indices Auto'!AO9&lt;100),"N",IF(AND('Cambios Auto'!AN9&gt;0,'Indices Auto'!AO9&gt;100),"R","NULL"))))</f>
        <v>N</v>
      </c>
      <c r="AO9" s="2" t="str">
        <f>IF(AND('Cambios Auto'!AO9&lt;0,'Indices Auto'!AP9&lt;100),"V",IF(AND('Cambios Auto'!AO9&lt;0,'Indices Auto'!AP9&gt;100),"A",IF(AND('Cambios Auto'!AO9&gt;0,'Indices Auto'!AP9&lt;100),"N",IF(AND('Cambios Auto'!AO9&gt;0,'Indices Auto'!AP9&gt;100),"R","NULL"))))</f>
        <v>R</v>
      </c>
      <c r="AP9" s="2" t="str">
        <f>IF(AND('Cambios Auto'!AP9&lt;0,'Indices Auto'!AQ9&lt;100),"V",IF(AND('Cambios Auto'!AP9&lt;0,'Indices Auto'!AQ9&gt;100),"A",IF(AND('Cambios Auto'!AP9&gt;0,'Indices Auto'!AQ9&lt;100),"N",IF(AND('Cambios Auto'!AP9&gt;0,'Indices Auto'!AQ9&gt;100),"R","NULL"))))</f>
        <v>R</v>
      </c>
      <c r="AQ9" s="2" t="str">
        <f>IF(AND('Cambios Auto'!AQ9&lt;0,'Indices Auto'!AR9&lt;100),"V",IF(AND('Cambios Auto'!AQ9&lt;0,'Indices Auto'!AR9&gt;100),"A",IF(AND('Cambios Auto'!AQ9&gt;0,'Indices Auto'!AR9&lt;100),"N",IF(AND('Cambios Auto'!AQ9&gt;0,'Indices Auto'!AR9&gt;100),"R","NULL"))))</f>
        <v>R</v>
      </c>
      <c r="AR9" s="2" t="str">
        <f>IF(AND('Cambios Auto'!AR9&lt;0,'Indices Auto'!AS9&lt;100),"V",IF(AND('Cambios Auto'!AR9&lt;0,'Indices Auto'!AS9&gt;100),"A",IF(AND('Cambios Auto'!AR9&gt;0,'Indices Auto'!AS9&lt;100),"N",IF(AND('Cambios Auto'!AR9&gt;0,'Indices Auto'!AS9&gt;100),"R","NULL"))))</f>
        <v>R</v>
      </c>
      <c r="AS9" s="2" t="str">
        <f>IF(AND('Cambios Auto'!AS9&lt;0,'Indices Auto'!AT9&lt;100),"V",IF(AND('Cambios Auto'!AS9&lt;0,'Indices Auto'!AT9&gt;100),"A",IF(AND('Cambios Auto'!AS9&gt;0,'Indices Auto'!AT9&lt;100),"N",IF(AND('Cambios Auto'!AS9&gt;0,'Indices Auto'!AT9&gt;100),"R","NULL"))))</f>
        <v>R</v>
      </c>
      <c r="AT9" s="2" t="str">
        <f>IF(AND('Cambios Auto'!AT9&lt;0,'Indices Auto'!AU9&lt;100),"V",IF(AND('Cambios Auto'!AT9&lt;0,'Indices Auto'!AU9&gt;100),"A",IF(AND('Cambios Auto'!AT9&gt;0,'Indices Auto'!AU9&lt;100),"N",IF(AND('Cambios Auto'!AT9&gt;0,'Indices Auto'!AU9&gt;100),"R","NULL"))))</f>
        <v>R</v>
      </c>
      <c r="AU9" s="2" t="str">
        <f>IF(AND('Cambios Auto'!AU9&lt;0,'Indices Auto'!AV9&lt;100),"V",IF(AND('Cambios Auto'!AU9&lt;0,'Indices Auto'!AV9&gt;100),"A",IF(AND('Cambios Auto'!AU9&gt;0,'Indices Auto'!AV9&lt;100),"N",IF(AND('Cambios Auto'!AU9&gt;0,'Indices Auto'!AV9&gt;100),"R","NULL"))))</f>
        <v>R</v>
      </c>
      <c r="AV9" s="2" t="str">
        <f>IF(AND('Cambios Auto'!AV9&lt;0,'Indices Auto'!AW9&lt;100),"V",IF(AND('Cambios Auto'!AV9&lt;0,'Indices Auto'!AW9&gt;100),"A",IF(AND('Cambios Auto'!AV9&gt;0,'Indices Auto'!AW9&lt;100),"N",IF(AND('Cambios Auto'!AV9&gt;0,'Indices Auto'!AW9&gt;100),"R","NULL"))))</f>
        <v>R</v>
      </c>
      <c r="AW9" s="2" t="str">
        <f>IF(AND('Cambios Auto'!AW9&lt;0,'Indices Auto'!AX9&lt;100),"V",IF(AND('Cambios Auto'!AW9&lt;0,'Indices Auto'!AX9&gt;100),"A",IF(AND('Cambios Auto'!AW9&gt;0,'Indices Auto'!AX9&lt;100),"N",IF(AND('Cambios Auto'!AW9&gt;0,'Indices Auto'!AX9&gt;100),"R","NULL"))))</f>
        <v>R</v>
      </c>
      <c r="AX9" s="2" t="str">
        <f>IF(AND('Cambios Auto'!AX9&lt;0,'Indices Auto'!AY9&lt;100),"V",IF(AND('Cambios Auto'!AX9&lt;0,'Indices Auto'!AY9&gt;100),"A",IF(AND('Cambios Auto'!AX9&gt;0,'Indices Auto'!AY9&lt;100),"N",IF(AND('Cambios Auto'!AX9&gt;0,'Indices Auto'!AY9&gt;100),"R","NULL"))))</f>
        <v>R</v>
      </c>
      <c r="AY9" s="2" t="str">
        <f>IF(AND('Cambios Auto'!AY9&lt;0,'Indices Auto'!AZ9&lt;100),"V",IF(AND('Cambios Auto'!AY9&lt;0,'Indices Auto'!AZ9&gt;100),"A",IF(AND('Cambios Auto'!AY9&gt;0,'Indices Auto'!AZ9&lt;100),"N",IF(AND('Cambios Auto'!AY9&gt;0,'Indices Auto'!AZ9&gt;100),"R","NULL"))))</f>
        <v>R</v>
      </c>
      <c r="AZ9" s="2" t="str">
        <f>IF(AND('Cambios Auto'!AZ9&lt;0,'Indices Auto'!BA9&lt;100),"V",IF(AND('Cambios Auto'!AZ9&lt;0,'Indices Auto'!BA9&gt;100),"A",IF(AND('Cambios Auto'!AZ9&gt;0,'Indices Auto'!BA9&lt;100),"N",IF(AND('Cambios Auto'!AZ9&gt;0,'Indices Auto'!BA9&gt;100),"R","NULL"))))</f>
        <v>R</v>
      </c>
      <c r="BA9" s="2" t="str">
        <f>IF(AND('Cambios Auto'!BA9&lt;0,'Indices Auto'!BB9&lt;100),"V",IF(AND('Cambios Auto'!BA9&lt;0,'Indices Auto'!BB9&gt;100),"A",IF(AND('Cambios Auto'!BA9&gt;0,'Indices Auto'!BB9&lt;100),"N",IF(AND('Cambios Auto'!BA9&gt;0,'Indices Auto'!BB9&gt;100),"R","NULL"))))</f>
        <v>A</v>
      </c>
      <c r="BB9" s="2" t="str">
        <f>IF(AND('Cambios Auto'!BB9&lt;0,'Indices Auto'!BC9&lt;100),"V",IF(AND('Cambios Auto'!BB9&lt;0,'Indices Auto'!BC9&gt;100),"A",IF(AND('Cambios Auto'!BB9&gt;0,'Indices Auto'!BC9&lt;100),"N",IF(AND('Cambios Auto'!BB9&gt;0,'Indices Auto'!BC9&gt;100),"R","NULL"))))</f>
        <v>A</v>
      </c>
      <c r="BC9" s="2" t="str">
        <f>IF(AND('Cambios Auto'!BC9&lt;0,'Indices Auto'!BD9&lt;100),"V",IF(AND('Cambios Auto'!BC9&lt;0,'Indices Auto'!BD9&gt;100),"A",IF(AND('Cambios Auto'!BC9&gt;0,'Indices Auto'!BD9&lt;100),"N",IF(AND('Cambios Auto'!BC9&gt;0,'Indices Auto'!BD9&gt;100),"R","NULL"))))</f>
        <v>A</v>
      </c>
      <c r="BD9" s="2" t="str">
        <f>IF(AND('Cambios Auto'!BD9&lt;0,'Indices Auto'!BE9&lt;100),"V",IF(AND('Cambios Auto'!BD9&lt;0,'Indices Auto'!BE9&gt;100),"A",IF(AND('Cambios Auto'!BD9&gt;0,'Indices Auto'!BE9&lt;100),"N",IF(AND('Cambios Auto'!BD9&gt;0,'Indices Auto'!BE9&gt;100),"R","NULL"))))</f>
        <v>A</v>
      </c>
      <c r="BE9" s="2" t="str">
        <f>IF(AND('Cambios Auto'!BE9&lt;0,'Indices Auto'!BF9&lt;100),"V",IF(AND('Cambios Auto'!BE9&lt;0,'Indices Auto'!BF9&gt;100),"A",IF(AND('Cambios Auto'!BE9&gt;0,'Indices Auto'!BF9&lt;100),"N",IF(AND('Cambios Auto'!BE9&gt;0,'Indices Auto'!BF9&gt;100),"R","NULL"))))</f>
        <v>A</v>
      </c>
      <c r="BF9" s="2" t="str">
        <f>IF(AND('Cambios Auto'!BF9&lt;0,'Indices Auto'!BG9&lt;100),"V",IF(AND('Cambios Auto'!BF9&lt;0,'Indices Auto'!BG9&gt;100),"A",IF(AND('Cambios Auto'!BF9&gt;0,'Indices Auto'!BG9&lt;100),"N",IF(AND('Cambios Auto'!BF9&gt;0,'Indices Auto'!BG9&gt;100),"R","NULL"))))</f>
        <v>A</v>
      </c>
      <c r="BG9" s="2" t="str">
        <f>IF(AND('Cambios Auto'!BG9&lt;0,'Indices Auto'!BH9&lt;100),"V",IF(AND('Cambios Auto'!BG9&lt;0,'Indices Auto'!BH9&gt;100),"A",IF(AND('Cambios Auto'!BG9&gt;0,'Indices Auto'!BH9&lt;100),"N",IF(AND('Cambios Auto'!BG9&gt;0,'Indices Auto'!BH9&gt;100),"R","NULL"))))</f>
        <v>A</v>
      </c>
      <c r="BH9" s="2" t="str">
        <f>IF(AND('Cambios Auto'!BH9&lt;0,'Indices Auto'!BI9&lt;100),"V",IF(AND('Cambios Auto'!BH9&lt;0,'Indices Auto'!BI9&gt;100),"A",IF(AND('Cambios Auto'!BH9&gt;0,'Indices Auto'!BI9&lt;100),"N",IF(AND('Cambios Auto'!BH9&gt;0,'Indices Auto'!BI9&gt;100),"R","NULL"))))</f>
        <v>A</v>
      </c>
      <c r="BI9" s="2" t="str">
        <f>IF(AND('Cambios Auto'!BI9&lt;0,'Indices Auto'!BJ9&lt;100),"V",IF(AND('Cambios Auto'!BI9&lt;0,'Indices Auto'!BJ9&gt;100),"A",IF(AND('Cambios Auto'!BI9&gt;0,'Indices Auto'!BJ9&lt;100),"N",IF(AND('Cambios Auto'!BI9&gt;0,'Indices Auto'!BJ9&gt;100),"R","NULL"))))</f>
        <v>A</v>
      </c>
      <c r="BJ9" s="2" t="str">
        <f>IF(AND('Cambios Auto'!BJ9&lt;0,'Indices Auto'!BK9&lt;100),"V",IF(AND('Cambios Auto'!BJ9&lt;0,'Indices Auto'!BK9&gt;100),"A",IF(AND('Cambios Auto'!BJ9&gt;0,'Indices Auto'!BK9&lt;100),"N",IF(AND('Cambios Auto'!BJ9&gt;0,'Indices Auto'!BK9&gt;100),"R","NULL"))))</f>
        <v>A</v>
      </c>
      <c r="BK9" s="2" t="str">
        <f>IF(AND('Cambios Auto'!BK9&lt;0,'Indices Auto'!BL9&lt;100),"V",IF(AND('Cambios Auto'!BK9&lt;0,'Indices Auto'!BL9&gt;100),"A",IF(AND('Cambios Auto'!BK9&gt;0,'Indices Auto'!BL9&lt;100),"N",IF(AND('Cambios Auto'!BK9&gt;0,'Indices Auto'!BL9&gt;100),"R","NULL"))))</f>
        <v>A</v>
      </c>
      <c r="BL9" s="2" t="str">
        <f>IF(AND('Cambios Auto'!BL9&lt;0,'Indices Auto'!BM9&lt;100),"V",IF(AND('Cambios Auto'!BL9&lt;0,'Indices Auto'!BM9&gt;100),"A",IF(AND('Cambios Auto'!BL9&gt;0,'Indices Auto'!BM9&lt;100),"N",IF(AND('Cambios Auto'!BL9&gt;0,'Indices Auto'!BM9&gt;100),"R","NULL"))))</f>
        <v>A</v>
      </c>
      <c r="BM9" s="2" t="str">
        <f>IF(AND('Cambios Auto'!BM9&lt;0,'Indices Auto'!BN9&lt;100),"V",IF(AND('Cambios Auto'!BM9&lt;0,'Indices Auto'!BN9&gt;100),"A",IF(AND('Cambios Auto'!BM9&gt;0,'Indices Auto'!BN9&lt;100),"N",IF(AND('Cambios Auto'!BM9&gt;0,'Indices Auto'!BN9&gt;100),"R","NULL"))))</f>
        <v>A</v>
      </c>
      <c r="BN9" s="2" t="str">
        <f>IF(AND('Cambios Auto'!BN9&lt;0,'Indices Auto'!BO9&lt;100),"V",IF(AND('Cambios Auto'!BN9&lt;0,'Indices Auto'!BO9&gt;100),"A",IF(AND('Cambios Auto'!BN9&gt;0,'Indices Auto'!BO9&lt;100),"N",IF(AND('Cambios Auto'!BN9&gt;0,'Indices Auto'!BO9&gt;100),"R","NULL"))))</f>
        <v>A</v>
      </c>
      <c r="BO9" s="2" t="str">
        <f>IF(AND('Cambios Auto'!BO9&lt;0,'Indices Auto'!BP9&lt;100),"V",IF(AND('Cambios Auto'!BO9&lt;0,'Indices Auto'!BP9&gt;100),"A",IF(AND('Cambios Auto'!BO9&gt;0,'Indices Auto'!BP9&lt;100),"N",IF(AND('Cambios Auto'!BO9&gt;0,'Indices Auto'!BP9&gt;100),"R","NULL"))))</f>
        <v>A</v>
      </c>
      <c r="BP9" s="2" t="str">
        <f>IF(AND('Cambios Auto'!BP9&lt;0,'Indices Auto'!BQ9&lt;100),"V",IF(AND('Cambios Auto'!BP9&lt;0,'Indices Auto'!BQ9&gt;100),"A",IF(AND('Cambios Auto'!BP9&gt;0,'Indices Auto'!BQ9&lt;100),"N",IF(AND('Cambios Auto'!BP9&gt;0,'Indices Auto'!BQ9&gt;100),"R","NULL"))))</f>
        <v>V</v>
      </c>
      <c r="BQ9" s="2" t="str">
        <f>IF(AND('Cambios Auto'!BQ9&lt;0,'Indices Auto'!BR9&lt;100),"V",IF(AND('Cambios Auto'!BQ9&lt;0,'Indices Auto'!BR9&gt;100),"A",IF(AND('Cambios Auto'!BQ9&gt;0,'Indices Auto'!BR9&lt;100),"N",IF(AND('Cambios Auto'!BQ9&gt;0,'Indices Auto'!BR9&gt;100),"R","NULL"))))</f>
        <v>V</v>
      </c>
      <c r="BR9" s="2" t="str">
        <f>IF(AND('Cambios Auto'!BR9&lt;0,'Indices Auto'!BS9&lt;100),"V",IF(AND('Cambios Auto'!BR9&lt;0,'Indices Auto'!BS9&gt;100),"A",IF(AND('Cambios Auto'!BR9&gt;0,'Indices Auto'!BS9&lt;100),"N",IF(AND('Cambios Auto'!BR9&gt;0,'Indices Auto'!BS9&gt;100),"R","NULL"))))</f>
        <v>V</v>
      </c>
      <c r="BS9" s="2" t="str">
        <f>IF(AND('Cambios Auto'!BS9&lt;0,'Indices Auto'!BT9&lt;100),"V",IF(AND('Cambios Auto'!BS9&lt;0,'Indices Auto'!BT9&gt;100),"A",IF(AND('Cambios Auto'!BS9&gt;0,'Indices Auto'!BT9&lt;100),"N",IF(AND('Cambios Auto'!BS9&gt;0,'Indices Auto'!BT9&gt;100),"R","NULL"))))</f>
        <v>V</v>
      </c>
      <c r="BT9" s="2" t="str">
        <f>IF(AND('Cambios Auto'!BT9&lt;0,'Indices Auto'!BU9&lt;100),"V",IF(AND('Cambios Auto'!BT9&lt;0,'Indices Auto'!BU9&gt;100),"A",IF(AND('Cambios Auto'!BT9&gt;0,'Indices Auto'!BU9&lt;100),"N",IF(AND('Cambios Auto'!BT9&gt;0,'Indices Auto'!BU9&gt;100),"R","NULL"))))</f>
        <v>V</v>
      </c>
      <c r="BU9" s="2" t="str">
        <f>IF(AND('Cambios Auto'!BU9&lt;0,'Indices Auto'!BV9&lt;100),"V",IF(AND('Cambios Auto'!BU9&lt;0,'Indices Auto'!BV9&gt;100),"A",IF(AND('Cambios Auto'!BU9&gt;0,'Indices Auto'!BV9&lt;100),"N",IF(AND('Cambios Auto'!BU9&gt;0,'Indices Auto'!BV9&gt;100),"R","NULL"))))</f>
        <v>V</v>
      </c>
      <c r="BV9" s="2" t="str">
        <f>IF(AND('Cambios Auto'!BV9&lt;0,'Indices Auto'!BW9&lt;100),"V",IF(AND('Cambios Auto'!BV9&lt;0,'Indices Auto'!BW9&gt;100),"A",IF(AND('Cambios Auto'!BV9&gt;0,'Indices Auto'!BW9&lt;100),"N",IF(AND('Cambios Auto'!BV9&gt;0,'Indices Auto'!BW9&gt;100),"R","NULL"))))</f>
        <v>V</v>
      </c>
      <c r="BW9" s="2" t="str">
        <f>IF(AND('Cambios Auto'!BW9&lt;0,'Indices Auto'!BX9&lt;100),"V",IF(AND('Cambios Auto'!BW9&lt;0,'Indices Auto'!BX9&gt;100),"A",IF(AND('Cambios Auto'!BW9&gt;0,'Indices Auto'!BX9&lt;100),"N",IF(AND('Cambios Auto'!BW9&gt;0,'Indices Auto'!BX9&gt;100),"R","NULL"))))</f>
        <v>N</v>
      </c>
      <c r="BX9" s="2" t="str">
        <f>IF(AND('Cambios Auto'!BX9&lt;0,'Indices Auto'!BY9&lt;100),"V",IF(AND('Cambios Auto'!BX9&lt;0,'Indices Auto'!BY9&gt;100),"A",IF(AND('Cambios Auto'!BX9&gt;0,'Indices Auto'!BY9&lt;100),"N",IF(AND('Cambios Auto'!BX9&gt;0,'Indices Auto'!BY9&gt;100),"R","NULL"))))</f>
        <v>N</v>
      </c>
      <c r="BY9" s="2" t="str">
        <f>IF(AND('Cambios Auto'!BY9&lt;0,'Indices Auto'!BZ9&lt;100),"V",IF(AND('Cambios Auto'!BY9&lt;0,'Indices Auto'!BZ9&gt;100),"A",IF(AND('Cambios Auto'!BY9&gt;0,'Indices Auto'!BZ9&lt;100),"N",IF(AND('Cambios Auto'!BY9&gt;0,'Indices Auto'!BZ9&gt;100),"R","NULL"))))</f>
        <v>N</v>
      </c>
      <c r="BZ9" s="2" t="str">
        <f>IF(AND('Cambios Auto'!BZ9&lt;0,'Indices Auto'!CA9&lt;100),"V",IF(AND('Cambios Auto'!BZ9&lt;0,'Indices Auto'!CA9&gt;100),"A",IF(AND('Cambios Auto'!BZ9&gt;0,'Indices Auto'!CA9&lt;100),"N",IF(AND('Cambios Auto'!BZ9&gt;0,'Indices Auto'!CA9&gt;100),"R","NULL"))))</f>
        <v>N</v>
      </c>
      <c r="CA9" s="2" t="str">
        <f>IF(AND('Cambios Auto'!CA9&lt;0,'Indices Auto'!CB9&lt;100),"V",IF(AND('Cambios Auto'!CA9&lt;0,'Indices Auto'!CB9&gt;100),"A",IF(AND('Cambios Auto'!CA9&gt;0,'Indices Auto'!CB9&lt;100),"N",IF(AND('Cambios Auto'!CA9&gt;0,'Indices Auto'!CB9&gt;100),"R","NULL"))))</f>
        <v>N</v>
      </c>
      <c r="CB9" s="2" t="str">
        <f>IF(AND('Cambios Auto'!CB9&lt;0,'Indices Auto'!CC9&lt;100),"V",IF(AND('Cambios Auto'!CB9&lt;0,'Indices Auto'!CC9&gt;100),"A",IF(AND('Cambios Auto'!CB9&gt;0,'Indices Auto'!CC9&lt;100),"N",IF(AND('Cambios Auto'!CB9&gt;0,'Indices Auto'!CC9&gt;100),"R","NULL"))))</f>
        <v>N</v>
      </c>
      <c r="CC9" s="2" t="str">
        <f>IF(AND('Cambios Auto'!CC9&lt;0,'Indices Auto'!CD9&lt;100),"V",IF(AND('Cambios Auto'!CC9&lt;0,'Indices Auto'!CD9&gt;100),"A",IF(AND('Cambios Auto'!CC9&gt;0,'Indices Auto'!CD9&lt;100),"N",IF(AND('Cambios Auto'!CC9&gt;0,'Indices Auto'!CD9&gt;100),"R","NULL"))))</f>
        <v>N</v>
      </c>
      <c r="CD9" s="2" t="str">
        <f>IF(AND('Cambios Auto'!CD9&lt;0,'Indices Auto'!CE9&lt;100),"V",IF(AND('Cambios Auto'!CD9&lt;0,'Indices Auto'!CE9&gt;100),"A",IF(AND('Cambios Auto'!CD9&gt;0,'Indices Auto'!CE9&lt;100),"N",IF(AND('Cambios Auto'!CD9&gt;0,'Indices Auto'!CE9&gt;100),"R","NULL"))))</f>
        <v>N</v>
      </c>
      <c r="CE9" s="2" t="str">
        <f>IF(AND('Cambios Auto'!CE9&lt;0,'Indices Auto'!CF9&lt;100),"V",IF(AND('Cambios Auto'!CE9&lt;0,'Indices Auto'!CF9&gt;100),"A",IF(AND('Cambios Auto'!CE9&gt;0,'Indices Auto'!CF9&lt;100),"N",IF(AND('Cambios Auto'!CE9&gt;0,'Indices Auto'!CF9&gt;100),"R","NULL"))))</f>
        <v>N</v>
      </c>
      <c r="CF9" s="2" t="str">
        <f>IF(AND('Cambios Auto'!CF9&lt;0,'Indices Auto'!CG9&lt;100),"V",IF(AND('Cambios Auto'!CF9&lt;0,'Indices Auto'!CG9&gt;100),"A",IF(AND('Cambios Auto'!CF9&gt;0,'Indices Auto'!CG9&lt;100),"N",IF(AND('Cambios Auto'!CF9&gt;0,'Indices Auto'!CG9&gt;100),"R","NULL"))))</f>
        <v>N</v>
      </c>
      <c r="CG9" s="2" t="str">
        <f>IF(AND('Cambios Auto'!CG9&lt;0,'Indices Auto'!CH9&lt;100),"V",IF(AND('Cambios Auto'!CG9&lt;0,'Indices Auto'!CH9&gt;100),"A",IF(AND('Cambios Auto'!CG9&gt;0,'Indices Auto'!CH9&lt;100),"N",IF(AND('Cambios Auto'!CG9&gt;0,'Indices Auto'!CH9&gt;100),"R","NULL"))))</f>
        <v>N</v>
      </c>
      <c r="CH9" s="2" t="str">
        <f>IF(AND('Cambios Auto'!CH9&lt;0,'Indices Auto'!CI9&lt;100),"V",IF(AND('Cambios Auto'!CH9&lt;0,'Indices Auto'!CI9&gt;100),"A",IF(AND('Cambios Auto'!CH9&gt;0,'Indices Auto'!CI9&lt;100),"N",IF(AND('Cambios Auto'!CH9&gt;0,'Indices Auto'!CI9&gt;100),"R","NULL"))))</f>
        <v>V</v>
      </c>
      <c r="CI9" s="2" t="str">
        <f>IF(AND('Cambios Auto'!CI9&lt;0,'Indices Auto'!CJ9&lt;100),"V",IF(AND('Cambios Auto'!CI9&lt;0,'Indices Auto'!CJ9&gt;100),"A",IF(AND('Cambios Auto'!CI9&gt;0,'Indices Auto'!CJ9&lt;100),"N",IF(AND('Cambios Auto'!CI9&gt;0,'Indices Auto'!CJ9&gt;100),"R","NULL"))))</f>
        <v>V</v>
      </c>
      <c r="CJ9" s="2" t="str">
        <f>IF(AND('Cambios Auto'!CJ9&lt;0,'Indices Auto'!CK9&lt;100),"V",IF(AND('Cambios Auto'!CJ9&lt;0,'Indices Auto'!CK9&gt;100),"A",IF(AND('Cambios Auto'!CJ9&gt;0,'Indices Auto'!CK9&lt;100),"N",IF(AND('Cambios Auto'!CJ9&gt;0,'Indices Auto'!CK9&gt;100),"R","NULL"))))</f>
        <v>V</v>
      </c>
      <c r="CK9" s="2" t="str">
        <f>IF(AND('Cambios Auto'!CK9&lt;0,'Indices Auto'!CL9&lt;100),"V",IF(AND('Cambios Auto'!CK9&lt;0,'Indices Auto'!CL9&gt;100),"A",IF(AND('Cambios Auto'!CK9&gt;0,'Indices Auto'!CL9&lt;100),"N",IF(AND('Cambios Auto'!CK9&gt;0,'Indices Auto'!CL9&gt;100),"R","NULL"))))</f>
        <v>V</v>
      </c>
      <c r="CL9" s="2" t="str">
        <f>IF(AND('Cambios Auto'!CL9&lt;0,'Indices Auto'!CM9&lt;100),"V",IF(AND('Cambios Auto'!CL9&lt;0,'Indices Auto'!CM9&gt;100),"A",IF(AND('Cambios Auto'!CL9&gt;0,'Indices Auto'!CM9&lt;100),"N",IF(AND('Cambios Auto'!CL9&gt;0,'Indices Auto'!CM9&gt;100),"R","NULL"))))</f>
        <v>V</v>
      </c>
      <c r="CM9" s="2" t="str">
        <f>IF(AND('Cambios Auto'!CM9&lt;0,'Indices Auto'!CN9&lt;100),"V",IF(AND('Cambios Auto'!CM9&lt;0,'Indices Auto'!CN9&gt;100),"A",IF(AND('Cambios Auto'!CM9&gt;0,'Indices Auto'!CN9&lt;100),"N",IF(AND('Cambios Auto'!CM9&gt;0,'Indices Auto'!CN9&gt;100),"R","NULL"))))</f>
        <v>V</v>
      </c>
      <c r="CN9" s="2" t="str">
        <f>IF(AND('Cambios Auto'!CN9&lt;0,'Indices Auto'!CO9&lt;100),"V",IF(AND('Cambios Auto'!CN9&lt;0,'Indices Auto'!CO9&gt;100),"A",IF(AND('Cambios Auto'!CN9&gt;0,'Indices Auto'!CO9&lt;100),"N",IF(AND('Cambios Auto'!CN9&gt;0,'Indices Auto'!CO9&gt;100),"R","NULL"))))</f>
        <v>V</v>
      </c>
      <c r="CO9" s="2" t="str">
        <f>IF(AND('Cambios Auto'!CO9&lt;0,'Indices Auto'!CP9&lt;100),"V",IF(AND('Cambios Auto'!CO9&lt;0,'Indices Auto'!CP9&gt;100),"A",IF(AND('Cambios Auto'!CO9&gt;0,'Indices Auto'!CP9&lt;100),"N",IF(AND('Cambios Auto'!CO9&gt;0,'Indices Auto'!CP9&gt;100),"R","NULL"))))</f>
        <v>V</v>
      </c>
      <c r="CP9" s="2" t="str">
        <f>IF(AND('Cambios Auto'!CP9&lt;0,'Indices Auto'!CQ9&lt;100),"V",IF(AND('Cambios Auto'!CP9&lt;0,'Indices Auto'!CQ9&gt;100),"A",IF(AND('Cambios Auto'!CP9&gt;0,'Indices Auto'!CQ9&lt;100),"N",IF(AND('Cambios Auto'!CP9&gt;0,'Indices Auto'!CQ9&gt;100),"R","NULL"))))</f>
        <v>V</v>
      </c>
      <c r="CQ9" s="2" t="str">
        <f>IF(AND('Cambios Auto'!CQ9&lt;0,'Indices Auto'!CR9&lt;100),"V",IF(AND('Cambios Auto'!CQ9&lt;0,'Indices Auto'!CR9&gt;100),"A",IF(AND('Cambios Auto'!CQ9&gt;0,'Indices Auto'!CR9&lt;100),"N",IF(AND('Cambios Auto'!CQ9&gt;0,'Indices Auto'!CR9&gt;100),"R","NULL"))))</f>
        <v>V</v>
      </c>
      <c r="CR9" s="2" t="str">
        <f>IF(AND('Cambios Auto'!CR9&lt;0,'Indices Auto'!CS9&lt;100),"V",IF(AND('Cambios Auto'!CR9&lt;0,'Indices Auto'!CS9&gt;100),"A",IF(AND('Cambios Auto'!CR9&gt;0,'Indices Auto'!CS9&lt;100),"N",IF(AND('Cambios Auto'!CR9&gt;0,'Indices Auto'!CS9&gt;100),"R","NULL"))))</f>
        <v>V</v>
      </c>
      <c r="CS9" s="2" t="str">
        <f>IF(AND('Cambios Auto'!CS9&lt;0,'Indices Auto'!CT9&lt;100),"V",IF(AND('Cambios Auto'!CS9&lt;0,'Indices Auto'!CT9&gt;100),"A",IF(AND('Cambios Auto'!CS9&gt;0,'Indices Auto'!CT9&lt;100),"N",IF(AND('Cambios Auto'!CS9&gt;0,'Indices Auto'!CT9&gt;100),"R","NULL"))))</f>
        <v>V</v>
      </c>
      <c r="CT9" s="2" t="str">
        <f>IF(AND('Cambios Auto'!CT9&lt;0,'Indices Auto'!CU9&lt;100),"V",IF(AND('Cambios Auto'!CT9&lt;0,'Indices Auto'!CU9&gt;100),"A",IF(AND('Cambios Auto'!CT9&gt;0,'Indices Auto'!CU9&lt;100),"N",IF(AND('Cambios Auto'!CT9&gt;0,'Indices Auto'!CU9&gt;100),"R","NULL"))))</f>
        <v>V</v>
      </c>
      <c r="CU9" s="2" t="str">
        <f>IF(AND('Cambios Auto'!CU9&lt;0,'Indices Auto'!CV9&lt;100),"V",IF(AND('Cambios Auto'!CU9&lt;0,'Indices Auto'!CV9&gt;100),"A",IF(AND('Cambios Auto'!CU9&gt;0,'Indices Auto'!CV9&lt;100),"N",IF(AND('Cambios Auto'!CU9&gt;0,'Indices Auto'!CV9&gt;100),"R","NULL"))))</f>
        <v>V</v>
      </c>
      <c r="CV9" s="2" t="str">
        <f>IF(AND('Cambios Auto'!CV9&lt;0,'Indices Auto'!CW9&lt;100),"V",IF(AND('Cambios Auto'!CV9&lt;0,'Indices Auto'!CW9&gt;100),"A",IF(AND('Cambios Auto'!CV9&gt;0,'Indices Auto'!CW9&lt;100),"N",IF(AND('Cambios Auto'!CV9&gt;0,'Indices Auto'!CW9&gt;100),"R","NULL"))))</f>
        <v>V</v>
      </c>
      <c r="CW9" s="2" t="str">
        <f>IF(AND('Cambios Auto'!CW9&lt;0,'Indices Auto'!CX9&lt;100),"V",IF(AND('Cambios Auto'!CW9&lt;0,'Indices Auto'!CX9&gt;100),"A",IF(AND('Cambios Auto'!CW9&gt;0,'Indices Auto'!CX9&lt;100),"N",IF(AND('Cambios Auto'!CW9&gt;0,'Indices Auto'!CX9&gt;100),"R","NULL"))))</f>
        <v>V</v>
      </c>
      <c r="CX9" s="2" t="str">
        <f>IF(AND('Cambios Auto'!CX9&lt;0,'Indices Auto'!CY9&lt;100),"V",IF(AND('Cambios Auto'!CX9&lt;0,'Indices Auto'!CY9&gt;100),"A",IF(AND('Cambios Auto'!CX9&gt;0,'Indices Auto'!CY9&lt;100),"N",IF(AND('Cambios Auto'!CX9&gt;0,'Indices Auto'!CY9&gt;100),"R","NULL"))))</f>
        <v>V</v>
      </c>
      <c r="CY9" s="2" t="str">
        <f>IF(AND('Cambios Auto'!CY9&lt;0,'Indices Auto'!CZ9&lt;100),"V",IF(AND('Cambios Auto'!CY9&lt;0,'Indices Auto'!CZ9&gt;100),"A",IF(AND('Cambios Auto'!CY9&gt;0,'Indices Auto'!CZ9&lt;100),"N",IF(AND('Cambios Auto'!CY9&gt;0,'Indices Auto'!CZ9&gt;100),"R","NULL"))))</f>
        <v>N</v>
      </c>
      <c r="CZ9" s="2" t="str">
        <f>IF(AND('Cambios Auto'!CZ9&lt;0,'Indices Auto'!DA9&lt;100),"V",IF(AND('Cambios Auto'!CZ9&lt;0,'Indices Auto'!DA9&gt;100),"A",IF(AND('Cambios Auto'!CZ9&gt;0,'Indices Auto'!DA9&lt;100),"N",IF(AND('Cambios Auto'!CZ9&gt;0,'Indices Auto'!DA9&gt;100),"R","NULL"))))</f>
        <v>N</v>
      </c>
      <c r="DA9" s="2" t="str">
        <f>IF(AND('Cambios Auto'!DA9&lt;0,'Indices Auto'!DB9&lt;100),"V",IF(AND('Cambios Auto'!DA9&lt;0,'Indices Auto'!DB9&gt;100),"A",IF(AND('Cambios Auto'!DA9&gt;0,'Indices Auto'!DB9&lt;100),"N",IF(AND('Cambios Auto'!DA9&gt;0,'Indices Auto'!DB9&gt;100),"R","NULL"))))</f>
        <v>N</v>
      </c>
      <c r="DB9" s="2" t="str">
        <f>IF(AND('Cambios Auto'!DB9&lt;0,'Indices Auto'!DC9&lt;100),"V",IF(AND('Cambios Auto'!DB9&lt;0,'Indices Auto'!DC9&gt;100),"A",IF(AND('Cambios Auto'!DB9&gt;0,'Indices Auto'!DC9&lt;100),"N",IF(AND('Cambios Auto'!DB9&gt;0,'Indices Auto'!DC9&gt;100),"R","NULL"))))</f>
        <v>N</v>
      </c>
      <c r="DC9" s="2" t="str">
        <f>IF(AND('Cambios Auto'!DC9&lt;0,'Indices Auto'!DD9&lt;100),"V",IF(AND('Cambios Auto'!DC9&lt;0,'Indices Auto'!DD9&gt;100),"A",IF(AND('Cambios Auto'!DC9&gt;0,'Indices Auto'!DD9&lt;100),"N",IF(AND('Cambios Auto'!DC9&gt;0,'Indices Auto'!DD9&gt;100),"R","NULL"))))</f>
        <v>N</v>
      </c>
      <c r="DD9" s="2" t="str">
        <f>IF(AND('Cambios Auto'!DD9&lt;0,'Indices Auto'!DE9&lt;100),"V",IF(AND('Cambios Auto'!DD9&lt;0,'Indices Auto'!DE9&gt;100),"A",IF(AND('Cambios Auto'!DD9&gt;0,'Indices Auto'!DE9&lt;100),"N",IF(AND('Cambios Auto'!DD9&gt;0,'Indices Auto'!DE9&gt;100),"R","NULL"))))</f>
        <v>R</v>
      </c>
      <c r="DE9" s="2" t="str">
        <f>IF(AND('Cambios Auto'!DE9&lt;0,'Indices Auto'!DF9&lt;100),"V",IF(AND('Cambios Auto'!DE9&lt;0,'Indices Auto'!DF9&gt;100),"A",IF(AND('Cambios Auto'!DE9&gt;0,'Indices Auto'!DF9&lt;100),"N",IF(AND('Cambios Auto'!DE9&gt;0,'Indices Auto'!DF9&gt;100),"R","NULL"))))</f>
        <v>R</v>
      </c>
      <c r="DF9" s="2" t="str">
        <f>IF(AND('Cambios Auto'!DF9&lt;0,'Indices Auto'!DG9&lt;100),"V",IF(AND('Cambios Auto'!DF9&lt;0,'Indices Auto'!DG9&gt;100),"A",IF(AND('Cambios Auto'!DF9&gt;0,'Indices Auto'!DG9&lt;100),"N",IF(AND('Cambios Auto'!DF9&gt;0,'Indices Auto'!DG9&gt;100),"R","NULL"))))</f>
        <v>R</v>
      </c>
      <c r="DG9" s="2" t="str">
        <f>IF(AND('Cambios Auto'!DG9&lt;0,'Indices Auto'!DH9&lt;100),"V",IF(AND('Cambios Auto'!DG9&lt;0,'Indices Auto'!DH9&gt;100),"A",IF(AND('Cambios Auto'!DG9&gt;0,'Indices Auto'!DH9&lt;100),"N",IF(AND('Cambios Auto'!DG9&gt;0,'Indices Auto'!DH9&gt;100),"R","NULL"))))</f>
        <v>R</v>
      </c>
      <c r="DH9" s="2" t="str">
        <f>IF(AND('Cambios Auto'!DH9&lt;0,'Indices Auto'!DI9&lt;100),"V",IF(AND('Cambios Auto'!DH9&lt;0,'Indices Auto'!DI9&gt;100),"A",IF(AND('Cambios Auto'!DH9&gt;0,'Indices Auto'!DI9&lt;100),"N",IF(AND('Cambios Auto'!DH9&gt;0,'Indices Auto'!DI9&gt;100),"R","NULL"))))</f>
        <v>R</v>
      </c>
      <c r="DI9" s="2" t="str">
        <f>IF(AND('Cambios Auto'!DI9&lt;0,'Indices Auto'!DJ9&lt;100),"V",IF(AND('Cambios Auto'!DI9&lt;0,'Indices Auto'!DJ9&gt;100),"A",IF(AND('Cambios Auto'!DI9&gt;0,'Indices Auto'!DJ9&lt;100),"N",IF(AND('Cambios Auto'!DI9&gt;0,'Indices Auto'!DJ9&gt;100),"R","NULL"))))</f>
        <v>R</v>
      </c>
      <c r="DJ9" s="2" t="str">
        <f>IF(AND('Cambios Auto'!DJ9&lt;0,'Indices Auto'!DK9&lt;100),"V",IF(AND('Cambios Auto'!DJ9&lt;0,'Indices Auto'!DK9&gt;100),"A",IF(AND('Cambios Auto'!DJ9&gt;0,'Indices Auto'!DK9&lt;100),"N",IF(AND('Cambios Auto'!DJ9&gt;0,'Indices Auto'!DK9&gt;100),"R","NULL"))))</f>
        <v>R</v>
      </c>
      <c r="DK9" s="2" t="str">
        <f>IF(AND('Cambios Auto'!DK9&lt;0,'Indices Auto'!DL9&lt;100),"V",IF(AND('Cambios Auto'!DK9&lt;0,'Indices Auto'!DL9&gt;100),"A",IF(AND('Cambios Auto'!DK9&gt;0,'Indices Auto'!DL9&lt;100),"N",IF(AND('Cambios Auto'!DK9&gt;0,'Indices Auto'!DL9&gt;100),"R","NULL"))))</f>
        <v>R</v>
      </c>
      <c r="DL9" s="2" t="str">
        <f>IF(AND('Cambios Auto'!DL9&lt;0,'Indices Auto'!DM9&lt;100),"V",IF(AND('Cambios Auto'!DL9&lt;0,'Indices Auto'!DM9&gt;100),"A",IF(AND('Cambios Auto'!DL9&gt;0,'Indices Auto'!DM9&lt;100),"N",IF(AND('Cambios Auto'!DL9&gt;0,'Indices Auto'!DM9&gt;100),"R","NULL"))))</f>
        <v>R</v>
      </c>
      <c r="DM9" s="2" t="str">
        <f>IF(AND('Cambios Auto'!DM9&lt;0,'Indices Auto'!DN9&lt;100),"V",IF(AND('Cambios Auto'!DM9&lt;0,'Indices Auto'!DN9&gt;100),"A",IF(AND('Cambios Auto'!DM9&gt;0,'Indices Auto'!DN9&lt;100),"N",IF(AND('Cambios Auto'!DM9&gt;0,'Indices Auto'!DN9&gt;100),"R","NULL"))))</f>
        <v>R</v>
      </c>
      <c r="DN9" s="2" t="str">
        <f>IF(AND('Cambios Auto'!DN9&lt;0,'Indices Auto'!DO9&lt;100),"V",IF(AND('Cambios Auto'!DN9&lt;0,'Indices Auto'!DO9&gt;100),"A",IF(AND('Cambios Auto'!DN9&gt;0,'Indices Auto'!DO9&lt;100),"N",IF(AND('Cambios Auto'!DN9&gt;0,'Indices Auto'!DO9&gt;100),"R","NULL"))))</f>
        <v>A</v>
      </c>
      <c r="DO9" s="2" t="str">
        <f>IF(AND('Cambios Auto'!DO9&lt;0,'Indices Auto'!DP9&lt;100),"V",IF(AND('Cambios Auto'!DO9&lt;0,'Indices Auto'!DP9&gt;100),"A",IF(AND('Cambios Auto'!DO9&gt;0,'Indices Auto'!DP9&lt;100),"N",IF(AND('Cambios Auto'!DO9&gt;0,'Indices Auto'!DP9&gt;100),"R","NULL"))))</f>
        <v>A</v>
      </c>
      <c r="DP9" s="2" t="str">
        <f>IF(AND('Cambios Auto'!DP9&lt;0,'Indices Auto'!DQ9&lt;100),"V",IF(AND('Cambios Auto'!DP9&lt;0,'Indices Auto'!DQ9&gt;100),"A",IF(AND('Cambios Auto'!DP9&gt;0,'Indices Auto'!DQ9&lt;100),"N",IF(AND('Cambios Auto'!DP9&gt;0,'Indices Auto'!DQ9&gt;100),"R","NULL"))))</f>
        <v>A</v>
      </c>
      <c r="DQ9" s="2" t="str">
        <f>IF(AND('Cambios Auto'!DQ9&lt;0,'Indices Auto'!DR9&lt;100),"V",IF(AND('Cambios Auto'!DQ9&lt;0,'Indices Auto'!DR9&gt;100),"A",IF(AND('Cambios Auto'!DQ9&gt;0,'Indices Auto'!DR9&lt;100),"N",IF(AND('Cambios Auto'!DQ9&gt;0,'Indices Auto'!DR9&gt;100),"R","NULL"))))</f>
        <v>A</v>
      </c>
      <c r="DR9" s="2" t="str">
        <f>IF(AND('Cambios Auto'!DR9&lt;0,'Indices Auto'!DS9&lt;100),"V",IF(AND('Cambios Auto'!DR9&lt;0,'Indices Auto'!DS9&gt;100),"A",IF(AND('Cambios Auto'!DR9&gt;0,'Indices Auto'!DS9&lt;100),"N",IF(AND('Cambios Auto'!DR9&gt;0,'Indices Auto'!DS9&gt;100),"R","NULL"))))</f>
        <v>A</v>
      </c>
      <c r="DS9" s="2" t="str">
        <f>IF(AND('Cambios Auto'!DS9&lt;0,'Indices Auto'!DT9&lt;100),"V",IF(AND('Cambios Auto'!DS9&lt;0,'Indices Auto'!DT9&gt;100),"A",IF(AND('Cambios Auto'!DS9&gt;0,'Indices Auto'!DT9&lt;100),"N",IF(AND('Cambios Auto'!DS9&gt;0,'Indices Auto'!DT9&gt;100),"R","NULL"))))</f>
        <v>A</v>
      </c>
      <c r="DT9" s="2" t="str">
        <f>IF(AND('Cambios Auto'!DT9&lt;0,'Indices Auto'!DU9&lt;100),"V",IF(AND('Cambios Auto'!DT9&lt;0,'Indices Auto'!DU9&gt;100),"A",IF(AND('Cambios Auto'!DT9&gt;0,'Indices Auto'!DU9&lt;100),"N",IF(AND('Cambios Auto'!DT9&gt;0,'Indices Auto'!DU9&gt;100),"R","NULL"))))</f>
        <v>A</v>
      </c>
      <c r="DU9" s="2" t="str">
        <f>IF(AND('Cambios Auto'!DU9&lt;0,'Indices Auto'!DV9&lt;100),"V",IF(AND('Cambios Auto'!DU9&lt;0,'Indices Auto'!DV9&gt;100),"A",IF(AND('Cambios Auto'!DU9&gt;0,'Indices Auto'!DV9&lt;100),"N",IF(AND('Cambios Auto'!DU9&gt;0,'Indices Auto'!DV9&gt;100),"R","NULL"))))</f>
        <v>A</v>
      </c>
      <c r="DV9" s="2" t="str">
        <f>IF(AND('Cambios Auto'!DV9&lt;0,'Indices Auto'!DW9&lt;100),"V",IF(AND('Cambios Auto'!DV9&lt;0,'Indices Auto'!DW9&gt;100),"A",IF(AND('Cambios Auto'!DV9&gt;0,'Indices Auto'!DW9&lt;100),"N",IF(AND('Cambios Auto'!DV9&gt;0,'Indices Auto'!DW9&gt;100),"R","NULL"))))</f>
        <v>A</v>
      </c>
      <c r="DW9" s="2" t="str">
        <f>IF(AND('Cambios Auto'!DW9&lt;0,'Indices Auto'!DX9&lt;100),"V",IF(AND('Cambios Auto'!DW9&lt;0,'Indices Auto'!DX9&gt;100),"A",IF(AND('Cambios Auto'!DW9&gt;0,'Indices Auto'!DX9&lt;100),"N",IF(AND('Cambios Auto'!DW9&gt;0,'Indices Auto'!DX9&gt;100),"R","NULL"))))</f>
        <v>A</v>
      </c>
      <c r="DX9" s="2" t="str">
        <f>IF(AND('Cambios Auto'!DX9&lt;0,'Indices Auto'!DY9&lt;100),"V",IF(AND('Cambios Auto'!DX9&lt;0,'Indices Auto'!DY9&gt;100),"A",IF(AND('Cambios Auto'!DX9&gt;0,'Indices Auto'!DY9&lt;100),"N",IF(AND('Cambios Auto'!DX9&gt;0,'Indices Auto'!DY9&gt;100),"R","NULL"))))</f>
        <v>A</v>
      </c>
      <c r="DY9" s="2" t="str">
        <f>IF(AND('Cambios Auto'!DY9&lt;0,'Indices Auto'!DZ9&lt;100),"V",IF(AND('Cambios Auto'!DY9&lt;0,'Indices Auto'!DZ9&gt;100),"A",IF(AND('Cambios Auto'!DY9&gt;0,'Indices Auto'!DZ9&lt;100),"N",IF(AND('Cambios Auto'!DY9&gt;0,'Indices Auto'!DZ9&gt;100),"R","NULL"))))</f>
        <v>A</v>
      </c>
      <c r="DZ9" s="2" t="str">
        <f>IF(AND('Cambios Auto'!DZ9&lt;0,'Indices Auto'!EA9&lt;100),"V",IF(AND('Cambios Auto'!DZ9&lt;0,'Indices Auto'!EA9&gt;100),"A",IF(AND('Cambios Auto'!DZ9&gt;0,'Indices Auto'!EA9&lt;100),"N",IF(AND('Cambios Auto'!DZ9&gt;0,'Indices Auto'!EA9&gt;100),"R","NULL"))))</f>
        <v>R</v>
      </c>
      <c r="EA9" s="2" t="str">
        <f>IF(AND('Cambios Auto'!EA9&lt;0,'Indices Auto'!EB9&lt;100),"V",IF(AND('Cambios Auto'!EA9&lt;0,'Indices Auto'!EB9&gt;100),"A",IF(AND('Cambios Auto'!EA9&gt;0,'Indices Auto'!EB9&lt;100),"N",IF(AND('Cambios Auto'!EA9&gt;0,'Indices Auto'!EB9&gt;100),"R","NULL"))))</f>
        <v>R</v>
      </c>
      <c r="EB9" s="2" t="str">
        <f>IF(AND('Cambios Auto'!EB9&lt;0,'Indices Auto'!EC9&lt;100),"V",IF(AND('Cambios Auto'!EB9&lt;0,'Indices Auto'!EC9&gt;100),"A",IF(AND('Cambios Auto'!EB9&gt;0,'Indices Auto'!EC9&lt;100),"N",IF(AND('Cambios Auto'!EB9&gt;0,'Indices Auto'!EC9&gt;100),"R","NULL"))))</f>
        <v>A</v>
      </c>
      <c r="EC9" s="2" t="str">
        <f>IF(AND('Cambios Auto'!EC9&lt;0,'Indices Auto'!ED9&lt;100),"V",IF(AND('Cambios Auto'!EC9&lt;0,'Indices Auto'!ED9&gt;100),"A",IF(AND('Cambios Auto'!EC9&gt;0,'Indices Auto'!ED9&lt;100),"N",IF(AND('Cambios Auto'!EC9&gt;0,'Indices Auto'!ED9&gt;100),"R","NULL"))))</f>
        <v>A</v>
      </c>
      <c r="ED9" s="2" t="str">
        <f>IF(AND('Cambios Auto'!ED9&lt;0,'Indices Auto'!EE9&lt;100),"V",IF(AND('Cambios Auto'!ED9&lt;0,'Indices Auto'!EE9&gt;100),"A",IF(AND('Cambios Auto'!ED9&gt;0,'Indices Auto'!EE9&lt;100),"N",IF(AND('Cambios Auto'!ED9&gt;0,'Indices Auto'!EE9&gt;100),"R","NULL"))))</f>
        <v>A</v>
      </c>
      <c r="EE9" s="2" t="str">
        <f>IF(AND('Cambios Auto'!EE9&lt;0,'Indices Auto'!EF9&lt;100),"V",IF(AND('Cambios Auto'!EE9&lt;0,'Indices Auto'!EF9&gt;100),"A",IF(AND('Cambios Auto'!EE9&gt;0,'Indices Auto'!EF9&lt;100),"N",IF(AND('Cambios Auto'!EE9&gt;0,'Indices Auto'!EF9&gt;100),"R","NULL"))))</f>
        <v>A</v>
      </c>
      <c r="EF9" s="2" t="str">
        <f>IF(AND('Cambios Auto'!EF9&lt;0,'Indices Auto'!EG9&lt;100),"V",IF(AND('Cambios Auto'!EF9&lt;0,'Indices Auto'!EG9&gt;100),"A",IF(AND('Cambios Auto'!EF9&gt;0,'Indices Auto'!EG9&lt;100),"N",IF(AND('Cambios Auto'!EF9&gt;0,'Indices Auto'!EG9&gt;100),"R","NULL"))))</f>
        <v>A</v>
      </c>
      <c r="EG9" s="2" t="str">
        <f>IF(AND('Cambios Auto'!EG9&lt;0,'Indices Auto'!EH9&lt;100),"V",IF(AND('Cambios Auto'!EG9&lt;0,'Indices Auto'!EH9&gt;100),"A",IF(AND('Cambios Auto'!EG9&gt;0,'Indices Auto'!EH9&lt;100),"N",IF(AND('Cambios Auto'!EG9&gt;0,'Indices Auto'!EH9&gt;100),"R","NULL"))))</f>
        <v>V</v>
      </c>
      <c r="EH9" s="2" t="str">
        <f>IF(AND('Cambios Auto'!EH9&lt;0,'Indices Auto'!EI9&lt;100),"V",IF(AND('Cambios Auto'!EH9&lt;0,'Indices Auto'!EI9&gt;100),"A",IF(AND('Cambios Auto'!EH9&gt;0,'Indices Auto'!EI9&lt;100),"N",IF(AND('Cambios Auto'!EH9&gt;0,'Indices Auto'!EI9&gt;100),"R","NULL"))))</f>
        <v>A</v>
      </c>
      <c r="EI9" s="2" t="str">
        <f>IF(AND('Cambios Auto'!EI9&lt;0,'Indices Auto'!EJ9&lt;100),"V",IF(AND('Cambios Auto'!EI9&lt;0,'Indices Auto'!EJ9&gt;100),"A",IF(AND('Cambios Auto'!EI9&gt;0,'Indices Auto'!EJ9&lt;100),"N",IF(AND('Cambios Auto'!EI9&gt;0,'Indices Auto'!EJ9&gt;100),"R","NULL"))))</f>
        <v>N</v>
      </c>
      <c r="EJ9" s="2" t="str">
        <f>IF(AND('Cambios Auto'!EJ9&lt;0,'Indices Auto'!EK9&lt;100),"V",IF(AND('Cambios Auto'!EJ9&lt;0,'Indices Auto'!EK9&gt;100),"A",IF(AND('Cambios Auto'!EJ9&gt;0,'Indices Auto'!EK9&lt;100),"N",IF(AND('Cambios Auto'!EJ9&gt;0,'Indices Auto'!EK9&gt;100),"R","NULL"))))</f>
        <v>V</v>
      </c>
      <c r="EK9" s="2" t="str">
        <f>IF(AND('Cambios Auto'!EK9&lt;0,'Indices Auto'!EL9&lt;100),"V",IF(AND('Cambios Auto'!EK9&lt;0,'Indices Auto'!EL9&gt;100),"A",IF(AND('Cambios Auto'!EK9&gt;0,'Indices Auto'!EL9&lt;100),"N",IF(AND('Cambios Auto'!EK9&gt;0,'Indices Auto'!EL9&gt;100),"R","NULL"))))</f>
        <v>V</v>
      </c>
      <c r="EL9" s="2" t="str">
        <f>IF(AND('Cambios Auto'!EL9&lt;0,'Indices Auto'!EM9&lt;100),"V",IF(AND('Cambios Auto'!EL9&lt;0,'Indices Auto'!EM9&gt;100),"A",IF(AND('Cambios Auto'!EL9&gt;0,'Indices Auto'!EM9&lt;100),"N",IF(AND('Cambios Auto'!EL9&gt;0,'Indices Auto'!EM9&gt;100),"R","NULL"))))</f>
        <v>V</v>
      </c>
      <c r="EM9" s="2" t="str">
        <f>IF(AND('Cambios Auto'!EM9&lt;0,'Indices Auto'!EN9&lt;100),"V",IF(AND('Cambios Auto'!EM9&lt;0,'Indices Auto'!EN9&gt;100),"A",IF(AND('Cambios Auto'!EM9&gt;0,'Indices Auto'!EN9&lt;100),"N",IF(AND('Cambios Auto'!EM9&gt;0,'Indices Auto'!EN9&gt;100),"R","NULL"))))</f>
        <v>V</v>
      </c>
      <c r="EN9" s="2" t="str">
        <f>IF(AND('Cambios Auto'!EN9&lt;0,'Indices Auto'!EO9&lt;100),"V",IF(AND('Cambios Auto'!EN9&lt;0,'Indices Auto'!EO9&gt;100),"A",IF(AND('Cambios Auto'!EN9&gt;0,'Indices Auto'!EO9&lt;100),"N",IF(AND('Cambios Auto'!EN9&gt;0,'Indices Auto'!EO9&gt;100),"R","NULL"))))</f>
        <v>V</v>
      </c>
      <c r="EO9" s="2" t="str">
        <f>IF(AND('Cambios Auto'!EO9&lt;0,'Indices Auto'!EP9&lt;100),"V",IF(AND('Cambios Auto'!EO9&lt;0,'Indices Auto'!EP9&gt;100),"A",IF(AND('Cambios Auto'!EO9&gt;0,'Indices Auto'!EP9&lt;100),"N",IF(AND('Cambios Auto'!EO9&gt;0,'Indices Auto'!EP9&gt;100),"R","NULL"))))</f>
        <v>V</v>
      </c>
      <c r="EP9" s="2" t="str">
        <f>IF(AND('Cambios Auto'!EP9&lt;0,'Indices Auto'!EQ9&lt;100),"V",IF(AND('Cambios Auto'!EP9&lt;0,'Indices Auto'!EQ9&gt;100),"A",IF(AND('Cambios Auto'!EP9&gt;0,'Indices Auto'!EQ9&lt;100),"N",IF(AND('Cambios Auto'!EP9&gt;0,'Indices Auto'!EQ9&gt;100),"R","NULL"))))</f>
        <v>V</v>
      </c>
      <c r="EQ9" s="2" t="str">
        <f>IF(AND('Cambios Auto'!EQ9&lt;0,'Indices Auto'!ER9&lt;100),"V",IF(AND('Cambios Auto'!EQ9&lt;0,'Indices Auto'!ER9&gt;100),"A",IF(AND('Cambios Auto'!EQ9&gt;0,'Indices Auto'!ER9&lt;100),"N",IF(AND('Cambios Auto'!EQ9&gt;0,'Indices Auto'!ER9&gt;100),"R","NULL"))))</f>
        <v>N</v>
      </c>
      <c r="ER9" s="2" t="str">
        <f>IF(AND('Cambios Auto'!ER9&lt;0,'Indices Auto'!ES9&lt;100),"V",IF(AND('Cambios Auto'!ER9&lt;0,'Indices Auto'!ES9&gt;100),"A",IF(AND('Cambios Auto'!ER9&gt;0,'Indices Auto'!ES9&lt;100),"N",IF(AND('Cambios Auto'!ER9&gt;0,'Indices Auto'!ES9&gt;100),"R","NULL"))))</f>
        <v>N</v>
      </c>
      <c r="ES9" s="2" t="str">
        <f>IF(AND('Cambios Auto'!ES9&lt;0,'Indices Auto'!ET9&lt;100),"V",IF(AND('Cambios Auto'!ES9&lt;0,'Indices Auto'!ET9&gt;100),"A",IF(AND('Cambios Auto'!ES9&gt;0,'Indices Auto'!ET9&lt;100),"N",IF(AND('Cambios Auto'!ES9&gt;0,'Indices Auto'!ET9&gt;100),"R","NULL"))))</f>
        <v>V</v>
      </c>
      <c r="ET9" s="2" t="str">
        <f>IF(AND('Cambios Auto'!ET9&lt;0,'Indices Auto'!EU9&lt;100),"V",IF(AND('Cambios Auto'!ET9&lt;0,'Indices Auto'!EU9&gt;100),"A",IF(AND('Cambios Auto'!ET9&gt;0,'Indices Auto'!EU9&lt;100),"N",IF(AND('Cambios Auto'!ET9&gt;0,'Indices Auto'!EU9&gt;100),"R","NULL"))))</f>
        <v>V</v>
      </c>
      <c r="EU9" s="2" t="str">
        <f>IF(AND('Cambios Auto'!EU9&lt;0,'Indices Auto'!EV9&lt;100),"V",IF(AND('Cambios Auto'!EU9&lt;0,'Indices Auto'!EV9&gt;100),"A",IF(AND('Cambios Auto'!EU9&gt;0,'Indices Auto'!EV9&lt;100),"N",IF(AND('Cambios Auto'!EU9&gt;0,'Indices Auto'!EV9&gt;100),"R","NULL"))))</f>
        <v>V</v>
      </c>
      <c r="EV9" s="2" t="str">
        <f>IF(AND('Cambios Auto'!EV9&lt;0,'Indices Auto'!EW9&lt;100),"V",IF(AND('Cambios Auto'!EV9&lt;0,'Indices Auto'!EW9&gt;100),"A",IF(AND('Cambios Auto'!EV9&gt;0,'Indices Auto'!EW9&lt;100),"N",IF(AND('Cambios Auto'!EV9&gt;0,'Indices Auto'!EW9&gt;100),"R","NULL"))))</f>
        <v>V</v>
      </c>
      <c r="EW9" s="2" t="str">
        <f>IF(AND('Cambios Auto'!EW9&lt;0,'Indices Auto'!EX9&lt;100),"V",IF(AND('Cambios Auto'!EW9&lt;0,'Indices Auto'!EX9&gt;100),"A",IF(AND('Cambios Auto'!EW9&gt;0,'Indices Auto'!EX9&lt;100),"N",IF(AND('Cambios Auto'!EW9&gt;0,'Indices Auto'!EX9&gt;100),"R","NULL"))))</f>
        <v>N</v>
      </c>
      <c r="EX9" s="2" t="str">
        <f>IF(AND('Cambios Auto'!EX9&lt;0,'Indices Auto'!EY9&lt;100),"V",IF(AND('Cambios Auto'!EX9&lt;0,'Indices Auto'!EY9&gt;100),"A",IF(AND('Cambios Auto'!EX9&gt;0,'Indices Auto'!EY9&lt;100),"N",IF(AND('Cambios Auto'!EX9&gt;0,'Indices Auto'!EY9&gt;100),"R","NULL"))))</f>
        <v>N</v>
      </c>
      <c r="EY9" s="2" t="str">
        <f>IF(AND('Cambios Auto'!EY9&lt;0,'Indices Auto'!EZ9&lt;100),"V",IF(AND('Cambios Auto'!EY9&lt;0,'Indices Auto'!EZ9&gt;100),"A",IF(AND('Cambios Auto'!EY9&gt;0,'Indices Auto'!EZ9&lt;100),"N",IF(AND('Cambios Auto'!EY9&gt;0,'Indices Auto'!EZ9&gt;100),"R","NULL"))))</f>
        <v>N</v>
      </c>
      <c r="EZ9" s="2" t="str">
        <f>IF(AND('Cambios Auto'!EZ9&lt;0,'Indices Auto'!FA9&lt;100),"V",IF(AND('Cambios Auto'!EZ9&lt;0,'Indices Auto'!FA9&gt;100),"A",IF(AND('Cambios Auto'!EZ9&gt;0,'Indices Auto'!FA9&lt;100),"N",IF(AND('Cambios Auto'!EZ9&gt;0,'Indices Auto'!FA9&gt;100),"R","NULL"))))</f>
        <v>R</v>
      </c>
      <c r="FA9" s="2" t="str">
        <f>IF(AND('Cambios Auto'!FA9&lt;0,'Indices Auto'!FB9&lt;100),"V",IF(AND('Cambios Auto'!FA9&lt;0,'Indices Auto'!FB9&gt;100),"A",IF(AND('Cambios Auto'!FA9&gt;0,'Indices Auto'!FB9&lt;100),"N",IF(AND('Cambios Auto'!FA9&gt;0,'Indices Auto'!FB9&gt;100),"R","NULL"))))</f>
        <v>R</v>
      </c>
      <c r="FB9" s="2" t="str">
        <f>IF(AND('Cambios Auto'!FB9&lt;0,'Indices Auto'!FC9&lt;100),"V",IF(AND('Cambios Auto'!FB9&lt;0,'Indices Auto'!FC9&gt;100),"A",IF(AND('Cambios Auto'!FB9&gt;0,'Indices Auto'!FC9&lt;100),"N",IF(AND('Cambios Auto'!FB9&gt;0,'Indices Auto'!FC9&gt;100),"R","NULL"))))</f>
        <v>R</v>
      </c>
      <c r="FC9" s="2" t="str">
        <f>IF(AND('Cambios Auto'!FC9&lt;0,'Indices Auto'!FD9&lt;100),"V",IF(AND('Cambios Auto'!FC9&lt;0,'Indices Auto'!FD9&gt;100),"A",IF(AND('Cambios Auto'!FC9&gt;0,'Indices Auto'!FD9&lt;100),"N",IF(AND('Cambios Auto'!FC9&gt;0,'Indices Auto'!FD9&gt;100),"R","NULL"))))</f>
        <v>A</v>
      </c>
      <c r="FD9" s="2" t="str">
        <f>IF(AND('Cambios Auto'!FD9&lt;0,'Indices Auto'!FE9&lt;100),"V",IF(AND('Cambios Auto'!FD9&lt;0,'Indices Auto'!FE9&gt;100),"A",IF(AND('Cambios Auto'!FD9&gt;0,'Indices Auto'!FE9&lt;100),"N",IF(AND('Cambios Auto'!FD9&gt;0,'Indices Auto'!FE9&gt;100),"R","NULL"))))</f>
        <v>A</v>
      </c>
      <c r="FE9" s="2" t="str">
        <f>IF(AND('Cambios Auto'!FE9&lt;0,'Indices Auto'!FF9&lt;100),"V",IF(AND('Cambios Auto'!FE9&lt;0,'Indices Auto'!FF9&gt;100),"A",IF(AND('Cambios Auto'!FE9&gt;0,'Indices Auto'!FF9&lt;100),"N",IF(AND('Cambios Auto'!FE9&gt;0,'Indices Auto'!FF9&gt;100),"R","NULL"))))</f>
        <v>V</v>
      </c>
      <c r="FF9" s="2" t="str">
        <f>IF(AND('Cambios Auto'!FF9&lt;0,'Indices Auto'!FG9&lt;100),"V",IF(AND('Cambios Auto'!FF9&lt;0,'Indices Auto'!FG9&gt;100),"A",IF(AND('Cambios Auto'!FF9&gt;0,'Indices Auto'!FG9&lt;100),"N",IF(AND('Cambios Auto'!FF9&gt;0,'Indices Auto'!FG9&gt;100),"R","NULL"))))</f>
        <v>V</v>
      </c>
      <c r="FG9" s="2" t="str">
        <f>IF(AND('Cambios Auto'!FG9&lt;0,'Indices Auto'!FH9&lt;100),"V",IF(AND('Cambios Auto'!FG9&lt;0,'Indices Auto'!FH9&gt;100),"A",IF(AND('Cambios Auto'!FG9&gt;0,'Indices Auto'!FH9&lt;100),"N",IF(AND('Cambios Auto'!FG9&gt;0,'Indices Auto'!FH9&gt;100),"R","NULL"))))</f>
        <v>V</v>
      </c>
      <c r="FH9" s="2" t="str">
        <f>IF(AND('Cambios Auto'!FH9&lt;0,'Indices Auto'!FI9&lt;100),"V",IF(AND('Cambios Auto'!FH9&lt;0,'Indices Auto'!FI9&gt;100),"A",IF(AND('Cambios Auto'!FH9&gt;0,'Indices Auto'!FI9&lt;100),"N",IF(AND('Cambios Auto'!FH9&gt;0,'Indices Auto'!FI9&gt;100),"R","NULL"))))</f>
        <v>V</v>
      </c>
      <c r="FI9" s="2" t="str">
        <f>IF(AND('Cambios Auto'!FI9&lt;0,'Indices Auto'!FJ9&lt;100),"V",IF(AND('Cambios Auto'!FI9&lt;0,'Indices Auto'!FJ9&gt;100),"A",IF(AND('Cambios Auto'!FI9&gt;0,'Indices Auto'!FJ9&lt;100),"N",IF(AND('Cambios Auto'!FI9&gt;0,'Indices Auto'!FJ9&gt;100),"R","NULL"))))</f>
        <v>V</v>
      </c>
      <c r="FJ9" s="2" t="str">
        <f>IF(AND('Cambios Auto'!FJ9&lt;0,'Indices Auto'!FK9&lt;100),"V",IF(AND('Cambios Auto'!FJ9&lt;0,'Indices Auto'!FK9&gt;100),"A",IF(AND('Cambios Auto'!FJ9&gt;0,'Indices Auto'!FK9&lt;100),"N",IF(AND('Cambios Auto'!FJ9&gt;0,'Indices Auto'!FK9&gt;100),"R","NULL"))))</f>
        <v>N</v>
      </c>
      <c r="FK9" s="2" t="str">
        <f>IF(AND('Cambios Auto'!FK9&lt;0,'Indices Auto'!FL9&lt;100),"V",IF(AND('Cambios Auto'!FK9&lt;0,'Indices Auto'!FL9&gt;100),"A",IF(AND('Cambios Auto'!FK9&gt;0,'Indices Auto'!FL9&lt;100),"N",IF(AND('Cambios Auto'!FK9&gt;0,'Indices Auto'!FL9&gt;100),"R","NULL"))))</f>
        <v>N</v>
      </c>
      <c r="FL9" s="2" t="str">
        <f>IF(AND('Cambios Auto'!FL9&lt;0,'Indices Auto'!FM9&lt;100),"V",IF(AND('Cambios Auto'!FL9&lt;0,'Indices Auto'!FM9&gt;100),"A",IF(AND('Cambios Auto'!FL9&gt;0,'Indices Auto'!FM9&lt;100),"N",IF(AND('Cambios Auto'!FL9&gt;0,'Indices Auto'!FM9&gt;100),"R","NULL"))))</f>
        <v>R</v>
      </c>
      <c r="FM9" s="2" t="str">
        <f>IF(AND('Cambios Auto'!FM9&lt;0,'Indices Auto'!FN9&lt;100),"V",IF(AND('Cambios Auto'!FM9&lt;0,'Indices Auto'!FN9&gt;100),"A",IF(AND('Cambios Auto'!FM9&gt;0,'Indices Auto'!FN9&lt;100),"N",IF(AND('Cambios Auto'!FM9&gt;0,'Indices Auto'!FN9&gt;100),"R","NULL"))))</f>
        <v>R</v>
      </c>
      <c r="FN9" s="2" t="str">
        <f>IF(AND('Cambios Auto'!FN9&lt;0,'Indices Auto'!FO9&lt;100),"V",IF(AND('Cambios Auto'!FN9&lt;0,'Indices Auto'!FO9&gt;100),"A",IF(AND('Cambios Auto'!FN9&gt;0,'Indices Auto'!FO9&lt;100),"N",IF(AND('Cambios Auto'!FN9&gt;0,'Indices Auto'!FO9&gt;100),"R","NULL"))))</f>
        <v>R</v>
      </c>
      <c r="FO9" s="2" t="str">
        <f>IF(AND('Cambios Auto'!FO9&lt;0,'Indices Auto'!FP9&lt;100),"V",IF(AND('Cambios Auto'!FO9&lt;0,'Indices Auto'!FP9&gt;100),"A",IF(AND('Cambios Auto'!FO9&gt;0,'Indices Auto'!FP9&lt;100),"N",IF(AND('Cambios Auto'!FO9&gt;0,'Indices Auto'!FP9&gt;100),"R","NULL"))))</f>
        <v>R</v>
      </c>
      <c r="FP9" s="2" t="str">
        <f>IF(AND('Cambios Auto'!FP9&lt;0,'Indices Auto'!FQ9&lt;100),"V",IF(AND('Cambios Auto'!FP9&lt;0,'Indices Auto'!FQ9&gt;100),"A",IF(AND('Cambios Auto'!FP9&gt;0,'Indices Auto'!FQ9&lt;100),"N",IF(AND('Cambios Auto'!FP9&gt;0,'Indices Auto'!FQ9&gt;100),"R","NULL"))))</f>
        <v>R</v>
      </c>
      <c r="FQ9" s="2" t="str">
        <f>IF(AND('Cambios Auto'!FQ9&lt;0,'Indices Auto'!FR9&lt;100),"V",IF(AND('Cambios Auto'!FQ9&lt;0,'Indices Auto'!FR9&gt;100),"A",IF(AND('Cambios Auto'!FQ9&gt;0,'Indices Auto'!FR9&lt;100),"N",IF(AND('Cambios Auto'!FQ9&gt;0,'Indices Auto'!FR9&gt;100),"R","NULL"))))</f>
        <v>R</v>
      </c>
      <c r="FR9" s="2" t="str">
        <f>IF(AND('Cambios Auto'!FR9&lt;0,'Indices Auto'!FS9&lt;100),"V",IF(AND('Cambios Auto'!FR9&lt;0,'Indices Auto'!FS9&gt;100),"A",IF(AND('Cambios Auto'!FR9&gt;0,'Indices Auto'!FS9&lt;100),"N",IF(AND('Cambios Auto'!FR9&gt;0,'Indices Auto'!FS9&gt;100),"R","NULL"))))</f>
        <v>R</v>
      </c>
      <c r="FS9" s="2" t="str">
        <f>IF(AND('Cambios Auto'!FS9&lt;0,'Indices Auto'!FT9&lt;100),"V",IF(AND('Cambios Auto'!FS9&lt;0,'Indices Auto'!FT9&gt;100),"A",IF(AND('Cambios Auto'!FS9&gt;0,'Indices Auto'!FT9&lt;100),"N",IF(AND('Cambios Auto'!FS9&gt;0,'Indices Auto'!FT9&gt;100),"R","NULL"))))</f>
        <v>A</v>
      </c>
      <c r="FT9" s="2" t="str">
        <f>IF(AND('Cambios Auto'!FT9&lt;0,'Indices Auto'!FU9&lt;100),"V",IF(AND('Cambios Auto'!FT9&lt;0,'Indices Auto'!FU9&gt;100),"A",IF(AND('Cambios Auto'!FT9&gt;0,'Indices Auto'!FU9&lt;100),"N",IF(AND('Cambios Auto'!FT9&gt;0,'Indices Auto'!FU9&gt;100),"R","NULL"))))</f>
        <v>A</v>
      </c>
      <c r="FU9" s="2" t="str">
        <f>IF(AND('Cambios Auto'!FU9&lt;0,'Indices Auto'!FV9&lt;100),"V",IF(AND('Cambios Auto'!FU9&lt;0,'Indices Auto'!FV9&gt;100),"A",IF(AND('Cambios Auto'!FU9&gt;0,'Indices Auto'!FV9&lt;100),"N",IF(AND('Cambios Auto'!FU9&gt;0,'Indices Auto'!FV9&gt;100),"R","NULL"))))</f>
        <v>A</v>
      </c>
      <c r="FV9" s="2" t="str">
        <f>IF(AND('Cambios Auto'!FV9&lt;0,'Indices Auto'!FW9&lt;100),"V",IF(AND('Cambios Auto'!FV9&lt;0,'Indices Auto'!FW9&gt;100),"A",IF(AND('Cambios Auto'!FV9&gt;0,'Indices Auto'!FW9&lt;100),"N",IF(AND('Cambios Auto'!FV9&gt;0,'Indices Auto'!FW9&gt;100),"R","NULL"))))</f>
        <v>A</v>
      </c>
      <c r="FW9" s="2" t="str">
        <f>IF(AND('Cambios Auto'!FW9&lt;0,'Indices Auto'!FX9&lt;100),"V",IF(AND('Cambios Auto'!FW9&lt;0,'Indices Auto'!FX9&gt;100),"A",IF(AND('Cambios Auto'!FW9&gt;0,'Indices Auto'!FX9&lt;100),"N",IF(AND('Cambios Auto'!FW9&gt;0,'Indices Auto'!FX9&gt;100),"R","NULL"))))</f>
        <v>V</v>
      </c>
      <c r="FX9" s="2" t="str">
        <f>IF(AND('Cambios Auto'!FX9&lt;0,'Indices Auto'!FY9&lt;100),"V",IF(AND('Cambios Auto'!FX9&lt;0,'Indices Auto'!FY9&gt;100),"A",IF(AND('Cambios Auto'!FX9&gt;0,'Indices Auto'!FY9&lt;100),"N",IF(AND('Cambios Auto'!FX9&gt;0,'Indices Auto'!FY9&gt;100),"R","NULL"))))</f>
        <v>V</v>
      </c>
      <c r="FY9" s="2" t="str">
        <f>IF(AND('Cambios Auto'!FY9&lt;0,'Indices Auto'!FZ9&lt;100),"V",IF(AND('Cambios Auto'!FY9&lt;0,'Indices Auto'!FZ9&gt;100),"A",IF(AND('Cambios Auto'!FY9&gt;0,'Indices Auto'!FZ9&lt;100),"N",IF(AND('Cambios Auto'!FY9&gt;0,'Indices Auto'!FZ9&gt;100),"R","NULL"))))</f>
        <v>V</v>
      </c>
      <c r="FZ9" s="2" t="str">
        <f>IF(AND('Cambios Auto'!FZ9&lt;0,'Indices Auto'!GA9&lt;100),"V",IF(AND('Cambios Auto'!FZ9&lt;0,'Indices Auto'!GA9&gt;100),"A",IF(AND('Cambios Auto'!FZ9&gt;0,'Indices Auto'!GA9&lt;100),"N",IF(AND('Cambios Auto'!FZ9&gt;0,'Indices Auto'!GA9&gt;100),"R","NULL"))))</f>
        <v>V</v>
      </c>
      <c r="GA9" s="2" t="str">
        <f>IF(AND('Cambios Auto'!GA9&lt;0,'Indices Auto'!GB9&lt;100),"V",IF(AND('Cambios Auto'!GA9&lt;0,'Indices Auto'!GB9&gt;100),"A",IF(AND('Cambios Auto'!GA9&gt;0,'Indices Auto'!GB9&lt;100),"N",IF(AND('Cambios Auto'!GA9&gt;0,'Indices Auto'!GB9&gt;100),"R","NULL"))))</f>
        <v>V</v>
      </c>
      <c r="GB9" s="2" t="str">
        <f>IF(AND('Cambios Auto'!GB9&lt;0,'Indices Auto'!GC9&lt;100),"V",IF(AND('Cambios Auto'!GB9&lt;0,'Indices Auto'!GC9&gt;100),"A",IF(AND('Cambios Auto'!GB9&gt;0,'Indices Auto'!GC9&lt;100),"N",IF(AND('Cambios Auto'!GB9&gt;0,'Indices Auto'!GC9&gt;100),"R","NULL"))))</f>
        <v>N</v>
      </c>
      <c r="GC9" s="2" t="str">
        <f>IF(AND('Cambios Auto'!GC9&lt;0,'Indices Auto'!GD9&lt;100),"V",IF(AND('Cambios Auto'!GC9&lt;0,'Indices Auto'!GD9&gt;100),"A",IF(AND('Cambios Auto'!GC9&gt;0,'Indices Auto'!GD9&lt;100),"N",IF(AND('Cambios Auto'!GC9&gt;0,'Indices Auto'!GD9&gt;100),"R","NULL"))))</f>
        <v>N</v>
      </c>
      <c r="GD9" s="2" t="str">
        <f>IF(AND('Cambios Auto'!GD9&lt;0,'Indices Auto'!GE9&lt;100),"V",IF(AND('Cambios Auto'!GD9&lt;0,'Indices Auto'!GE9&gt;100),"A",IF(AND('Cambios Auto'!GD9&gt;0,'Indices Auto'!GE9&lt;100),"N",IF(AND('Cambios Auto'!GD9&gt;0,'Indices Auto'!GE9&gt;100),"R","NULL"))))</f>
        <v>N</v>
      </c>
      <c r="GE9" s="2" t="str">
        <f>IF(AND('Cambios Auto'!GE9&lt;0,'Indices Auto'!GF9&lt;100),"V",IF(AND('Cambios Auto'!GE9&lt;0,'Indices Auto'!GF9&gt;100),"A",IF(AND('Cambios Auto'!GE9&gt;0,'Indices Auto'!GF9&lt;100),"N",IF(AND('Cambios Auto'!GE9&gt;0,'Indices Auto'!GF9&gt;100),"R","NULL"))))</f>
        <v>N</v>
      </c>
      <c r="GF9" s="2" t="str">
        <f>IF(AND('Cambios Auto'!GF9&lt;0,'Indices Auto'!GG9&lt;100),"V",IF(AND('Cambios Auto'!GF9&lt;0,'Indices Auto'!GG9&gt;100),"A",IF(AND('Cambios Auto'!GF9&gt;0,'Indices Auto'!GG9&lt;100),"N",IF(AND('Cambios Auto'!GF9&gt;0,'Indices Auto'!GG9&gt;100),"R","NULL"))))</f>
        <v>N</v>
      </c>
      <c r="GG9" s="2" t="str">
        <f>IF(AND('Cambios Auto'!GG9&lt;0,'Indices Auto'!GH9&lt;100),"V",IF(AND('Cambios Auto'!GG9&lt;0,'Indices Auto'!GH9&gt;100),"A",IF(AND('Cambios Auto'!GG9&gt;0,'Indices Auto'!GH9&lt;100),"N",IF(AND('Cambios Auto'!GG9&gt;0,'Indices Auto'!GH9&gt;100),"R","NULL"))))</f>
        <v>N</v>
      </c>
      <c r="GH9" s="2" t="str">
        <f>IF(AND('Cambios Auto'!GH9&lt;0,'Indices Auto'!GR9&lt;100),"V",IF(AND('Cambios Auto'!GH9&lt;0,'Indices Auto'!GR9&gt;100),"A",IF(AND('Cambios Auto'!GH9&gt;0,'Indices Auto'!GR9&lt;100),"N",IF(AND('Cambios Auto'!GH9&gt;0,'Indices Auto'!GR9&gt;100),"R","NULL"))))</f>
        <v>V</v>
      </c>
      <c r="GI9" s="2" t="str">
        <f>IF(AND('Cambios Auto'!GI9&lt;0,'Indices Auto'!GS9&lt;100),"V",IF(AND('Cambios Auto'!GI9&lt;0,'Indices Auto'!GS9&gt;100),"A",IF(AND('Cambios Auto'!GI9&gt;0,'Indices Auto'!GS9&lt;100),"N",IF(AND('Cambios Auto'!GI9&gt;0,'Indices Auto'!GS9&gt;100),"R","NULL"))))</f>
        <v>V</v>
      </c>
      <c r="GJ9" s="2" t="str">
        <f>IF(AND('Cambios Auto'!GJ9&lt;0,'Indices Auto'!GT9&lt;100),"V",IF(AND('Cambios Auto'!GJ9&lt;0,'Indices Auto'!GT9&gt;100),"A",IF(AND('Cambios Auto'!GJ9&gt;0,'Indices Auto'!GT9&lt;100),"N",IF(AND('Cambios Auto'!GJ9&gt;0,'Indices Auto'!GT9&gt;100),"R","NULL"))))</f>
        <v>V</v>
      </c>
      <c r="GK9" s="2" t="str">
        <f>IF(AND('Cambios Auto'!GK9&lt;0,'Indices Auto'!GU9&lt;100),"V",IF(AND('Cambios Auto'!GK9&lt;0,'Indices Auto'!GU9&gt;100),"A",IF(AND('Cambios Auto'!GK9&gt;0,'Indices Auto'!GU9&lt;100),"N",IF(AND('Cambios Auto'!GK9&gt;0,'Indices Auto'!GU9&gt;100),"R","NULL"))))</f>
        <v>V</v>
      </c>
      <c r="GL9" s="2" t="str">
        <f>IF(AND('Cambios Auto'!GL9&lt;0,'Indices Auto'!GV9&lt;100),"V",IF(AND('Cambios Auto'!GL9&lt;0,'Indices Auto'!GV9&gt;100),"A",IF(AND('Cambios Auto'!GL9&gt;0,'Indices Auto'!GV9&lt;100),"N",IF(AND('Cambios Auto'!GL9&gt;0,'Indices Auto'!GV9&gt;100),"R","NULL"))))</f>
        <v>V</v>
      </c>
      <c r="GM9" s="2" t="str">
        <f>IF(AND('Cambios Auto'!GM9&lt;0,'Indices Auto'!GW9&lt;100),"V",IF(AND('Cambios Auto'!GM9&lt;0,'Indices Auto'!GW9&gt;100),"A",IF(AND('Cambios Auto'!GM9&gt;0,'Indices Auto'!GW9&lt;100),"N",IF(AND('Cambios Auto'!GM9&gt;0,'Indices Auto'!GW9&gt;100),"R","NULL"))))</f>
        <v>V</v>
      </c>
      <c r="GN9" s="2" t="str">
        <f>IF(AND('Cambios Auto'!GN9&lt;0,'Indices Auto'!GX9&lt;100),"V",IF(AND('Cambios Auto'!GN9&lt;0,'Indices Auto'!GX9&gt;100),"A",IF(AND('Cambios Auto'!GN9&gt;0,'Indices Auto'!GX9&lt;100),"N",IF(AND('Cambios Auto'!GN9&gt;0,'Indices Auto'!GX9&gt;100),"R","NULL"))))</f>
        <v>V</v>
      </c>
      <c r="GO9" s="2" t="str">
        <f>IF(AND('Cambios Auto'!GO9&lt;0,'Indices Auto'!GY9&lt;100),"V",IF(AND('Cambios Auto'!GO9&lt;0,'Indices Auto'!GY9&gt;100),"A",IF(AND('Cambios Auto'!GO9&gt;0,'Indices Auto'!GY9&lt;100),"N",IF(AND('Cambios Auto'!GO9&gt;0,'Indices Auto'!GY9&gt;100),"R","NULL"))))</f>
        <v>N</v>
      </c>
      <c r="GP9" s="2" t="str">
        <f>IF(AND('Cambios Auto'!GP9&lt;0,'Indices Auto'!GZ9&lt;100),"V",IF(AND('Cambios Auto'!GP9&lt;0,'Indices Auto'!GZ9&gt;100),"A",IF(AND('Cambios Auto'!GP9&gt;0,'Indices Auto'!GZ9&lt;100),"N",IF(AND('Cambios Auto'!GP9&gt;0,'Indices Auto'!GZ9&gt;100),"R","NULL"))))</f>
        <v>N</v>
      </c>
      <c r="GQ9" s="2" t="str">
        <f>IF(AND('Cambios Auto'!GQ9&lt;0,'Indices Auto'!HA9&lt;100),"V",IF(AND('Cambios Auto'!GQ9&lt;0,'Indices Auto'!HA9&gt;100),"A",IF(AND('Cambios Auto'!GQ9&gt;0,'Indices Auto'!HA9&lt;100),"N",IF(AND('Cambios Auto'!GQ9&gt;0,'Indices Auto'!HA9&gt;100),"R","NULL"))))</f>
        <v>NULL</v>
      </c>
      <c r="GR9" s="2" t="str">
        <f>IF(AND('Cambios Auto'!GR9&lt;0,'Indices Auto'!HB9&lt;100),"V",IF(AND('Cambios Auto'!GR9&lt;0,'Indices Auto'!HB9&gt;100),"A",IF(AND('Cambios Auto'!GR9&gt;0,'Indices Auto'!HB9&lt;100),"N",IF(AND('Cambios Auto'!GR9&gt;0,'Indices Auto'!HB9&gt;100),"R","NULL"))))</f>
        <v>NULL</v>
      </c>
      <c r="GS9" s="2" t="str">
        <f>IF(AND('Cambios Auto'!GS9&lt;0,'Indices Auto'!HC9&lt;100),"V",IF(AND('Cambios Auto'!GS9&lt;0,'Indices Auto'!HC9&gt;100),"A",IF(AND('Cambios Auto'!GS9&gt;0,'Indices Auto'!HC9&lt;100),"N",IF(AND('Cambios Auto'!GS9&gt;0,'Indices Auto'!HC9&gt;100),"R","NULL"))))</f>
        <v>NULL</v>
      </c>
      <c r="GT9" s="2" t="str">
        <f>IF(AND('Cambios Auto'!GT9&lt;0,'Indices Auto'!HD9&lt;100),"V",IF(AND('Cambios Auto'!GT9&lt;0,'Indices Auto'!HD9&gt;100),"A",IF(AND('Cambios Auto'!GT9&gt;0,'Indices Auto'!HD9&lt;100),"N",IF(AND('Cambios Auto'!GT9&gt;0,'Indices Auto'!HD9&gt;100),"R","NULL"))))</f>
        <v>NULL</v>
      </c>
      <c r="GU9" s="2" t="str">
        <f>IF(AND('Cambios Auto'!GU9&lt;0,'Indices Auto'!HE9&lt;100),"V",IF(AND('Cambios Auto'!GU9&lt;0,'Indices Auto'!HE9&gt;100),"A",IF(AND('Cambios Auto'!GU9&gt;0,'Indices Auto'!HE9&lt;100),"N",IF(AND('Cambios Auto'!GU9&gt;0,'Indices Auto'!HE9&gt;100),"R","NULL"))))</f>
        <v>NULL</v>
      </c>
      <c r="GV9" s="2" t="str">
        <f>IF(AND('Cambios Auto'!GV9&lt;0,'Indices Auto'!HF9&lt;100),"V",IF(AND('Cambios Auto'!GV9&lt;0,'Indices Auto'!HF9&gt;100),"A",IF(AND('Cambios Auto'!GV9&gt;0,'Indices Auto'!HF9&lt;100),"N",IF(AND('Cambios Auto'!GV9&gt;0,'Indices Auto'!HF9&gt;100),"R","NULL"))))</f>
        <v>NULL</v>
      </c>
      <c r="GW9" s="2" t="str">
        <f>IF(AND('Cambios Auto'!GW9&lt;0,'Indices Auto'!HG9&lt;100),"V",IF(AND('Cambios Auto'!GW9&lt;0,'Indices Auto'!HG9&gt;100),"A",IF(AND('Cambios Auto'!GW9&gt;0,'Indices Auto'!HG9&lt;100),"N",IF(AND('Cambios Auto'!GW9&gt;0,'Indices Auto'!HG9&gt;100),"R","NULL"))))</f>
        <v>NULL</v>
      </c>
      <c r="GX9" s="2" t="str">
        <f>IF(AND('Cambios Auto'!GX9&lt;0,'Indices Auto'!HH9&lt;100),"V",IF(AND('Cambios Auto'!GX9&lt;0,'Indices Auto'!HH9&gt;100),"A",IF(AND('Cambios Auto'!GX9&gt;0,'Indices Auto'!HH9&lt;100),"N",IF(AND('Cambios Auto'!GX9&gt;0,'Indices Auto'!HH9&gt;100),"R","NULL"))))</f>
        <v>NULL</v>
      </c>
      <c r="GY9" s="2" t="str">
        <f>IF(AND('Cambios Auto'!GY9&lt;0,'Indices Auto'!HI9&lt;100),"V",IF(AND('Cambios Auto'!GY9&lt;0,'Indices Auto'!HI9&gt;100),"A",IF(AND('Cambios Auto'!GY9&gt;0,'Indices Auto'!HI9&lt;100),"N",IF(AND('Cambios Auto'!GY9&gt;0,'Indices Auto'!HI9&gt;100),"R","NULL"))))</f>
        <v>NULL</v>
      </c>
      <c r="GZ9" s="2" t="str">
        <f>IF(AND('Cambios Auto'!GZ9&lt;0,'Indices Auto'!HJ9&lt;100),"V",IF(AND('Cambios Auto'!GZ9&lt;0,'Indices Auto'!HJ9&gt;100),"A",IF(AND('Cambios Auto'!GZ9&gt;0,'Indices Auto'!HJ9&lt;100),"N",IF(AND('Cambios Auto'!GZ9&gt;0,'Indices Auto'!HJ9&gt;100),"R","NULL"))))</f>
        <v>NULL</v>
      </c>
      <c r="HA9" s="2" t="str">
        <f>IF(AND('Cambios Auto'!HA9&lt;0,'Indices Auto'!HK9&lt;100),"V",IF(AND('Cambios Auto'!HA9&lt;0,'Indices Auto'!HK9&gt;100),"A",IF(AND('Cambios Auto'!HA9&gt;0,'Indices Auto'!HK9&lt;100),"N",IF(AND('Cambios Auto'!HA9&gt;0,'Indices Auto'!HK9&gt;100),"R","NULL"))))</f>
        <v>NULL</v>
      </c>
      <c r="HB9" s="2" t="str">
        <f>IF(AND('Cambios Auto'!HB9&lt;0,'Indices Auto'!HL9&lt;100),"V",IF(AND('Cambios Auto'!HB9&lt;0,'Indices Auto'!HL9&gt;100),"A",IF(AND('Cambios Auto'!HB9&gt;0,'Indices Auto'!HL9&lt;100),"N",IF(AND('Cambios Auto'!HB9&gt;0,'Indices Auto'!HL9&gt;100),"R","NULL"))))</f>
        <v>NULL</v>
      </c>
      <c r="HC9" s="2" t="str">
        <f>IF(AND('Cambios Auto'!HC9&lt;0,'Indices Auto'!HM9&lt;100),"V",IF(AND('Cambios Auto'!HC9&lt;0,'Indices Auto'!HM9&gt;100),"A",IF(AND('Cambios Auto'!HC9&gt;0,'Indices Auto'!HM9&lt;100),"N",IF(AND('Cambios Auto'!HC9&gt;0,'Indices Auto'!HM9&gt;100),"R","NULL"))))</f>
        <v>NULL</v>
      </c>
      <c r="HD9" s="2" t="str">
        <f>IF(AND('Cambios Auto'!HD9&lt;0,'Indices Auto'!HN9&lt;100),"V",IF(AND('Cambios Auto'!HD9&lt;0,'Indices Auto'!HN9&gt;100),"A",IF(AND('Cambios Auto'!HD9&gt;0,'Indices Auto'!HN9&lt;100),"N",IF(AND('Cambios Auto'!HD9&gt;0,'Indices Auto'!HN9&gt;100),"R","NULL"))))</f>
        <v>NULL</v>
      </c>
      <c r="HE9" s="2" t="str">
        <f>IF(AND('Cambios Auto'!HE9&lt;0,'Indices Auto'!HO9&lt;100),"V",IF(AND('Cambios Auto'!HE9&lt;0,'Indices Auto'!HO9&gt;100),"A",IF(AND('Cambios Auto'!HE9&gt;0,'Indices Auto'!HO9&lt;100),"N",IF(AND('Cambios Auto'!HE9&gt;0,'Indices Auto'!HO9&gt;100),"R","NULL"))))</f>
        <v>NULL</v>
      </c>
      <c r="HF9" s="2" t="str">
        <f>IF(AND('Cambios Auto'!HF9&lt;0,'Indices Auto'!HP9&lt;100),"V",IF(AND('Cambios Auto'!HF9&lt;0,'Indices Auto'!HP9&gt;100),"A",IF(AND('Cambios Auto'!HF9&gt;0,'Indices Auto'!HP9&lt;100),"N",IF(AND('Cambios Auto'!HF9&gt;0,'Indices Auto'!HP9&gt;100),"R","NULL"))))</f>
        <v>NULL</v>
      </c>
      <c r="HG9" s="2" t="str">
        <f>IF(AND('Cambios Auto'!HG9&lt;0,'Indices Auto'!HQ9&lt;100),"V",IF(AND('Cambios Auto'!HG9&lt;0,'Indices Auto'!HQ9&gt;100),"A",IF(AND('Cambios Auto'!HG9&gt;0,'Indices Auto'!HQ9&lt;100),"N",IF(AND('Cambios Auto'!HG9&gt;0,'Indices Auto'!HQ9&gt;100),"R","NULL"))))</f>
        <v>NULL</v>
      </c>
      <c r="HH9" s="2" t="str">
        <f>IF(AND('Cambios Auto'!HH9&lt;0,'Indices Auto'!HR9&lt;100),"V",IF(AND('Cambios Auto'!HH9&lt;0,'Indices Auto'!HR9&gt;100),"A",IF(AND('Cambios Auto'!HH9&gt;0,'Indices Auto'!HR9&lt;100),"N",IF(AND('Cambios Auto'!HH9&gt;0,'Indices Auto'!HR9&gt;100),"R","NULL"))))</f>
        <v>NULL</v>
      </c>
      <c r="HI9" s="2" t="str">
        <f>IF(AND('Cambios Auto'!HI9&lt;0,'Indices Auto'!HS9&lt;100),"V",IF(AND('Cambios Auto'!HI9&lt;0,'Indices Auto'!HS9&gt;100),"A",IF(AND('Cambios Auto'!HI9&gt;0,'Indices Auto'!HS9&lt;100),"N",IF(AND('Cambios Auto'!HI9&gt;0,'Indices Auto'!HS9&gt;100),"R","NULL"))))</f>
        <v>NULL</v>
      </c>
      <c r="HJ9" s="2" t="str">
        <f>IF(AND('Cambios Auto'!HJ9&lt;0,'Indices Auto'!HT9&lt;100),"V",IF(AND('Cambios Auto'!HJ9&lt;0,'Indices Auto'!HT9&gt;100),"A",IF(AND('Cambios Auto'!HJ9&gt;0,'Indices Auto'!HT9&lt;100),"N",IF(AND('Cambios Auto'!HJ9&gt;0,'Indices Auto'!HT9&gt;100),"R","NULL"))))</f>
        <v>NULL</v>
      </c>
      <c r="HK9" s="2" t="str">
        <f>IF(AND('Cambios Auto'!HK9&lt;0,'Indices Auto'!HU9&lt;100),"V",IF(AND('Cambios Auto'!HK9&lt;0,'Indices Auto'!HU9&gt;100),"A",IF(AND('Cambios Auto'!HK9&gt;0,'Indices Auto'!HU9&lt;100),"N",IF(AND('Cambios Auto'!HK9&gt;0,'Indices Auto'!HU9&gt;100),"R","NULL"))))</f>
        <v>NULL</v>
      </c>
      <c r="HL9" s="2" t="str">
        <f>IF(AND('Cambios Auto'!HL9&lt;0,'Indices Auto'!HV9&lt;100),"V",IF(AND('Cambios Auto'!HL9&lt;0,'Indices Auto'!HV9&gt;100),"A",IF(AND('Cambios Auto'!HL9&gt;0,'Indices Auto'!HV9&lt;100),"N",IF(AND('Cambios Auto'!HL9&gt;0,'Indices Auto'!HV9&gt;100),"R","NULL"))))</f>
        <v>NULL</v>
      </c>
      <c r="HM9" s="2" t="str">
        <f>IF(AND('Cambios Auto'!HM9&lt;0,'Indices Auto'!HW9&lt;100),"V",IF(AND('Cambios Auto'!HM9&lt;0,'Indices Auto'!HW9&gt;100),"A",IF(AND('Cambios Auto'!HM9&gt;0,'Indices Auto'!HW9&lt;100),"N",IF(AND('Cambios Auto'!HM9&gt;0,'Indices Auto'!HW9&gt;100),"R","NULL"))))</f>
        <v>NULL</v>
      </c>
      <c r="HN9" s="2" t="str">
        <f>IF(AND('Cambios Auto'!HN9&lt;0,'Indices Auto'!HX9&lt;100),"V",IF(AND('Cambios Auto'!HN9&lt;0,'Indices Auto'!HX9&gt;100),"A",IF(AND('Cambios Auto'!HN9&gt;0,'Indices Auto'!HX9&lt;100),"N",IF(AND('Cambios Auto'!HN9&gt;0,'Indices Auto'!HX9&gt;100),"R","NULL"))))</f>
        <v>NULL</v>
      </c>
      <c r="HO9" s="2" t="str">
        <f>IF(AND('Cambios Auto'!HO9&lt;0,'Indices Auto'!HY9&lt;100),"V",IF(AND('Cambios Auto'!HO9&lt;0,'Indices Auto'!HY9&gt;100),"A",IF(AND('Cambios Auto'!HO9&gt;0,'Indices Auto'!HY9&lt;100),"N",IF(AND('Cambios Auto'!HO9&gt;0,'Indices Auto'!HY9&gt;100),"R","NULL"))))</f>
        <v>NULL</v>
      </c>
      <c r="HP9" s="2" t="str">
        <f>IF(AND('Cambios Auto'!HP9&lt;0,'Indices Auto'!HZ9&lt;100),"V",IF(AND('Cambios Auto'!HP9&lt;0,'Indices Auto'!HZ9&gt;100),"A",IF(AND('Cambios Auto'!HP9&gt;0,'Indices Auto'!HZ9&lt;100),"N",IF(AND('Cambios Auto'!HP9&gt;0,'Indices Auto'!HZ9&gt;100),"R","NULL"))))</f>
        <v>NULL</v>
      </c>
      <c r="HQ9" s="2" t="str">
        <f>IF(AND('Cambios Auto'!HQ9&lt;0,'Indices Auto'!IA9&lt;100),"V",IF(AND('Cambios Auto'!HQ9&lt;0,'Indices Auto'!IA9&gt;100),"A",IF(AND('Cambios Auto'!HQ9&gt;0,'Indices Auto'!IA9&lt;100),"N",IF(AND('Cambios Auto'!HQ9&gt;0,'Indices Auto'!IA9&gt;100),"R","NULL"))))</f>
        <v>NULL</v>
      </c>
      <c r="HR9" s="2" t="str">
        <f>IF(AND('Cambios Auto'!HR9&lt;0,'Indices Auto'!IB9&lt;100),"V",IF(AND('Cambios Auto'!HR9&lt;0,'Indices Auto'!IB9&gt;100),"A",IF(AND('Cambios Auto'!HR9&gt;0,'Indices Auto'!IB9&lt;100),"N",IF(AND('Cambios Auto'!HR9&gt;0,'Indices Auto'!IB9&gt;100),"R","NULL"))))</f>
        <v>NULL</v>
      </c>
      <c r="HS9" s="2" t="str">
        <f>IF(AND('Cambios Auto'!HS9&lt;0,'Indices Auto'!IC9&lt;100),"V",IF(AND('Cambios Auto'!HS9&lt;0,'Indices Auto'!IC9&gt;100),"A",IF(AND('Cambios Auto'!HS9&gt;0,'Indices Auto'!IC9&lt;100),"N",IF(AND('Cambios Auto'!HS9&gt;0,'Indices Auto'!IC9&gt;100),"R","NULL"))))</f>
        <v>NULL</v>
      </c>
      <c r="HT9" s="2" t="str">
        <f>IF(AND('Cambios Auto'!HT9&lt;0,'Indices Auto'!ID9&lt;100),"V",IF(AND('Cambios Auto'!HT9&lt;0,'Indices Auto'!ID9&gt;100),"A",IF(AND('Cambios Auto'!HT9&gt;0,'Indices Auto'!ID9&lt;100),"N",IF(AND('Cambios Auto'!HT9&gt;0,'Indices Auto'!ID9&gt;100),"R","NULL"))))</f>
        <v>NULL</v>
      </c>
      <c r="HU9" s="2" t="str">
        <f>IF(AND('Cambios Auto'!HU9&lt;0,'Indices Auto'!IE9&lt;100),"V",IF(AND('Cambios Auto'!HU9&lt;0,'Indices Auto'!IE9&gt;100),"A",IF(AND('Cambios Auto'!HU9&gt;0,'Indices Auto'!IE9&lt;100),"N",IF(AND('Cambios Auto'!HU9&gt;0,'Indices Auto'!IE9&gt;100),"R","NULL"))))</f>
        <v>NULL</v>
      </c>
      <c r="HV9" s="2" t="str">
        <f>IF(AND('Cambios Auto'!HV9&lt;0,'Indices Auto'!IF9&lt;100),"V",IF(AND('Cambios Auto'!HV9&lt;0,'Indices Auto'!IF9&gt;100),"A",IF(AND('Cambios Auto'!HV9&gt;0,'Indices Auto'!IF9&lt;100),"N",IF(AND('Cambios Auto'!HV9&gt;0,'Indices Auto'!IF9&gt;100),"R","NULL"))))</f>
        <v>NULL</v>
      </c>
      <c r="HW9" s="2" t="str">
        <f>IF(AND('Cambios Auto'!HW9&lt;0,'Indices Auto'!IG9&lt;100),"V",IF(AND('Cambios Auto'!HW9&lt;0,'Indices Auto'!IG9&gt;100),"A",IF(AND('Cambios Auto'!HW9&gt;0,'Indices Auto'!IG9&lt;100),"N",IF(AND('Cambios Auto'!HW9&gt;0,'Indices Auto'!IG9&gt;100),"R","NULL"))))</f>
        <v>NULL</v>
      </c>
      <c r="HX9" s="2" t="str">
        <f>IF(AND('Cambios Auto'!HX9&lt;0,'Indices Auto'!IH9&lt;100),"V",IF(AND('Cambios Auto'!HX9&lt;0,'Indices Auto'!IH9&gt;100),"A",IF(AND('Cambios Auto'!HX9&gt;0,'Indices Auto'!IH9&lt;100),"N",IF(AND('Cambios Auto'!HX9&gt;0,'Indices Auto'!IH9&gt;100),"R","NULL"))))</f>
        <v>NULL</v>
      </c>
      <c r="HY9" s="2" t="str">
        <f>IF(AND('Cambios Auto'!HY9&lt;0,'Indices Auto'!II9&lt;100),"V",IF(AND('Cambios Auto'!HY9&lt;0,'Indices Auto'!II9&gt;100),"A",IF(AND('Cambios Auto'!HY9&gt;0,'Indices Auto'!II9&lt;100),"N",IF(AND('Cambios Auto'!HY9&gt;0,'Indices Auto'!II9&gt;100),"R","NULL"))))</f>
        <v>NULL</v>
      </c>
      <c r="HZ9" s="2" t="str">
        <f>IF(AND('Cambios Auto'!HZ9&lt;0,'Indices Auto'!IJ9&lt;100),"V",IF(AND('Cambios Auto'!HZ9&lt;0,'Indices Auto'!IJ9&gt;100),"A",IF(AND('Cambios Auto'!HZ9&gt;0,'Indices Auto'!IJ9&lt;100),"N",IF(AND('Cambios Auto'!HZ9&gt;0,'Indices Auto'!IJ9&gt;100),"R","NULL"))))</f>
        <v>NULL</v>
      </c>
      <c r="IA9" s="2" t="str">
        <f>IF(AND('Cambios Auto'!IA9&lt;0,'Indices Auto'!IK9&lt;100),"V",IF(AND('Cambios Auto'!IA9&lt;0,'Indices Auto'!IK9&gt;100),"A",IF(AND('Cambios Auto'!IA9&gt;0,'Indices Auto'!IK9&lt;100),"N",IF(AND('Cambios Auto'!IA9&gt;0,'Indices Auto'!IK9&gt;100),"R","NULL"))))</f>
        <v>NULL</v>
      </c>
      <c r="IB9" s="2" t="str">
        <f>IF(AND('Cambios Auto'!IB9&lt;0,'Indices Auto'!IL9&lt;100),"V",IF(AND('Cambios Auto'!IB9&lt;0,'Indices Auto'!IL9&gt;100),"A",IF(AND('Cambios Auto'!IB9&gt;0,'Indices Auto'!IL9&lt;100),"N",IF(AND('Cambios Auto'!IB9&gt;0,'Indices Auto'!IL9&gt;100),"R","NULL"))))</f>
        <v>NULL</v>
      </c>
      <c r="IC9" s="2" t="str">
        <f>IF(AND('Cambios Auto'!IC9&lt;0,'Indices Auto'!IM9&lt;100),"V",IF(AND('Cambios Auto'!IC9&lt;0,'Indices Auto'!IM9&gt;100),"A",IF(AND('Cambios Auto'!IC9&gt;0,'Indices Auto'!IM9&lt;100),"N",IF(AND('Cambios Auto'!IC9&gt;0,'Indices Auto'!IM9&gt;100),"R","NULL"))))</f>
        <v>NULL</v>
      </c>
      <c r="ID9" s="2" t="str">
        <f>IF(AND('Cambios Auto'!ID9&lt;0,'Indices Auto'!IN9&lt;100),"V",IF(AND('Cambios Auto'!ID9&lt;0,'Indices Auto'!IN9&gt;100),"A",IF(AND('Cambios Auto'!ID9&gt;0,'Indices Auto'!IN9&lt;100),"N",IF(AND('Cambios Auto'!ID9&gt;0,'Indices Auto'!IN9&gt;100),"R","NULL"))))</f>
        <v>NULL</v>
      </c>
      <c r="IE9" s="2" t="str">
        <f>IF(AND('Cambios Auto'!IE9&lt;0,'Indices Auto'!IO9&lt;100),"V",IF(AND('Cambios Auto'!IE9&lt;0,'Indices Auto'!IO9&gt;100),"A",IF(AND('Cambios Auto'!IE9&gt;0,'Indices Auto'!IO9&lt;100),"N",IF(AND('Cambios Auto'!IE9&gt;0,'Indices Auto'!IO9&gt;100),"R","NULL"))))</f>
        <v>NULL</v>
      </c>
      <c r="IF9" s="2" t="str">
        <f>IF(AND('Cambios Auto'!IF9&lt;0,'Indices Auto'!IP9&lt;100),"V",IF(AND('Cambios Auto'!IF9&lt;0,'Indices Auto'!IP9&gt;100),"A",IF(AND('Cambios Auto'!IF9&gt;0,'Indices Auto'!IP9&lt;100),"N",IF(AND('Cambios Auto'!IF9&gt;0,'Indices Auto'!IP9&gt;100),"R","NULL"))))</f>
        <v>NULL</v>
      </c>
      <c r="IG9" s="2" t="str">
        <f>IF(AND('Cambios Auto'!IG9&lt;0,'Indices Auto'!IQ9&lt;100),"V",IF(AND('Cambios Auto'!IG9&lt;0,'Indices Auto'!IQ9&gt;100),"A",IF(AND('Cambios Auto'!IG9&gt;0,'Indices Auto'!IQ9&lt;100),"N",IF(AND('Cambios Auto'!IG9&gt;0,'Indices Auto'!IQ9&gt;100),"R","NULL"))))</f>
        <v>NULL</v>
      </c>
      <c r="IH9" s="2" t="str">
        <f>IF(AND('Cambios Auto'!IH9&lt;0,'Indices Auto'!IR9&lt;100),"V",IF(AND('Cambios Auto'!IH9&lt;0,'Indices Auto'!IR9&gt;100),"A",IF(AND('Cambios Auto'!IH9&gt;0,'Indices Auto'!IR9&lt;100),"N",IF(AND('Cambios Auto'!IH9&gt;0,'Indices Auto'!IR9&gt;100),"R","NULL"))))</f>
        <v>NULL</v>
      </c>
      <c r="II9" s="2" t="str">
        <f>IF(AND('Cambios Auto'!II9&lt;0,'Indices Auto'!IS9&lt;100),"V",IF(AND('Cambios Auto'!II9&lt;0,'Indices Auto'!IS9&gt;100),"A",IF(AND('Cambios Auto'!II9&gt;0,'Indices Auto'!IS9&lt;100),"N",IF(AND('Cambios Auto'!II9&gt;0,'Indices Auto'!IS9&gt;100),"R","NULL"))))</f>
        <v>NULL</v>
      </c>
      <c r="IJ9" s="2" t="str">
        <f>IF(AND('Cambios Auto'!IJ9&lt;0,'Indices Auto'!IT9&lt;100),"V",IF(AND('Cambios Auto'!IJ9&lt;0,'Indices Auto'!IT9&gt;100),"A",IF(AND('Cambios Auto'!IJ9&gt;0,'Indices Auto'!IT9&lt;100),"N",IF(AND('Cambios Auto'!IJ9&gt;0,'Indices Auto'!IT9&gt;100),"R","NULL"))))</f>
        <v>NULL</v>
      </c>
      <c r="IK9" s="2" t="str">
        <f>IF(AND('Cambios Auto'!IK9&lt;0,'Indices Auto'!IU9&lt;100),"V",IF(AND('Cambios Auto'!IK9&lt;0,'Indices Auto'!IU9&gt;100),"A",IF(AND('Cambios Auto'!IK9&gt;0,'Indices Auto'!IU9&lt;100),"N",IF(AND('Cambios Auto'!IK9&gt;0,'Indices Auto'!IU9&gt;100),"R","NULL"))))</f>
        <v>NULL</v>
      </c>
      <c r="IL9" s="2" t="str">
        <f>IF(AND('Cambios Auto'!IL9&lt;0,'Indices Auto'!IV9&lt;100),"V",IF(AND('Cambios Auto'!IL9&lt;0,'Indices Auto'!IV9&gt;100),"A",IF(AND('Cambios Auto'!IL9&gt;0,'Indices Auto'!IV9&lt;100),"N",IF(AND('Cambios Auto'!IL9&gt;0,'Indices Auto'!IV9&gt;100),"R","NULL"))))</f>
        <v>NULL</v>
      </c>
      <c r="IM9" s="2" t="str">
        <f>IF(AND('Cambios Auto'!IM9&lt;0,'Indices Auto'!IW9&lt;100),"V",IF(AND('Cambios Auto'!IM9&lt;0,'Indices Auto'!IW9&gt;100),"A",IF(AND('Cambios Auto'!IM9&gt;0,'Indices Auto'!IW9&lt;100),"N",IF(AND('Cambios Auto'!IM9&gt;0,'Indices Auto'!IW9&gt;100),"R","NULL"))))</f>
        <v>NULL</v>
      </c>
      <c r="IN9" s="2" t="str">
        <f>IF(AND('Cambios Auto'!IN9&lt;0,'Indices Auto'!IX9&lt;100),"V",IF(AND('Cambios Auto'!IN9&lt;0,'Indices Auto'!IX9&gt;100),"A",IF(AND('Cambios Auto'!IN9&gt;0,'Indices Auto'!IX9&lt;100),"N",IF(AND('Cambios Auto'!IN9&gt;0,'Indices Auto'!IX9&gt;100),"R","NULL"))))</f>
        <v>NULL</v>
      </c>
      <c r="IO9" s="2" t="str">
        <f>IF(AND('Cambios Auto'!IO9&lt;0,'Indices Auto'!IY9&lt;100),"V",IF(AND('Cambios Auto'!IO9&lt;0,'Indices Auto'!IY9&gt;100),"A",IF(AND('Cambios Auto'!IO9&gt;0,'Indices Auto'!IY9&lt;100),"N",IF(AND('Cambios Auto'!IO9&gt;0,'Indices Auto'!IY9&gt;100),"R","NULL"))))</f>
        <v>NULL</v>
      </c>
      <c r="IP9" s="2" t="str">
        <f>IF(AND('Cambios Auto'!IP9&lt;0,'Indices Auto'!IZ9&lt;100),"V",IF(AND('Cambios Auto'!IP9&lt;0,'Indices Auto'!IZ9&gt;100),"A",IF(AND('Cambios Auto'!IP9&gt;0,'Indices Auto'!IZ9&lt;100),"N",IF(AND('Cambios Auto'!IP9&gt;0,'Indices Auto'!IZ9&gt;100),"R","NULL"))))</f>
        <v>NULL</v>
      </c>
      <c r="IQ9" s="2" t="str">
        <f>IF(AND('Cambios Auto'!IQ9&lt;0,'Indices Auto'!JA9&lt;100),"V",IF(AND('Cambios Auto'!IQ9&lt;0,'Indices Auto'!JA9&gt;100),"A",IF(AND('Cambios Auto'!IQ9&gt;0,'Indices Auto'!JA9&lt;100),"N",IF(AND('Cambios Auto'!IQ9&gt;0,'Indices Auto'!JA9&gt;100),"R","NULL"))))</f>
        <v>NULL</v>
      </c>
      <c r="IR9" s="2" t="str">
        <f>IF(AND('Cambios Auto'!IR9&lt;0,'Indices Auto'!JB9&lt;100),"V",IF(AND('Cambios Auto'!IR9&lt;0,'Indices Auto'!JB9&gt;100),"A",IF(AND('Cambios Auto'!IR9&gt;0,'Indices Auto'!JB9&lt;100),"N",IF(AND('Cambios Auto'!IR9&gt;0,'Indices Auto'!JB9&gt;100),"R","NULL"))))</f>
        <v>NULL</v>
      </c>
      <c r="IS9" s="2" t="str">
        <f>IF(AND('Cambios Auto'!IS9&lt;0,'Indices Auto'!JC9&lt;100),"V",IF(AND('Cambios Auto'!IS9&lt;0,'Indices Auto'!JC9&gt;100),"A",IF(AND('Cambios Auto'!IS9&gt;0,'Indices Auto'!JC9&lt;100),"N",IF(AND('Cambios Auto'!IS9&gt;0,'Indices Auto'!JC9&gt;100),"R","NULL"))))</f>
        <v>NULL</v>
      </c>
      <c r="IT9" s="14"/>
    </row>
    <row r="10" spans="1:254" x14ac:dyDescent="0.25">
      <c r="A10" s="6" t="s">
        <v>196</v>
      </c>
      <c r="B10" s="1" t="str">
        <f>IF(AND('Cambios Auto'!B10&gt;0,'Indices Auto'!C10&gt;100),"V",IF(AND('Cambios Auto'!B10&gt;0,'Indices Auto'!C10&lt;100),"A",IF(AND('Cambios Auto'!B10&lt;0,'Indices Auto'!C10&gt;100),"N",IF(AND('Cambios Auto'!B10&lt;0,'Indices Auto'!C10&lt;100),"R","NULL"))))</f>
        <v>V</v>
      </c>
      <c r="C10" s="2" t="str">
        <f>IF(AND('Cambios Auto'!C10&gt;0,'Indices Auto'!D10&gt;100),"V",IF(AND('Cambios Auto'!C10&gt;0,'Indices Auto'!D10&lt;100),"A",IF(AND('Cambios Auto'!C10&lt;0,'Indices Auto'!D10&gt;100),"N",IF(AND('Cambios Auto'!C10&lt;0,'Indices Auto'!D10&lt;100),"R","NULL"))))</f>
        <v>V</v>
      </c>
      <c r="D10" s="2" t="str">
        <f>IF(AND('Cambios Auto'!D10&gt;0,'Indices Auto'!E10&gt;100),"V",IF(AND('Cambios Auto'!D10&gt;0,'Indices Auto'!E10&lt;100),"A",IF(AND('Cambios Auto'!D10&lt;0,'Indices Auto'!E10&gt;100),"N",IF(AND('Cambios Auto'!D10&lt;0,'Indices Auto'!E10&lt;100),"R","NULL"))))</f>
        <v>V</v>
      </c>
      <c r="E10" s="2" t="str">
        <f>IF(AND('Cambios Auto'!E10&gt;0,'Indices Auto'!F10&gt;100),"V",IF(AND('Cambios Auto'!E10&gt;0,'Indices Auto'!F10&lt;100),"A",IF(AND('Cambios Auto'!E10&lt;0,'Indices Auto'!F10&gt;100),"N",IF(AND('Cambios Auto'!E10&lt;0,'Indices Auto'!F10&lt;100),"R","NULL"))))</f>
        <v>V</v>
      </c>
      <c r="F10" s="2" t="str">
        <f>IF(AND('Cambios Auto'!F10&gt;0,'Indices Auto'!G10&gt;100),"V",IF(AND('Cambios Auto'!F10&gt;0,'Indices Auto'!G10&lt;100),"A",IF(AND('Cambios Auto'!F10&lt;0,'Indices Auto'!G10&gt;100),"N",IF(AND('Cambios Auto'!F10&lt;0,'Indices Auto'!G10&lt;100),"R","NULL"))))</f>
        <v>V</v>
      </c>
      <c r="G10" s="2" t="str">
        <f>IF(AND('Cambios Auto'!G10&gt;0,'Indices Auto'!H10&gt;100),"V",IF(AND('Cambios Auto'!G10&gt;0,'Indices Auto'!H10&lt;100),"A",IF(AND('Cambios Auto'!G10&lt;0,'Indices Auto'!H10&gt;100),"N",IF(AND('Cambios Auto'!G10&lt;0,'Indices Auto'!H10&lt;100),"R","NULL"))))</f>
        <v>V</v>
      </c>
      <c r="H10" s="2" t="str">
        <f>IF(AND('Cambios Auto'!H10&gt;0,'Indices Auto'!I10&gt;100),"V",IF(AND('Cambios Auto'!H10&gt;0,'Indices Auto'!I10&lt;100),"A",IF(AND('Cambios Auto'!H10&lt;0,'Indices Auto'!I10&gt;100),"N",IF(AND('Cambios Auto'!H10&lt;0,'Indices Auto'!I10&lt;100),"R","NULL"))))</f>
        <v>V</v>
      </c>
      <c r="I10" s="2" t="str">
        <f>IF(AND('Cambios Auto'!I10&gt;0,'Indices Auto'!J10&gt;100),"V",IF(AND('Cambios Auto'!I10&gt;0,'Indices Auto'!J10&lt;100),"A",IF(AND('Cambios Auto'!I10&lt;0,'Indices Auto'!J10&gt;100),"N",IF(AND('Cambios Auto'!I10&lt;0,'Indices Auto'!J10&lt;100),"R","NULL"))))</f>
        <v>V</v>
      </c>
      <c r="J10" s="2" t="str">
        <f>IF(AND('Cambios Auto'!J10&gt;0,'Indices Auto'!K10&gt;100),"V",IF(AND('Cambios Auto'!J10&gt;0,'Indices Auto'!K10&lt;100),"A",IF(AND('Cambios Auto'!J10&lt;0,'Indices Auto'!K10&gt;100),"N",IF(AND('Cambios Auto'!J10&lt;0,'Indices Auto'!K10&lt;100),"R","NULL"))))</f>
        <v>V</v>
      </c>
      <c r="K10" s="2" t="str">
        <f>IF(AND('Cambios Auto'!K10&gt;0,'Indices Auto'!L10&gt;100),"V",IF(AND('Cambios Auto'!K10&gt;0,'Indices Auto'!L10&lt;100),"A",IF(AND('Cambios Auto'!K10&lt;0,'Indices Auto'!L10&gt;100),"N",IF(AND('Cambios Auto'!K10&lt;0,'Indices Auto'!L10&lt;100),"R","NULL"))))</f>
        <v>N</v>
      </c>
      <c r="L10" s="2" t="str">
        <f>IF(AND('Cambios Auto'!L10&gt;0,'Indices Auto'!M10&gt;100),"V",IF(AND('Cambios Auto'!L10&gt;0,'Indices Auto'!M10&lt;100),"A",IF(AND('Cambios Auto'!L10&lt;0,'Indices Auto'!M10&gt;100),"N",IF(AND('Cambios Auto'!L10&lt;0,'Indices Auto'!M10&lt;100),"R","NULL"))))</f>
        <v>N</v>
      </c>
      <c r="M10" s="2" t="str">
        <f>IF(AND('Cambios Auto'!M10&gt;0,'Indices Auto'!N10&gt;100),"V",IF(AND('Cambios Auto'!M10&gt;0,'Indices Auto'!N10&lt;100),"A",IF(AND('Cambios Auto'!M10&lt;0,'Indices Auto'!N10&gt;100),"N",IF(AND('Cambios Auto'!M10&lt;0,'Indices Auto'!N10&lt;100),"R","NULL"))))</f>
        <v>N</v>
      </c>
      <c r="N10" s="2" t="str">
        <f>IF(AND('Cambios Auto'!N10&gt;0,'Indices Auto'!O10&gt;100),"V",IF(AND('Cambios Auto'!N10&gt;0,'Indices Auto'!O10&lt;100),"A",IF(AND('Cambios Auto'!N10&lt;0,'Indices Auto'!O10&gt;100),"N",IF(AND('Cambios Auto'!N10&lt;0,'Indices Auto'!O10&lt;100),"R","NULL"))))</f>
        <v>N</v>
      </c>
      <c r="O10" s="2" t="str">
        <f>IF(AND('Cambios Auto'!O10&gt;0,'Indices Auto'!P10&gt;100),"V",IF(AND('Cambios Auto'!O10&gt;0,'Indices Auto'!P10&lt;100),"A",IF(AND('Cambios Auto'!O10&lt;0,'Indices Auto'!P10&gt;100),"N",IF(AND('Cambios Auto'!O10&lt;0,'Indices Auto'!P10&lt;100),"R","NULL"))))</f>
        <v>N</v>
      </c>
      <c r="P10" s="2" t="str">
        <f>IF(AND('Cambios Auto'!P10&gt;0,'Indices Auto'!Q10&gt;100),"V",IF(AND('Cambios Auto'!P10&gt;0,'Indices Auto'!Q10&lt;100),"A",IF(AND('Cambios Auto'!P10&lt;0,'Indices Auto'!Q10&gt;100),"N",IF(AND('Cambios Auto'!P10&lt;0,'Indices Auto'!Q10&lt;100),"R","NULL"))))</f>
        <v>N</v>
      </c>
      <c r="Q10" s="2" t="str">
        <f>IF(AND('Cambios Auto'!Q10&gt;0,'Indices Auto'!R10&gt;100),"V",IF(AND('Cambios Auto'!Q10&gt;0,'Indices Auto'!R10&lt;100),"A",IF(AND('Cambios Auto'!Q10&lt;0,'Indices Auto'!R10&gt;100),"N",IF(AND('Cambios Auto'!Q10&lt;0,'Indices Auto'!R10&lt;100),"R","NULL"))))</f>
        <v>N</v>
      </c>
      <c r="R10" s="2" t="str">
        <f>IF(AND('Cambios Auto'!R10&gt;0,'Indices Auto'!S10&gt;100),"V",IF(AND('Cambios Auto'!R10&gt;0,'Indices Auto'!S10&lt;100),"A",IF(AND('Cambios Auto'!R10&lt;0,'Indices Auto'!S10&gt;100),"N",IF(AND('Cambios Auto'!R10&lt;0,'Indices Auto'!S10&lt;100),"R","NULL"))))</f>
        <v>N</v>
      </c>
      <c r="S10" s="2" t="str">
        <f>IF(AND('Cambios Auto'!S10&gt;0,'Indices Auto'!T10&gt;100),"V",IF(AND('Cambios Auto'!S10&gt;0,'Indices Auto'!T10&lt;100),"A",IF(AND('Cambios Auto'!S10&lt;0,'Indices Auto'!T10&gt;100),"N",IF(AND('Cambios Auto'!S10&lt;0,'Indices Auto'!T10&lt;100),"R","NULL"))))</f>
        <v>N</v>
      </c>
      <c r="T10" s="2" t="str">
        <f>IF(AND('Cambios Auto'!T10&gt;0,'Indices Auto'!U10&gt;100),"V",IF(AND('Cambios Auto'!T10&gt;0,'Indices Auto'!U10&lt;100),"A",IF(AND('Cambios Auto'!T10&lt;0,'Indices Auto'!U10&gt;100),"N",IF(AND('Cambios Auto'!T10&lt;0,'Indices Auto'!U10&lt;100),"R","NULL"))))</f>
        <v>R</v>
      </c>
      <c r="U10" s="2" t="str">
        <f>IF(AND('Cambios Auto'!U10&gt;0,'Indices Auto'!V10&gt;100),"V",IF(AND('Cambios Auto'!U10&gt;0,'Indices Auto'!V10&lt;100),"A",IF(AND('Cambios Auto'!U10&lt;0,'Indices Auto'!V10&gt;100),"N",IF(AND('Cambios Auto'!U10&lt;0,'Indices Auto'!V10&lt;100),"R","NULL"))))</f>
        <v>R</v>
      </c>
      <c r="V10" s="2" t="str">
        <f>IF(AND('Cambios Auto'!V10&gt;0,'Indices Auto'!W10&gt;100),"V",IF(AND('Cambios Auto'!V10&gt;0,'Indices Auto'!W10&lt;100),"A",IF(AND('Cambios Auto'!V10&lt;0,'Indices Auto'!W10&gt;100),"N",IF(AND('Cambios Auto'!V10&lt;0,'Indices Auto'!W10&lt;100),"R","NULL"))))</f>
        <v>R</v>
      </c>
      <c r="W10" s="2" t="str">
        <f>IF(AND('Cambios Auto'!W10&gt;0,'Indices Auto'!X10&gt;100),"V",IF(AND('Cambios Auto'!W10&gt;0,'Indices Auto'!X10&lt;100),"A",IF(AND('Cambios Auto'!W10&lt;0,'Indices Auto'!X10&gt;100),"N",IF(AND('Cambios Auto'!W10&lt;0,'Indices Auto'!X10&lt;100),"R","NULL"))))</f>
        <v>R</v>
      </c>
      <c r="X10" s="2" t="str">
        <f>IF(AND('Cambios Auto'!X10&gt;0,'Indices Auto'!Y10&gt;100),"V",IF(AND('Cambios Auto'!X10&gt;0,'Indices Auto'!Y10&lt;100),"A",IF(AND('Cambios Auto'!X10&lt;0,'Indices Auto'!Y10&gt;100),"N",IF(AND('Cambios Auto'!X10&lt;0,'Indices Auto'!Y10&lt;100),"R","NULL"))))</f>
        <v>R</v>
      </c>
      <c r="Y10" s="2" t="str">
        <f>IF(AND('Cambios Auto'!Y10&gt;0,'Indices Auto'!Z10&gt;100),"V",IF(AND('Cambios Auto'!Y10&gt;0,'Indices Auto'!Z10&lt;100),"A",IF(AND('Cambios Auto'!Y10&lt;0,'Indices Auto'!Z10&gt;100),"N",IF(AND('Cambios Auto'!Y10&lt;0,'Indices Auto'!Z10&lt;100),"R","NULL"))))</f>
        <v>R</v>
      </c>
      <c r="Z10" s="2" t="str">
        <f>IF(AND('Cambios Auto'!Z10&gt;0,'Indices Auto'!AA10&gt;100),"V",IF(AND('Cambios Auto'!Z10&gt;0,'Indices Auto'!AA10&lt;100),"A",IF(AND('Cambios Auto'!Z10&lt;0,'Indices Auto'!AA10&gt;100),"N",IF(AND('Cambios Auto'!Z10&lt;0,'Indices Auto'!AA10&lt;100),"R","NULL"))))</f>
        <v>A</v>
      </c>
      <c r="AA10" s="2" t="str">
        <f>IF(AND('Cambios Auto'!AA10&gt;0,'Indices Auto'!AB10&gt;100),"V",IF(AND('Cambios Auto'!AA10&gt;0,'Indices Auto'!AB10&lt;100),"A",IF(AND('Cambios Auto'!AA10&lt;0,'Indices Auto'!AB10&gt;100),"N",IF(AND('Cambios Auto'!AA10&lt;0,'Indices Auto'!AB10&lt;100),"R","NULL"))))</f>
        <v>A</v>
      </c>
      <c r="AB10" s="2" t="str">
        <f>IF(AND('Cambios Auto'!AB10&gt;0,'Indices Auto'!AC10&gt;100),"V",IF(AND('Cambios Auto'!AB10&gt;0,'Indices Auto'!AC10&lt;100),"A",IF(AND('Cambios Auto'!AB10&lt;0,'Indices Auto'!AC10&gt;100),"N",IF(AND('Cambios Auto'!AB10&lt;0,'Indices Auto'!AC10&lt;100),"R","NULL"))))</f>
        <v>A</v>
      </c>
      <c r="AC10" s="2" t="str">
        <f>IF(AND('Cambios Auto'!AC10&gt;0,'Indices Auto'!AD10&gt;100),"V",IF(AND('Cambios Auto'!AC10&gt;0,'Indices Auto'!AD10&lt;100),"A",IF(AND('Cambios Auto'!AC10&lt;0,'Indices Auto'!AD10&gt;100),"N",IF(AND('Cambios Auto'!AC10&lt;0,'Indices Auto'!AD10&lt;100),"R","NULL"))))</f>
        <v>A</v>
      </c>
      <c r="AD10" s="2" t="str">
        <f>IF(AND('Cambios Auto'!AD10&gt;0,'Indices Auto'!AE10&gt;100),"V",IF(AND('Cambios Auto'!AD10&gt;0,'Indices Auto'!AE10&lt;100),"A",IF(AND('Cambios Auto'!AD10&lt;0,'Indices Auto'!AE10&gt;100),"N",IF(AND('Cambios Auto'!AD10&lt;0,'Indices Auto'!AE10&lt;100),"R","NULL"))))</f>
        <v>A</v>
      </c>
      <c r="AE10" s="2" t="str">
        <f>IF(AND('Cambios Auto'!AE10&gt;0,'Indices Auto'!AF10&gt;100),"V",IF(AND('Cambios Auto'!AE10&gt;0,'Indices Auto'!AF10&lt;100),"A",IF(AND('Cambios Auto'!AE10&lt;0,'Indices Auto'!AF10&gt;100),"N",IF(AND('Cambios Auto'!AE10&lt;0,'Indices Auto'!AF10&lt;100),"R","NULL"))))</f>
        <v>R</v>
      </c>
      <c r="AF10" s="2" t="str">
        <f>IF(AND('Cambios Auto'!AF10&gt;0,'Indices Auto'!AG10&gt;100),"V",IF(AND('Cambios Auto'!AF10&gt;0,'Indices Auto'!AG10&lt;100),"A",IF(AND('Cambios Auto'!AF10&lt;0,'Indices Auto'!AG10&gt;100),"N",IF(AND('Cambios Auto'!AF10&lt;0,'Indices Auto'!AG10&lt;100),"R","NULL"))))</f>
        <v>R</v>
      </c>
      <c r="AG10" s="2" t="str">
        <f>IF(AND('Cambios Auto'!AG10&gt;0,'Indices Auto'!AH10&gt;100),"V",IF(AND('Cambios Auto'!AG10&gt;0,'Indices Auto'!AH10&lt;100),"A",IF(AND('Cambios Auto'!AG10&lt;0,'Indices Auto'!AH10&gt;100),"N",IF(AND('Cambios Auto'!AG10&lt;0,'Indices Auto'!AH10&lt;100),"R","NULL"))))</f>
        <v>R</v>
      </c>
      <c r="AH10" s="2" t="str">
        <f>IF(AND('Cambios Auto'!AH10&gt;0,'Indices Auto'!AI10&gt;100),"V",IF(AND('Cambios Auto'!AH10&gt;0,'Indices Auto'!AI10&lt;100),"A",IF(AND('Cambios Auto'!AH10&lt;0,'Indices Auto'!AI10&gt;100),"N",IF(AND('Cambios Auto'!AH10&lt;0,'Indices Auto'!AI10&lt;100),"R","NULL"))))</f>
        <v>R</v>
      </c>
      <c r="AI10" s="2" t="str">
        <f>IF(AND('Cambios Auto'!AI10&gt;0,'Indices Auto'!AJ10&gt;100),"V",IF(AND('Cambios Auto'!AI10&gt;0,'Indices Auto'!AJ10&lt;100),"A",IF(AND('Cambios Auto'!AI10&lt;0,'Indices Auto'!AJ10&gt;100),"N",IF(AND('Cambios Auto'!AI10&lt;0,'Indices Auto'!AJ10&lt;100),"R","NULL"))))</f>
        <v>R</v>
      </c>
      <c r="AJ10" s="2" t="str">
        <f>IF(AND('Cambios Auto'!AJ10&gt;0,'Indices Auto'!AK10&gt;100),"V",IF(AND('Cambios Auto'!AJ10&gt;0,'Indices Auto'!AK10&lt;100),"A",IF(AND('Cambios Auto'!AJ10&lt;0,'Indices Auto'!AK10&gt;100),"N",IF(AND('Cambios Auto'!AJ10&lt;0,'Indices Auto'!AK10&lt;100),"R","NULL"))))</f>
        <v>R</v>
      </c>
      <c r="AK10" s="2" t="str">
        <f>IF(AND('Cambios Auto'!AK10&gt;0,'Indices Auto'!AL10&gt;100),"V",IF(AND('Cambios Auto'!AK10&gt;0,'Indices Auto'!AL10&lt;100),"A",IF(AND('Cambios Auto'!AK10&lt;0,'Indices Auto'!AL10&gt;100),"N",IF(AND('Cambios Auto'!AK10&lt;0,'Indices Auto'!AL10&lt;100),"R","NULL"))))</f>
        <v>R</v>
      </c>
      <c r="AL10" s="2" t="str">
        <f>IF(AND('Cambios Auto'!AL10&gt;0,'Indices Auto'!AM10&gt;100),"V",IF(AND('Cambios Auto'!AL10&gt;0,'Indices Auto'!AM10&lt;100),"A",IF(AND('Cambios Auto'!AL10&lt;0,'Indices Auto'!AM10&gt;100),"N",IF(AND('Cambios Auto'!AL10&lt;0,'Indices Auto'!AM10&lt;100),"R","NULL"))))</f>
        <v>R</v>
      </c>
      <c r="AM10" s="2" t="str">
        <f>IF(AND('Cambios Auto'!AM10&gt;0,'Indices Auto'!AN10&gt;100),"V",IF(AND('Cambios Auto'!AM10&gt;0,'Indices Auto'!AN10&lt;100),"A",IF(AND('Cambios Auto'!AM10&lt;0,'Indices Auto'!AN10&gt;100),"N",IF(AND('Cambios Auto'!AM10&lt;0,'Indices Auto'!AN10&lt;100),"R","NULL"))))</f>
        <v>R</v>
      </c>
      <c r="AN10" s="2" t="str">
        <f>IF(AND('Cambios Auto'!AN10&gt;0,'Indices Auto'!AO10&gt;100),"V",IF(AND('Cambios Auto'!AN10&gt;0,'Indices Auto'!AO10&lt;100),"A",IF(AND('Cambios Auto'!AN10&lt;0,'Indices Auto'!AO10&gt;100),"N",IF(AND('Cambios Auto'!AN10&lt;0,'Indices Auto'!AO10&lt;100),"R","NULL"))))</f>
        <v>R</v>
      </c>
      <c r="AO10" s="2" t="str">
        <f>IF(AND('Cambios Auto'!AO10&gt;0,'Indices Auto'!AP10&gt;100),"V",IF(AND('Cambios Auto'!AO10&gt;0,'Indices Auto'!AP10&lt;100),"A",IF(AND('Cambios Auto'!AO10&lt;0,'Indices Auto'!AP10&gt;100),"N",IF(AND('Cambios Auto'!AO10&lt;0,'Indices Auto'!AP10&lt;100),"R","NULL"))))</f>
        <v>R</v>
      </c>
      <c r="AP10" s="2" t="str">
        <f>IF(AND('Cambios Auto'!AP10&gt;0,'Indices Auto'!AQ10&gt;100),"V",IF(AND('Cambios Auto'!AP10&gt;0,'Indices Auto'!AQ10&lt;100),"A",IF(AND('Cambios Auto'!AP10&lt;0,'Indices Auto'!AQ10&gt;100),"N",IF(AND('Cambios Auto'!AP10&lt;0,'Indices Auto'!AQ10&lt;100),"R","NULL"))))</f>
        <v>R</v>
      </c>
      <c r="AQ10" s="2" t="str">
        <f>IF(AND('Cambios Auto'!AQ10&gt;0,'Indices Auto'!AR10&gt;100),"V",IF(AND('Cambios Auto'!AQ10&gt;0,'Indices Auto'!AR10&lt;100),"A",IF(AND('Cambios Auto'!AQ10&lt;0,'Indices Auto'!AR10&gt;100),"N",IF(AND('Cambios Auto'!AQ10&lt;0,'Indices Auto'!AR10&lt;100),"R","NULL"))))</f>
        <v>R</v>
      </c>
      <c r="AR10" s="2" t="str">
        <f>IF(AND('Cambios Auto'!AR10&gt;0,'Indices Auto'!AS10&gt;100),"V",IF(AND('Cambios Auto'!AR10&gt;0,'Indices Auto'!AS10&lt;100),"A",IF(AND('Cambios Auto'!AR10&lt;0,'Indices Auto'!AS10&gt;100),"N",IF(AND('Cambios Auto'!AR10&lt;0,'Indices Auto'!AS10&lt;100),"R","NULL"))))</f>
        <v>R</v>
      </c>
      <c r="AS10" s="2" t="str">
        <f>IF(AND('Cambios Auto'!AS10&gt;0,'Indices Auto'!AT10&gt;100),"V",IF(AND('Cambios Auto'!AS10&gt;0,'Indices Auto'!AT10&lt;100),"A",IF(AND('Cambios Auto'!AS10&lt;0,'Indices Auto'!AT10&gt;100),"N",IF(AND('Cambios Auto'!AS10&lt;0,'Indices Auto'!AT10&lt;100),"R","NULL"))))</f>
        <v>R</v>
      </c>
      <c r="AT10" s="2" t="str">
        <f>IF(AND('Cambios Auto'!AT10&gt;0,'Indices Auto'!AU10&gt;100),"V",IF(AND('Cambios Auto'!AT10&gt;0,'Indices Auto'!AU10&lt;100),"A",IF(AND('Cambios Auto'!AT10&lt;0,'Indices Auto'!AU10&gt;100),"N",IF(AND('Cambios Auto'!AT10&lt;0,'Indices Auto'!AU10&lt;100),"R","NULL"))))</f>
        <v>A</v>
      </c>
      <c r="AU10" s="2" t="str">
        <f>IF(AND('Cambios Auto'!AU10&gt;0,'Indices Auto'!AV10&gt;100),"V",IF(AND('Cambios Auto'!AU10&gt;0,'Indices Auto'!AV10&lt;100),"A",IF(AND('Cambios Auto'!AU10&lt;0,'Indices Auto'!AV10&gt;100),"N",IF(AND('Cambios Auto'!AU10&lt;0,'Indices Auto'!AV10&lt;100),"R","NULL"))))</f>
        <v>A</v>
      </c>
      <c r="AV10" s="2" t="str">
        <f>IF(AND('Cambios Auto'!AV10&gt;0,'Indices Auto'!AW10&gt;100),"V",IF(AND('Cambios Auto'!AV10&gt;0,'Indices Auto'!AW10&lt;100),"A",IF(AND('Cambios Auto'!AV10&lt;0,'Indices Auto'!AW10&gt;100),"N",IF(AND('Cambios Auto'!AV10&lt;0,'Indices Auto'!AW10&lt;100),"R","NULL"))))</f>
        <v>A</v>
      </c>
      <c r="AW10" s="2" t="str">
        <f>IF(AND('Cambios Auto'!AW10&gt;0,'Indices Auto'!AX10&gt;100),"V",IF(AND('Cambios Auto'!AW10&gt;0,'Indices Auto'!AX10&lt;100),"A",IF(AND('Cambios Auto'!AW10&lt;0,'Indices Auto'!AX10&gt;100),"N",IF(AND('Cambios Auto'!AW10&lt;0,'Indices Auto'!AX10&lt;100),"R","NULL"))))</f>
        <v>A</v>
      </c>
      <c r="AX10" s="2" t="str">
        <f>IF(AND('Cambios Auto'!AX10&gt;0,'Indices Auto'!AY10&gt;100),"V",IF(AND('Cambios Auto'!AX10&gt;0,'Indices Auto'!AY10&lt;100),"A",IF(AND('Cambios Auto'!AX10&lt;0,'Indices Auto'!AY10&gt;100),"N",IF(AND('Cambios Auto'!AX10&lt;0,'Indices Auto'!AY10&lt;100),"R","NULL"))))</f>
        <v>A</v>
      </c>
      <c r="AY10" s="2" t="str">
        <f>IF(AND('Cambios Auto'!AY10&gt;0,'Indices Auto'!AZ10&gt;100),"V",IF(AND('Cambios Auto'!AY10&gt;0,'Indices Auto'!AZ10&lt;100),"A",IF(AND('Cambios Auto'!AY10&lt;0,'Indices Auto'!AZ10&gt;100),"N",IF(AND('Cambios Auto'!AY10&lt;0,'Indices Auto'!AZ10&lt;100),"R","NULL"))))</f>
        <v>A</v>
      </c>
      <c r="AZ10" s="2" t="str">
        <f>IF(AND('Cambios Auto'!AZ10&gt;0,'Indices Auto'!BA10&gt;100),"V",IF(AND('Cambios Auto'!AZ10&gt;0,'Indices Auto'!BA10&lt;100),"A",IF(AND('Cambios Auto'!AZ10&lt;0,'Indices Auto'!BA10&gt;100),"N",IF(AND('Cambios Auto'!AZ10&lt;0,'Indices Auto'!BA10&lt;100),"R","NULL"))))</f>
        <v>A</v>
      </c>
      <c r="BA10" s="2" t="str">
        <f>IF(AND('Cambios Auto'!BA10&gt;0,'Indices Auto'!BB10&gt;100),"V",IF(AND('Cambios Auto'!BA10&gt;0,'Indices Auto'!BB10&lt;100),"A",IF(AND('Cambios Auto'!BA10&lt;0,'Indices Auto'!BB10&gt;100),"N",IF(AND('Cambios Auto'!BA10&lt;0,'Indices Auto'!BB10&lt;100),"R","NULL"))))</f>
        <v>A</v>
      </c>
      <c r="BB10" s="2" t="str">
        <f>IF(AND('Cambios Auto'!BB10&gt;0,'Indices Auto'!BC10&gt;100),"V",IF(AND('Cambios Auto'!BB10&gt;0,'Indices Auto'!BC10&lt;100),"A",IF(AND('Cambios Auto'!BB10&lt;0,'Indices Auto'!BC10&gt;100),"N",IF(AND('Cambios Auto'!BB10&lt;0,'Indices Auto'!BC10&lt;100),"R","NULL"))))</f>
        <v>A</v>
      </c>
      <c r="BC10" s="2" t="str">
        <f>IF(AND('Cambios Auto'!BC10&gt;0,'Indices Auto'!BD10&gt;100),"V",IF(AND('Cambios Auto'!BC10&gt;0,'Indices Auto'!BD10&lt;100),"A",IF(AND('Cambios Auto'!BC10&lt;0,'Indices Auto'!BD10&gt;100),"N",IF(AND('Cambios Auto'!BC10&lt;0,'Indices Auto'!BD10&lt;100),"R","NULL"))))</f>
        <v>A</v>
      </c>
      <c r="BD10" s="2" t="str">
        <f>IF(AND('Cambios Auto'!BD10&gt;0,'Indices Auto'!BE10&gt;100),"V",IF(AND('Cambios Auto'!BD10&gt;0,'Indices Auto'!BE10&lt;100),"A",IF(AND('Cambios Auto'!BD10&lt;0,'Indices Auto'!BE10&gt;100),"N",IF(AND('Cambios Auto'!BD10&lt;0,'Indices Auto'!BE10&lt;100),"R","NULL"))))</f>
        <v>A</v>
      </c>
      <c r="BE10" s="2" t="str">
        <f>IF(AND('Cambios Auto'!BE10&gt;0,'Indices Auto'!BF10&gt;100),"V",IF(AND('Cambios Auto'!BE10&gt;0,'Indices Auto'!BF10&lt;100),"A",IF(AND('Cambios Auto'!BE10&lt;0,'Indices Auto'!BF10&gt;100),"N",IF(AND('Cambios Auto'!BE10&lt;0,'Indices Auto'!BF10&lt;100),"R","NULL"))))</f>
        <v>A</v>
      </c>
      <c r="BF10" s="2" t="str">
        <f>IF(AND('Cambios Auto'!BF10&gt;0,'Indices Auto'!BG10&gt;100),"V",IF(AND('Cambios Auto'!BF10&gt;0,'Indices Auto'!BG10&lt;100),"A",IF(AND('Cambios Auto'!BF10&lt;0,'Indices Auto'!BG10&gt;100),"N",IF(AND('Cambios Auto'!BF10&lt;0,'Indices Auto'!BG10&lt;100),"R","NULL"))))</f>
        <v>A</v>
      </c>
      <c r="BG10" s="2" t="str">
        <f>IF(AND('Cambios Auto'!BG10&gt;0,'Indices Auto'!BH10&gt;100),"V",IF(AND('Cambios Auto'!BG10&gt;0,'Indices Auto'!BH10&lt;100),"A",IF(AND('Cambios Auto'!BG10&lt;0,'Indices Auto'!BH10&gt;100),"N",IF(AND('Cambios Auto'!BG10&lt;0,'Indices Auto'!BH10&lt;100),"R","NULL"))))</f>
        <v>A</v>
      </c>
      <c r="BH10" s="2" t="str">
        <f>IF(AND('Cambios Auto'!BH10&gt;0,'Indices Auto'!BI10&gt;100),"V",IF(AND('Cambios Auto'!BH10&gt;0,'Indices Auto'!BI10&lt;100),"A",IF(AND('Cambios Auto'!BH10&lt;0,'Indices Auto'!BI10&gt;100),"N",IF(AND('Cambios Auto'!BH10&lt;0,'Indices Auto'!BI10&lt;100),"R","NULL"))))</f>
        <v>A</v>
      </c>
      <c r="BI10" s="2" t="str">
        <f>IF(AND('Cambios Auto'!BI10&gt;0,'Indices Auto'!BJ10&gt;100),"V",IF(AND('Cambios Auto'!BI10&gt;0,'Indices Auto'!BJ10&lt;100),"A",IF(AND('Cambios Auto'!BI10&lt;0,'Indices Auto'!BJ10&gt;100),"N",IF(AND('Cambios Auto'!BI10&lt;0,'Indices Auto'!BJ10&lt;100),"R","NULL"))))</f>
        <v>A</v>
      </c>
      <c r="BJ10" s="2" t="str">
        <f>IF(AND('Cambios Auto'!BJ10&gt;0,'Indices Auto'!BK10&gt;100),"V",IF(AND('Cambios Auto'!BJ10&gt;0,'Indices Auto'!BK10&lt;100),"A",IF(AND('Cambios Auto'!BJ10&lt;0,'Indices Auto'!BK10&gt;100),"N",IF(AND('Cambios Auto'!BJ10&lt;0,'Indices Auto'!BK10&lt;100),"R","NULL"))))</f>
        <v>A</v>
      </c>
      <c r="BK10" s="2" t="str">
        <f>IF(AND('Cambios Auto'!BK10&gt;0,'Indices Auto'!BL10&gt;100),"V",IF(AND('Cambios Auto'!BK10&gt;0,'Indices Auto'!BL10&lt;100),"A",IF(AND('Cambios Auto'!BK10&lt;0,'Indices Auto'!BL10&gt;100),"N",IF(AND('Cambios Auto'!BK10&lt;0,'Indices Auto'!BL10&lt;100),"R","NULL"))))</f>
        <v>R</v>
      </c>
      <c r="BL10" s="2" t="str">
        <f>IF(AND('Cambios Auto'!BL10&gt;0,'Indices Auto'!BM10&gt;100),"V",IF(AND('Cambios Auto'!BL10&gt;0,'Indices Auto'!BM10&lt;100),"A",IF(AND('Cambios Auto'!BL10&lt;0,'Indices Auto'!BM10&gt;100),"N",IF(AND('Cambios Auto'!BL10&lt;0,'Indices Auto'!BM10&lt;100),"R","NULL"))))</f>
        <v>R</v>
      </c>
      <c r="BM10" s="2" t="str">
        <f>IF(AND('Cambios Auto'!BM10&gt;0,'Indices Auto'!BN10&gt;100),"V",IF(AND('Cambios Auto'!BM10&gt;0,'Indices Auto'!BN10&lt;100),"A",IF(AND('Cambios Auto'!BM10&lt;0,'Indices Auto'!BN10&gt;100),"N",IF(AND('Cambios Auto'!BM10&lt;0,'Indices Auto'!BN10&lt;100),"R","NULL"))))</f>
        <v>R</v>
      </c>
      <c r="BN10" s="2" t="str">
        <f>IF(AND('Cambios Auto'!BN10&gt;0,'Indices Auto'!BO10&gt;100),"V",IF(AND('Cambios Auto'!BN10&gt;0,'Indices Auto'!BO10&lt;100),"A",IF(AND('Cambios Auto'!BN10&lt;0,'Indices Auto'!BO10&gt;100),"N",IF(AND('Cambios Auto'!BN10&lt;0,'Indices Auto'!BO10&lt;100),"R","NULL"))))</f>
        <v>R</v>
      </c>
      <c r="BO10" s="2" t="str">
        <f>IF(AND('Cambios Auto'!BO10&gt;0,'Indices Auto'!BP10&gt;100),"V",IF(AND('Cambios Auto'!BO10&gt;0,'Indices Auto'!BP10&lt;100),"A",IF(AND('Cambios Auto'!BO10&lt;0,'Indices Auto'!BP10&gt;100),"N",IF(AND('Cambios Auto'!BO10&lt;0,'Indices Auto'!BP10&lt;100),"R","NULL"))))</f>
        <v>A</v>
      </c>
      <c r="BP10" s="2" t="str">
        <f>IF(AND('Cambios Auto'!BP10&gt;0,'Indices Auto'!BQ10&gt;100),"V",IF(AND('Cambios Auto'!BP10&gt;0,'Indices Auto'!BQ10&lt;100),"A",IF(AND('Cambios Auto'!BP10&lt;0,'Indices Auto'!BQ10&gt;100),"N",IF(AND('Cambios Auto'!BP10&lt;0,'Indices Auto'!BQ10&lt;100),"R","NULL"))))</f>
        <v>A</v>
      </c>
      <c r="BQ10" s="2" t="str">
        <f>IF(AND('Cambios Auto'!BQ10&gt;0,'Indices Auto'!BR10&gt;100),"V",IF(AND('Cambios Auto'!BQ10&gt;0,'Indices Auto'!BR10&lt;100),"A",IF(AND('Cambios Auto'!BQ10&lt;0,'Indices Auto'!BR10&gt;100),"N",IF(AND('Cambios Auto'!BQ10&lt;0,'Indices Auto'!BR10&lt;100),"R","NULL"))))</f>
        <v>V</v>
      </c>
      <c r="BR10" s="2" t="str">
        <f>IF(AND('Cambios Auto'!BR10&gt;0,'Indices Auto'!BS10&gt;100),"V",IF(AND('Cambios Auto'!BR10&gt;0,'Indices Auto'!BS10&lt;100),"A",IF(AND('Cambios Auto'!BR10&lt;0,'Indices Auto'!BS10&gt;100),"N",IF(AND('Cambios Auto'!BR10&lt;0,'Indices Auto'!BS10&lt;100),"R","NULL"))))</f>
        <v>V</v>
      </c>
      <c r="BS10" s="2" t="str">
        <f>IF(AND('Cambios Auto'!BS10&gt;0,'Indices Auto'!BT10&gt;100),"V",IF(AND('Cambios Auto'!BS10&gt;0,'Indices Auto'!BT10&lt;100),"A",IF(AND('Cambios Auto'!BS10&lt;0,'Indices Auto'!BT10&gt;100),"N",IF(AND('Cambios Auto'!BS10&lt;0,'Indices Auto'!BT10&lt;100),"R","NULL"))))</f>
        <v>V</v>
      </c>
      <c r="BT10" s="2" t="str">
        <f>IF(AND('Cambios Auto'!BT10&gt;0,'Indices Auto'!BU10&gt;100),"V",IF(AND('Cambios Auto'!BT10&gt;0,'Indices Auto'!BU10&lt;100),"A",IF(AND('Cambios Auto'!BT10&lt;0,'Indices Auto'!BU10&gt;100),"N",IF(AND('Cambios Auto'!BT10&lt;0,'Indices Auto'!BU10&lt;100),"R","NULL"))))</f>
        <v>V</v>
      </c>
      <c r="BU10" s="2" t="str">
        <f>IF(AND('Cambios Auto'!BU10&gt;0,'Indices Auto'!BV10&gt;100),"V",IF(AND('Cambios Auto'!BU10&gt;0,'Indices Auto'!BV10&lt;100),"A",IF(AND('Cambios Auto'!BU10&lt;0,'Indices Auto'!BV10&gt;100),"N",IF(AND('Cambios Auto'!BU10&lt;0,'Indices Auto'!BV10&lt;100),"R","NULL"))))</f>
        <v>V</v>
      </c>
      <c r="BV10" s="2" t="str">
        <f>IF(AND('Cambios Auto'!BV10&gt;0,'Indices Auto'!BW10&gt;100),"V",IF(AND('Cambios Auto'!BV10&gt;0,'Indices Auto'!BW10&lt;100),"A",IF(AND('Cambios Auto'!BV10&lt;0,'Indices Auto'!BW10&gt;100),"N",IF(AND('Cambios Auto'!BV10&lt;0,'Indices Auto'!BW10&lt;100),"R","NULL"))))</f>
        <v>V</v>
      </c>
      <c r="BW10" s="2" t="str">
        <f>IF(AND('Cambios Auto'!BW10&gt;0,'Indices Auto'!BX10&gt;100),"V",IF(AND('Cambios Auto'!BW10&gt;0,'Indices Auto'!BX10&lt;100),"A",IF(AND('Cambios Auto'!BW10&lt;0,'Indices Auto'!BX10&gt;100),"N",IF(AND('Cambios Auto'!BW10&lt;0,'Indices Auto'!BX10&lt;100),"R","NULL"))))</f>
        <v>V</v>
      </c>
      <c r="BX10" s="2" t="str">
        <f>IF(AND('Cambios Auto'!BX10&gt;0,'Indices Auto'!BY10&gt;100),"V",IF(AND('Cambios Auto'!BX10&gt;0,'Indices Auto'!BY10&lt;100),"A",IF(AND('Cambios Auto'!BX10&lt;0,'Indices Auto'!BY10&gt;100),"N",IF(AND('Cambios Auto'!BX10&lt;0,'Indices Auto'!BY10&lt;100),"R","NULL"))))</f>
        <v>V</v>
      </c>
      <c r="BY10" s="2" t="str">
        <f>IF(AND('Cambios Auto'!BY10&gt;0,'Indices Auto'!BZ10&gt;100),"V",IF(AND('Cambios Auto'!BY10&gt;0,'Indices Auto'!BZ10&lt;100),"A",IF(AND('Cambios Auto'!BY10&lt;0,'Indices Auto'!BZ10&gt;100),"N",IF(AND('Cambios Auto'!BY10&lt;0,'Indices Auto'!BZ10&lt;100),"R","NULL"))))</f>
        <v>V</v>
      </c>
      <c r="BZ10" s="2" t="str">
        <f>IF(AND('Cambios Auto'!BZ10&gt;0,'Indices Auto'!CA10&gt;100),"V",IF(AND('Cambios Auto'!BZ10&gt;0,'Indices Auto'!CA10&lt;100),"A",IF(AND('Cambios Auto'!BZ10&lt;0,'Indices Auto'!CA10&gt;100),"N",IF(AND('Cambios Auto'!BZ10&lt;0,'Indices Auto'!CA10&lt;100),"R","NULL"))))</f>
        <v>V</v>
      </c>
      <c r="CA10" s="2" t="str">
        <f>IF(AND('Cambios Auto'!CA10&gt;0,'Indices Auto'!CB10&gt;100),"V",IF(AND('Cambios Auto'!CA10&gt;0,'Indices Auto'!CB10&lt;100),"A",IF(AND('Cambios Auto'!CA10&lt;0,'Indices Auto'!CB10&gt;100),"N",IF(AND('Cambios Auto'!CA10&lt;0,'Indices Auto'!CB10&lt;100),"R","NULL"))))</f>
        <v>V</v>
      </c>
      <c r="CB10" s="2" t="str">
        <f>IF(AND('Cambios Auto'!CB10&gt;0,'Indices Auto'!CC10&gt;100),"V",IF(AND('Cambios Auto'!CB10&gt;0,'Indices Auto'!CC10&lt;100),"A",IF(AND('Cambios Auto'!CB10&lt;0,'Indices Auto'!CC10&gt;100),"N",IF(AND('Cambios Auto'!CB10&lt;0,'Indices Auto'!CC10&lt;100),"R","NULL"))))</f>
        <v>N</v>
      </c>
      <c r="CC10" s="2" t="str">
        <f>IF(AND('Cambios Auto'!CC10&gt;0,'Indices Auto'!CD10&gt;100),"V",IF(AND('Cambios Auto'!CC10&gt;0,'Indices Auto'!CD10&lt;100),"A",IF(AND('Cambios Auto'!CC10&lt;0,'Indices Auto'!CD10&gt;100),"N",IF(AND('Cambios Auto'!CC10&lt;0,'Indices Auto'!CD10&lt;100),"R","NULL"))))</f>
        <v>N</v>
      </c>
      <c r="CD10" s="2" t="str">
        <f>IF(AND('Cambios Auto'!CD10&gt;0,'Indices Auto'!CE10&gt;100),"V",IF(AND('Cambios Auto'!CD10&gt;0,'Indices Auto'!CE10&lt;100),"A",IF(AND('Cambios Auto'!CD10&lt;0,'Indices Auto'!CE10&gt;100),"N",IF(AND('Cambios Auto'!CD10&lt;0,'Indices Auto'!CE10&lt;100),"R","NULL"))))</f>
        <v>N</v>
      </c>
      <c r="CE10" s="2" t="str">
        <f>IF(AND('Cambios Auto'!CE10&gt;0,'Indices Auto'!CF10&gt;100),"V",IF(AND('Cambios Auto'!CE10&gt;0,'Indices Auto'!CF10&lt;100),"A",IF(AND('Cambios Auto'!CE10&lt;0,'Indices Auto'!CF10&gt;100),"N",IF(AND('Cambios Auto'!CE10&lt;0,'Indices Auto'!CF10&lt;100),"R","NULL"))))</f>
        <v>N</v>
      </c>
      <c r="CF10" s="2" t="str">
        <f>IF(AND('Cambios Auto'!CF10&gt;0,'Indices Auto'!CG10&gt;100),"V",IF(AND('Cambios Auto'!CF10&gt;0,'Indices Auto'!CG10&lt;100),"A",IF(AND('Cambios Auto'!CF10&lt;0,'Indices Auto'!CG10&gt;100),"N",IF(AND('Cambios Auto'!CF10&lt;0,'Indices Auto'!CG10&lt;100),"R","NULL"))))</f>
        <v>N</v>
      </c>
      <c r="CG10" s="2" t="str">
        <f>IF(AND('Cambios Auto'!CG10&gt;0,'Indices Auto'!CH10&gt;100),"V",IF(AND('Cambios Auto'!CG10&gt;0,'Indices Auto'!CH10&lt;100),"A",IF(AND('Cambios Auto'!CG10&lt;0,'Indices Auto'!CH10&gt;100),"N",IF(AND('Cambios Auto'!CG10&lt;0,'Indices Auto'!CH10&lt;100),"R","NULL"))))</f>
        <v>N</v>
      </c>
      <c r="CH10" s="2" t="str">
        <f>IF(AND('Cambios Auto'!CH10&gt;0,'Indices Auto'!CI10&gt;100),"V",IF(AND('Cambios Auto'!CH10&gt;0,'Indices Auto'!CI10&lt;100),"A",IF(AND('Cambios Auto'!CH10&lt;0,'Indices Auto'!CI10&gt;100),"N",IF(AND('Cambios Auto'!CH10&lt;0,'Indices Auto'!CI10&lt;100),"R","NULL"))))</f>
        <v>N</v>
      </c>
      <c r="CI10" s="2" t="str">
        <f>IF(AND('Cambios Auto'!CI10&gt;0,'Indices Auto'!CJ10&gt;100),"V",IF(AND('Cambios Auto'!CI10&gt;0,'Indices Auto'!CJ10&lt;100),"A",IF(AND('Cambios Auto'!CI10&lt;0,'Indices Auto'!CJ10&gt;100),"N",IF(AND('Cambios Auto'!CI10&lt;0,'Indices Auto'!CJ10&lt;100),"R","NULL"))))</f>
        <v>V</v>
      </c>
      <c r="CJ10" s="2" t="str">
        <f>IF(AND('Cambios Auto'!CJ10&gt;0,'Indices Auto'!CK10&gt;100),"V",IF(AND('Cambios Auto'!CJ10&gt;0,'Indices Auto'!CK10&lt;100),"A",IF(AND('Cambios Auto'!CJ10&lt;0,'Indices Auto'!CK10&gt;100),"N",IF(AND('Cambios Auto'!CJ10&lt;0,'Indices Auto'!CK10&lt;100),"R","NULL"))))</f>
        <v>V</v>
      </c>
      <c r="CK10" s="2" t="str">
        <f>IF(AND('Cambios Auto'!CK10&gt;0,'Indices Auto'!CL10&gt;100),"V",IF(AND('Cambios Auto'!CK10&gt;0,'Indices Auto'!CL10&lt;100),"A",IF(AND('Cambios Auto'!CK10&lt;0,'Indices Auto'!CL10&gt;100),"N",IF(AND('Cambios Auto'!CK10&lt;0,'Indices Auto'!CL10&lt;100),"R","NULL"))))</f>
        <v>V</v>
      </c>
      <c r="CL10" s="2" t="str">
        <f>IF(AND('Cambios Auto'!CL10&gt;0,'Indices Auto'!CM10&gt;100),"V",IF(AND('Cambios Auto'!CL10&gt;0,'Indices Auto'!CM10&lt;100),"A",IF(AND('Cambios Auto'!CL10&lt;0,'Indices Auto'!CM10&gt;100),"N",IF(AND('Cambios Auto'!CL10&lt;0,'Indices Auto'!CM10&lt;100),"R","NULL"))))</f>
        <v>V</v>
      </c>
      <c r="CM10" s="2" t="str">
        <f>IF(AND('Cambios Auto'!CM10&gt;0,'Indices Auto'!CN10&gt;100),"V",IF(AND('Cambios Auto'!CM10&gt;0,'Indices Auto'!CN10&lt;100),"A",IF(AND('Cambios Auto'!CM10&lt;0,'Indices Auto'!CN10&gt;100),"N",IF(AND('Cambios Auto'!CM10&lt;0,'Indices Auto'!CN10&lt;100),"R","NULL"))))</f>
        <v>V</v>
      </c>
      <c r="CN10" s="2" t="str">
        <f>IF(AND('Cambios Auto'!CN10&gt;0,'Indices Auto'!CO10&gt;100),"V",IF(AND('Cambios Auto'!CN10&gt;0,'Indices Auto'!CO10&lt;100),"A",IF(AND('Cambios Auto'!CN10&lt;0,'Indices Auto'!CO10&gt;100),"N",IF(AND('Cambios Auto'!CN10&lt;0,'Indices Auto'!CO10&lt;100),"R","NULL"))))</f>
        <v>V</v>
      </c>
      <c r="CO10" s="2" t="str">
        <f>IF(AND('Cambios Auto'!CO10&gt;0,'Indices Auto'!CP10&gt;100),"V",IF(AND('Cambios Auto'!CO10&gt;0,'Indices Auto'!CP10&lt;100),"A",IF(AND('Cambios Auto'!CO10&lt;0,'Indices Auto'!CP10&gt;100),"N",IF(AND('Cambios Auto'!CO10&lt;0,'Indices Auto'!CP10&lt;100),"R","NULL"))))</f>
        <v>V</v>
      </c>
      <c r="CP10" s="2" t="str">
        <f>IF(AND('Cambios Auto'!CP10&gt;0,'Indices Auto'!CQ10&gt;100),"V",IF(AND('Cambios Auto'!CP10&gt;0,'Indices Auto'!CQ10&lt;100),"A",IF(AND('Cambios Auto'!CP10&lt;0,'Indices Auto'!CQ10&gt;100),"N",IF(AND('Cambios Auto'!CP10&lt;0,'Indices Auto'!CQ10&lt;100),"R","NULL"))))</f>
        <v>V</v>
      </c>
      <c r="CQ10" s="2" t="str">
        <f>IF(AND('Cambios Auto'!CQ10&gt;0,'Indices Auto'!CR10&gt;100),"V",IF(AND('Cambios Auto'!CQ10&gt;0,'Indices Auto'!CR10&lt;100),"A",IF(AND('Cambios Auto'!CQ10&lt;0,'Indices Auto'!CR10&gt;100),"N",IF(AND('Cambios Auto'!CQ10&lt;0,'Indices Auto'!CR10&lt;100),"R","NULL"))))</f>
        <v>V</v>
      </c>
      <c r="CR10" s="2" t="str">
        <f>IF(AND('Cambios Auto'!CR10&gt;0,'Indices Auto'!CS10&gt;100),"V",IF(AND('Cambios Auto'!CR10&gt;0,'Indices Auto'!CS10&lt;100),"A",IF(AND('Cambios Auto'!CR10&lt;0,'Indices Auto'!CS10&gt;100),"N",IF(AND('Cambios Auto'!CR10&lt;0,'Indices Auto'!CS10&lt;100),"R","NULL"))))</f>
        <v>V</v>
      </c>
      <c r="CS10" s="2" t="str">
        <f>IF(AND('Cambios Auto'!CS10&gt;0,'Indices Auto'!CT10&gt;100),"V",IF(AND('Cambios Auto'!CS10&gt;0,'Indices Auto'!CT10&lt;100),"A",IF(AND('Cambios Auto'!CS10&lt;0,'Indices Auto'!CT10&gt;100),"N",IF(AND('Cambios Auto'!CS10&lt;0,'Indices Auto'!CT10&lt;100),"R","NULL"))))</f>
        <v>V</v>
      </c>
      <c r="CT10" s="2" t="str">
        <f>IF(AND('Cambios Auto'!CT10&gt;0,'Indices Auto'!CU10&gt;100),"V",IF(AND('Cambios Auto'!CT10&gt;0,'Indices Auto'!CU10&lt;100),"A",IF(AND('Cambios Auto'!CT10&lt;0,'Indices Auto'!CU10&gt;100),"N",IF(AND('Cambios Auto'!CT10&lt;0,'Indices Auto'!CU10&lt;100),"R","NULL"))))</f>
        <v>V</v>
      </c>
      <c r="CU10" s="2" t="str">
        <f>IF(AND('Cambios Auto'!CU10&gt;0,'Indices Auto'!CV10&gt;100),"V",IF(AND('Cambios Auto'!CU10&gt;0,'Indices Auto'!CV10&lt;100),"A",IF(AND('Cambios Auto'!CU10&lt;0,'Indices Auto'!CV10&gt;100),"N",IF(AND('Cambios Auto'!CU10&lt;0,'Indices Auto'!CV10&lt;100),"R","NULL"))))</f>
        <v>V</v>
      </c>
      <c r="CV10" s="2" t="str">
        <f>IF(AND('Cambios Auto'!CV10&gt;0,'Indices Auto'!CW10&gt;100),"V",IF(AND('Cambios Auto'!CV10&gt;0,'Indices Auto'!CW10&lt;100),"A",IF(AND('Cambios Auto'!CV10&lt;0,'Indices Auto'!CW10&gt;100),"N",IF(AND('Cambios Auto'!CV10&lt;0,'Indices Auto'!CW10&lt;100),"R","NULL"))))</f>
        <v>V</v>
      </c>
      <c r="CW10" s="2" t="str">
        <f>IF(AND('Cambios Auto'!CW10&gt;0,'Indices Auto'!CX10&gt;100),"V",IF(AND('Cambios Auto'!CW10&gt;0,'Indices Auto'!CX10&lt;100),"A",IF(AND('Cambios Auto'!CW10&lt;0,'Indices Auto'!CX10&gt;100),"N",IF(AND('Cambios Auto'!CW10&lt;0,'Indices Auto'!CX10&lt;100),"R","NULL"))))</f>
        <v>V</v>
      </c>
      <c r="CX10" s="2" t="str">
        <f>IF(AND('Cambios Auto'!CX10&gt;0,'Indices Auto'!CY10&gt;100),"V",IF(AND('Cambios Auto'!CX10&gt;0,'Indices Auto'!CY10&lt;100),"A",IF(AND('Cambios Auto'!CX10&lt;0,'Indices Auto'!CY10&gt;100),"N",IF(AND('Cambios Auto'!CX10&lt;0,'Indices Auto'!CY10&lt;100),"R","NULL"))))</f>
        <v>V</v>
      </c>
      <c r="CY10" s="2" t="str">
        <f>IF(AND('Cambios Auto'!CY10&gt;0,'Indices Auto'!CZ10&gt;100),"V",IF(AND('Cambios Auto'!CY10&gt;0,'Indices Auto'!CZ10&lt;100),"A",IF(AND('Cambios Auto'!CY10&lt;0,'Indices Auto'!CZ10&gt;100),"N",IF(AND('Cambios Auto'!CY10&lt;0,'Indices Auto'!CZ10&lt;100),"R","NULL"))))</f>
        <v>V</v>
      </c>
      <c r="CZ10" s="2" t="str">
        <f>IF(AND('Cambios Auto'!CZ10&gt;0,'Indices Auto'!DA10&gt;100),"V",IF(AND('Cambios Auto'!CZ10&gt;0,'Indices Auto'!DA10&lt;100),"A",IF(AND('Cambios Auto'!CZ10&lt;0,'Indices Auto'!DA10&gt;100),"N",IF(AND('Cambios Auto'!CZ10&lt;0,'Indices Auto'!DA10&lt;100),"R","NULL"))))</f>
        <v>N</v>
      </c>
      <c r="DA10" s="2" t="str">
        <f>IF(AND('Cambios Auto'!DA10&gt;0,'Indices Auto'!DB10&gt;100),"V",IF(AND('Cambios Auto'!DA10&gt;0,'Indices Auto'!DB10&lt;100),"A",IF(AND('Cambios Auto'!DA10&lt;0,'Indices Auto'!DB10&gt;100),"N",IF(AND('Cambios Auto'!DA10&lt;0,'Indices Auto'!DB10&lt;100),"R","NULL"))))</f>
        <v>N</v>
      </c>
      <c r="DB10" s="2" t="str">
        <f>IF(AND('Cambios Auto'!DB10&gt;0,'Indices Auto'!DC10&gt;100),"V",IF(AND('Cambios Auto'!DB10&gt;0,'Indices Auto'!DC10&lt;100),"A",IF(AND('Cambios Auto'!DB10&lt;0,'Indices Auto'!DC10&gt;100),"N",IF(AND('Cambios Auto'!DB10&lt;0,'Indices Auto'!DC10&lt;100),"R","NULL"))))</f>
        <v>N</v>
      </c>
      <c r="DC10" s="2" t="str">
        <f>IF(AND('Cambios Auto'!DC10&gt;0,'Indices Auto'!DD10&gt;100),"V",IF(AND('Cambios Auto'!DC10&gt;0,'Indices Auto'!DD10&lt;100),"A",IF(AND('Cambios Auto'!DC10&lt;0,'Indices Auto'!DD10&gt;100),"N",IF(AND('Cambios Auto'!DC10&lt;0,'Indices Auto'!DD10&lt;100),"R","NULL"))))</f>
        <v>R</v>
      </c>
      <c r="DD10" s="2" t="str">
        <f>IF(AND('Cambios Auto'!DD10&gt;0,'Indices Auto'!DE10&gt;100),"V",IF(AND('Cambios Auto'!DD10&gt;0,'Indices Auto'!DE10&lt;100),"A",IF(AND('Cambios Auto'!DD10&lt;0,'Indices Auto'!DE10&gt;100),"N",IF(AND('Cambios Auto'!DD10&lt;0,'Indices Auto'!DE10&lt;100),"R","NULL"))))</f>
        <v>R</v>
      </c>
      <c r="DE10" s="2" t="str">
        <f>IF(AND('Cambios Auto'!DE10&gt;0,'Indices Auto'!DF10&gt;100),"V",IF(AND('Cambios Auto'!DE10&gt;0,'Indices Auto'!DF10&lt;100),"A",IF(AND('Cambios Auto'!DE10&lt;0,'Indices Auto'!DF10&gt;100),"N",IF(AND('Cambios Auto'!DE10&lt;0,'Indices Auto'!DF10&lt;100),"R","NULL"))))</f>
        <v>R</v>
      </c>
      <c r="DF10" s="2" t="str">
        <f>IF(AND('Cambios Auto'!DF10&gt;0,'Indices Auto'!DG10&gt;100),"V",IF(AND('Cambios Auto'!DF10&gt;0,'Indices Auto'!DG10&lt;100),"A",IF(AND('Cambios Auto'!DF10&lt;0,'Indices Auto'!DG10&gt;100),"N",IF(AND('Cambios Auto'!DF10&lt;0,'Indices Auto'!DG10&lt;100),"R","NULL"))))</f>
        <v>R</v>
      </c>
      <c r="DG10" s="2" t="str">
        <f>IF(AND('Cambios Auto'!DG10&gt;0,'Indices Auto'!DH10&gt;100),"V",IF(AND('Cambios Auto'!DG10&gt;0,'Indices Auto'!DH10&lt;100),"A",IF(AND('Cambios Auto'!DG10&lt;0,'Indices Auto'!DH10&gt;100),"N",IF(AND('Cambios Auto'!DG10&lt;0,'Indices Auto'!DH10&lt;100),"R","NULL"))))</f>
        <v>R</v>
      </c>
      <c r="DH10" s="2" t="str">
        <f>IF(AND('Cambios Auto'!DH10&gt;0,'Indices Auto'!DI10&gt;100),"V",IF(AND('Cambios Auto'!DH10&gt;0,'Indices Auto'!DI10&lt;100),"A",IF(AND('Cambios Auto'!DH10&lt;0,'Indices Auto'!DI10&gt;100),"N",IF(AND('Cambios Auto'!DH10&lt;0,'Indices Auto'!DI10&lt;100),"R","NULL"))))</f>
        <v>R</v>
      </c>
      <c r="DI10" s="2" t="str">
        <f>IF(AND('Cambios Auto'!DI10&gt;0,'Indices Auto'!DJ10&gt;100),"V",IF(AND('Cambios Auto'!DI10&gt;0,'Indices Auto'!DJ10&lt;100),"A",IF(AND('Cambios Auto'!DI10&lt;0,'Indices Auto'!DJ10&gt;100),"N",IF(AND('Cambios Auto'!DI10&lt;0,'Indices Auto'!DJ10&lt;100),"R","NULL"))))</f>
        <v>R</v>
      </c>
      <c r="DJ10" s="2" t="str">
        <f>IF(AND('Cambios Auto'!DJ10&gt;0,'Indices Auto'!DK10&gt;100),"V",IF(AND('Cambios Auto'!DJ10&gt;0,'Indices Auto'!DK10&lt;100),"A",IF(AND('Cambios Auto'!DJ10&lt;0,'Indices Auto'!DK10&gt;100),"N",IF(AND('Cambios Auto'!DJ10&lt;0,'Indices Auto'!DK10&lt;100),"R","NULL"))))</f>
        <v>R</v>
      </c>
      <c r="DK10" s="2" t="str">
        <f>IF(AND('Cambios Auto'!DK10&gt;0,'Indices Auto'!DL10&gt;100),"V",IF(AND('Cambios Auto'!DK10&gt;0,'Indices Auto'!DL10&lt;100),"A",IF(AND('Cambios Auto'!DK10&lt;0,'Indices Auto'!DL10&gt;100),"N",IF(AND('Cambios Auto'!DK10&lt;0,'Indices Auto'!DL10&lt;100),"R","NULL"))))</f>
        <v>A</v>
      </c>
      <c r="DL10" s="2" t="str">
        <f>IF(AND('Cambios Auto'!DL10&gt;0,'Indices Auto'!DM10&gt;100),"V",IF(AND('Cambios Auto'!DL10&gt;0,'Indices Auto'!DM10&lt;100),"A",IF(AND('Cambios Auto'!DL10&lt;0,'Indices Auto'!DM10&gt;100),"N",IF(AND('Cambios Auto'!DL10&lt;0,'Indices Auto'!DM10&lt;100),"R","NULL"))))</f>
        <v>A</v>
      </c>
      <c r="DM10" s="2" t="str">
        <f>IF(AND('Cambios Auto'!DM10&gt;0,'Indices Auto'!DN10&gt;100),"V",IF(AND('Cambios Auto'!DM10&gt;0,'Indices Auto'!DN10&lt;100),"A",IF(AND('Cambios Auto'!DM10&lt;0,'Indices Auto'!DN10&gt;100),"N",IF(AND('Cambios Auto'!DM10&lt;0,'Indices Auto'!DN10&lt;100),"R","NULL"))))</f>
        <v>A</v>
      </c>
      <c r="DN10" s="2" t="str">
        <f>IF(AND('Cambios Auto'!DN10&gt;0,'Indices Auto'!DO10&gt;100),"V",IF(AND('Cambios Auto'!DN10&gt;0,'Indices Auto'!DO10&lt;100),"A",IF(AND('Cambios Auto'!DN10&lt;0,'Indices Auto'!DO10&gt;100),"N",IF(AND('Cambios Auto'!DN10&lt;0,'Indices Auto'!DO10&lt;100),"R","NULL"))))</f>
        <v>A</v>
      </c>
      <c r="DO10" s="2" t="str">
        <f>IF(AND('Cambios Auto'!DO10&gt;0,'Indices Auto'!DP10&gt;100),"V",IF(AND('Cambios Auto'!DO10&gt;0,'Indices Auto'!DP10&lt;100),"A",IF(AND('Cambios Auto'!DO10&lt;0,'Indices Auto'!DP10&gt;100),"N",IF(AND('Cambios Auto'!DO10&lt;0,'Indices Auto'!DP10&lt;100),"R","NULL"))))</f>
        <v>A</v>
      </c>
      <c r="DP10" s="2" t="str">
        <f>IF(AND('Cambios Auto'!DP10&gt;0,'Indices Auto'!DQ10&gt;100),"V",IF(AND('Cambios Auto'!DP10&gt;0,'Indices Auto'!DQ10&lt;100),"A",IF(AND('Cambios Auto'!DP10&lt;0,'Indices Auto'!DQ10&gt;100),"N",IF(AND('Cambios Auto'!DP10&lt;0,'Indices Auto'!DQ10&lt;100),"R","NULL"))))</f>
        <v>A</v>
      </c>
      <c r="DQ10" s="2" t="str">
        <f>IF(AND('Cambios Auto'!DQ10&gt;0,'Indices Auto'!DR10&gt;100),"V",IF(AND('Cambios Auto'!DQ10&gt;0,'Indices Auto'!DR10&lt;100),"A",IF(AND('Cambios Auto'!DQ10&lt;0,'Indices Auto'!DR10&gt;100),"N",IF(AND('Cambios Auto'!DQ10&lt;0,'Indices Auto'!DR10&lt;100),"R","NULL"))))</f>
        <v>A</v>
      </c>
      <c r="DR10" s="2" t="str">
        <f>IF(AND('Cambios Auto'!DR10&gt;0,'Indices Auto'!DS10&gt;100),"V",IF(AND('Cambios Auto'!DR10&gt;0,'Indices Auto'!DS10&lt;100),"A",IF(AND('Cambios Auto'!DR10&lt;0,'Indices Auto'!DS10&gt;100),"N",IF(AND('Cambios Auto'!DR10&lt;0,'Indices Auto'!DS10&lt;100),"R","NULL"))))</f>
        <v>A</v>
      </c>
      <c r="DS10" s="2" t="str">
        <f>IF(AND('Cambios Auto'!DS10&gt;0,'Indices Auto'!DT10&gt;100),"V",IF(AND('Cambios Auto'!DS10&gt;0,'Indices Auto'!DT10&lt;100),"A",IF(AND('Cambios Auto'!DS10&lt;0,'Indices Auto'!DT10&gt;100),"N",IF(AND('Cambios Auto'!DS10&lt;0,'Indices Auto'!DT10&lt;100),"R","NULL"))))</f>
        <v>A</v>
      </c>
      <c r="DT10" s="2" t="str">
        <f>IF(AND('Cambios Auto'!DT10&gt;0,'Indices Auto'!DU10&gt;100),"V",IF(AND('Cambios Auto'!DT10&gt;0,'Indices Auto'!DU10&lt;100),"A",IF(AND('Cambios Auto'!DT10&lt;0,'Indices Auto'!DU10&gt;100),"N",IF(AND('Cambios Auto'!DT10&lt;0,'Indices Auto'!DU10&lt;100),"R","NULL"))))</f>
        <v>A</v>
      </c>
      <c r="DU10" s="2" t="str">
        <f>IF(AND('Cambios Auto'!DU10&gt;0,'Indices Auto'!DV10&gt;100),"V",IF(AND('Cambios Auto'!DU10&gt;0,'Indices Auto'!DV10&lt;100),"A",IF(AND('Cambios Auto'!DU10&lt;0,'Indices Auto'!DV10&gt;100),"N",IF(AND('Cambios Auto'!DU10&lt;0,'Indices Auto'!DV10&lt;100),"R","NULL"))))</f>
        <v>A</v>
      </c>
      <c r="DV10" s="2" t="str">
        <f>IF(AND('Cambios Auto'!DV10&gt;0,'Indices Auto'!DW10&gt;100),"V",IF(AND('Cambios Auto'!DV10&gt;0,'Indices Auto'!DW10&lt;100),"A",IF(AND('Cambios Auto'!DV10&lt;0,'Indices Auto'!DW10&gt;100),"N",IF(AND('Cambios Auto'!DV10&lt;0,'Indices Auto'!DW10&lt;100),"R","NULL"))))</f>
        <v>A</v>
      </c>
      <c r="DW10" s="2" t="str">
        <f>IF(AND('Cambios Auto'!DW10&gt;0,'Indices Auto'!DX10&gt;100),"V",IF(AND('Cambios Auto'!DW10&gt;0,'Indices Auto'!DX10&lt;100),"A",IF(AND('Cambios Auto'!DW10&lt;0,'Indices Auto'!DX10&gt;100),"N",IF(AND('Cambios Auto'!DW10&lt;0,'Indices Auto'!DX10&lt;100),"R","NULL"))))</f>
        <v>A</v>
      </c>
      <c r="DX10" s="2" t="str">
        <f>IF(AND('Cambios Auto'!DX10&gt;0,'Indices Auto'!DY10&gt;100),"V",IF(AND('Cambios Auto'!DX10&gt;0,'Indices Auto'!DY10&lt;100),"A",IF(AND('Cambios Auto'!DX10&lt;0,'Indices Auto'!DY10&gt;100),"N",IF(AND('Cambios Auto'!DX10&lt;0,'Indices Auto'!DY10&lt;100),"R","NULL"))))</f>
        <v>A</v>
      </c>
      <c r="DY10" s="2" t="str">
        <f>IF(AND('Cambios Auto'!DY10&gt;0,'Indices Auto'!DZ10&gt;100),"V",IF(AND('Cambios Auto'!DY10&gt;0,'Indices Auto'!DZ10&lt;100),"A",IF(AND('Cambios Auto'!DY10&lt;0,'Indices Auto'!DZ10&gt;100),"N",IF(AND('Cambios Auto'!DY10&lt;0,'Indices Auto'!DZ10&lt;100),"R","NULL"))))</f>
        <v>A</v>
      </c>
      <c r="DZ10" s="2" t="str">
        <f>IF(AND('Cambios Auto'!DZ10&gt;0,'Indices Auto'!EA10&gt;100),"V",IF(AND('Cambios Auto'!DZ10&gt;0,'Indices Auto'!EA10&lt;100),"A",IF(AND('Cambios Auto'!DZ10&lt;0,'Indices Auto'!EA10&gt;100),"N",IF(AND('Cambios Auto'!DZ10&lt;0,'Indices Auto'!EA10&lt;100),"R","NULL"))))</f>
        <v>A</v>
      </c>
      <c r="EA10" s="2" t="str">
        <f>IF(AND('Cambios Auto'!EA10&gt;0,'Indices Auto'!EB10&gt;100),"V",IF(AND('Cambios Auto'!EA10&gt;0,'Indices Auto'!EB10&lt;100),"A",IF(AND('Cambios Auto'!EA10&lt;0,'Indices Auto'!EB10&gt;100),"N",IF(AND('Cambios Auto'!EA10&lt;0,'Indices Auto'!EB10&lt;100),"R","NULL"))))</f>
        <v>V</v>
      </c>
      <c r="EB10" s="2" t="str">
        <f>IF(AND('Cambios Auto'!EB10&gt;0,'Indices Auto'!EC10&gt;100),"V",IF(AND('Cambios Auto'!EB10&gt;0,'Indices Auto'!EC10&lt;100),"A",IF(AND('Cambios Auto'!EB10&lt;0,'Indices Auto'!EC10&gt;100),"N",IF(AND('Cambios Auto'!EB10&lt;0,'Indices Auto'!EC10&lt;100),"R","NULL"))))</f>
        <v>V</v>
      </c>
      <c r="EC10" s="2" t="str">
        <f>IF(AND('Cambios Auto'!EC10&gt;0,'Indices Auto'!ED10&gt;100),"V",IF(AND('Cambios Auto'!EC10&gt;0,'Indices Auto'!ED10&lt;100),"A",IF(AND('Cambios Auto'!EC10&lt;0,'Indices Auto'!ED10&gt;100),"N",IF(AND('Cambios Auto'!EC10&lt;0,'Indices Auto'!ED10&lt;100),"R","NULL"))))</f>
        <v>V</v>
      </c>
      <c r="ED10" s="2" t="str">
        <f>IF(AND('Cambios Auto'!ED10&gt;0,'Indices Auto'!EE10&gt;100),"V",IF(AND('Cambios Auto'!ED10&gt;0,'Indices Auto'!EE10&lt;100),"A",IF(AND('Cambios Auto'!ED10&lt;0,'Indices Auto'!EE10&gt;100),"N",IF(AND('Cambios Auto'!ED10&lt;0,'Indices Auto'!EE10&lt;100),"R","NULL"))))</f>
        <v>V</v>
      </c>
      <c r="EE10" s="2" t="str">
        <f>IF(AND('Cambios Auto'!EE10&gt;0,'Indices Auto'!EF10&gt;100),"V",IF(AND('Cambios Auto'!EE10&gt;0,'Indices Auto'!EF10&lt;100),"A",IF(AND('Cambios Auto'!EE10&lt;0,'Indices Auto'!EF10&gt;100),"N",IF(AND('Cambios Auto'!EE10&lt;0,'Indices Auto'!EF10&lt;100),"R","NULL"))))</f>
        <v>V</v>
      </c>
      <c r="EF10" s="2" t="str">
        <f>IF(AND('Cambios Auto'!EF10&gt;0,'Indices Auto'!EG10&gt;100),"V",IF(AND('Cambios Auto'!EF10&gt;0,'Indices Auto'!EG10&lt;100),"A",IF(AND('Cambios Auto'!EF10&lt;0,'Indices Auto'!EG10&gt;100),"N",IF(AND('Cambios Auto'!EF10&lt;0,'Indices Auto'!EG10&lt;100),"R","NULL"))))</f>
        <v>V</v>
      </c>
      <c r="EG10" s="2" t="str">
        <f>IF(AND('Cambios Auto'!EG10&gt;0,'Indices Auto'!EH10&gt;100),"V",IF(AND('Cambios Auto'!EG10&gt;0,'Indices Auto'!EH10&lt;100),"A",IF(AND('Cambios Auto'!EG10&lt;0,'Indices Auto'!EH10&gt;100),"N",IF(AND('Cambios Auto'!EG10&lt;0,'Indices Auto'!EH10&lt;100),"R","NULL"))))</f>
        <v>V</v>
      </c>
      <c r="EH10" s="2" t="str">
        <f>IF(AND('Cambios Auto'!EH10&gt;0,'Indices Auto'!EI10&gt;100),"V",IF(AND('Cambios Auto'!EH10&gt;0,'Indices Auto'!EI10&lt;100),"A",IF(AND('Cambios Auto'!EH10&lt;0,'Indices Auto'!EI10&gt;100),"N",IF(AND('Cambios Auto'!EH10&lt;0,'Indices Auto'!EI10&lt;100),"R","NULL"))))</f>
        <v>V</v>
      </c>
      <c r="EI10" s="2" t="str">
        <f>IF(AND('Cambios Auto'!EI10&gt;0,'Indices Auto'!EJ10&gt;100),"V",IF(AND('Cambios Auto'!EI10&gt;0,'Indices Auto'!EJ10&lt;100),"A",IF(AND('Cambios Auto'!EI10&lt;0,'Indices Auto'!EJ10&gt;100),"N",IF(AND('Cambios Auto'!EI10&lt;0,'Indices Auto'!EJ10&lt;100),"R","NULL"))))</f>
        <v>V</v>
      </c>
      <c r="EJ10" s="2" t="str">
        <f>IF(AND('Cambios Auto'!EJ10&gt;0,'Indices Auto'!EK10&gt;100),"V",IF(AND('Cambios Auto'!EJ10&gt;0,'Indices Auto'!EK10&lt;100),"A",IF(AND('Cambios Auto'!EJ10&lt;0,'Indices Auto'!EK10&gt;100),"N",IF(AND('Cambios Auto'!EJ10&lt;0,'Indices Auto'!EK10&lt;100),"R","NULL"))))</f>
        <v>V</v>
      </c>
      <c r="EK10" s="2" t="str">
        <f>IF(AND('Cambios Auto'!EK10&gt;0,'Indices Auto'!EL10&gt;100),"V",IF(AND('Cambios Auto'!EK10&gt;0,'Indices Auto'!EL10&lt;100),"A",IF(AND('Cambios Auto'!EK10&lt;0,'Indices Auto'!EL10&gt;100),"N",IF(AND('Cambios Auto'!EK10&lt;0,'Indices Auto'!EL10&lt;100),"R","NULL"))))</f>
        <v>N</v>
      </c>
      <c r="EL10" s="2" t="str">
        <f>IF(AND('Cambios Auto'!EL10&gt;0,'Indices Auto'!EM10&gt;100),"V",IF(AND('Cambios Auto'!EL10&gt;0,'Indices Auto'!EM10&lt;100),"A",IF(AND('Cambios Auto'!EL10&lt;0,'Indices Auto'!EM10&gt;100),"N",IF(AND('Cambios Auto'!EL10&lt;0,'Indices Auto'!EM10&lt;100),"R","NULL"))))</f>
        <v>N</v>
      </c>
      <c r="EM10" s="2" t="str">
        <f>IF(AND('Cambios Auto'!EM10&gt;0,'Indices Auto'!EN10&gt;100),"V",IF(AND('Cambios Auto'!EM10&gt;0,'Indices Auto'!EN10&lt;100),"A",IF(AND('Cambios Auto'!EM10&lt;0,'Indices Auto'!EN10&gt;100),"N",IF(AND('Cambios Auto'!EM10&lt;0,'Indices Auto'!EN10&lt;100),"R","NULL"))))</f>
        <v>N</v>
      </c>
      <c r="EN10" s="2" t="str">
        <f>IF(AND('Cambios Auto'!EN10&gt;0,'Indices Auto'!EO10&gt;100),"V",IF(AND('Cambios Auto'!EN10&gt;0,'Indices Auto'!EO10&lt;100),"A",IF(AND('Cambios Auto'!EN10&lt;0,'Indices Auto'!EO10&gt;100),"N",IF(AND('Cambios Auto'!EN10&lt;0,'Indices Auto'!EO10&lt;100),"R","NULL"))))</f>
        <v>N</v>
      </c>
      <c r="EO10" s="2" t="str">
        <f>IF(AND('Cambios Auto'!EO10&gt;0,'Indices Auto'!EP10&gt;100),"V",IF(AND('Cambios Auto'!EO10&gt;0,'Indices Auto'!EP10&lt;100),"A",IF(AND('Cambios Auto'!EO10&lt;0,'Indices Auto'!EP10&gt;100),"N",IF(AND('Cambios Auto'!EO10&lt;0,'Indices Auto'!EP10&lt;100),"R","NULL"))))</f>
        <v>N</v>
      </c>
      <c r="EP10" s="2" t="str">
        <f>IF(AND('Cambios Auto'!EP10&gt;0,'Indices Auto'!EQ10&gt;100),"V",IF(AND('Cambios Auto'!EP10&gt;0,'Indices Auto'!EQ10&lt;100),"A",IF(AND('Cambios Auto'!EP10&lt;0,'Indices Auto'!EQ10&gt;100),"N",IF(AND('Cambios Auto'!EP10&lt;0,'Indices Auto'!EQ10&lt;100),"R","NULL"))))</f>
        <v>V</v>
      </c>
      <c r="EQ10" s="2" t="str">
        <f>IF(AND('Cambios Auto'!EQ10&gt;0,'Indices Auto'!ER10&gt;100),"V",IF(AND('Cambios Auto'!EQ10&gt;0,'Indices Auto'!ER10&lt;100),"A",IF(AND('Cambios Auto'!EQ10&lt;0,'Indices Auto'!ER10&gt;100),"N",IF(AND('Cambios Auto'!EQ10&lt;0,'Indices Auto'!ER10&lt;100),"R","NULL"))))</f>
        <v>V</v>
      </c>
      <c r="ER10" s="2" t="str">
        <f>IF(AND('Cambios Auto'!ER10&gt;0,'Indices Auto'!ES10&gt;100),"V",IF(AND('Cambios Auto'!ER10&gt;0,'Indices Auto'!ES10&lt;100),"A",IF(AND('Cambios Auto'!ER10&lt;0,'Indices Auto'!ES10&gt;100),"N",IF(AND('Cambios Auto'!ER10&lt;0,'Indices Auto'!ES10&lt;100),"R","NULL"))))</f>
        <v>N</v>
      </c>
      <c r="ES10" s="2" t="str">
        <f>IF(AND('Cambios Auto'!ES10&gt;0,'Indices Auto'!ET10&gt;100),"V",IF(AND('Cambios Auto'!ES10&gt;0,'Indices Auto'!ET10&lt;100),"A",IF(AND('Cambios Auto'!ES10&lt;0,'Indices Auto'!ET10&gt;100),"N",IF(AND('Cambios Auto'!ES10&lt;0,'Indices Auto'!ET10&lt;100),"R","NULL"))))</f>
        <v>N</v>
      </c>
      <c r="ET10" s="2" t="str">
        <f>IF(AND('Cambios Auto'!ET10&gt;0,'Indices Auto'!EU10&gt;100),"V",IF(AND('Cambios Auto'!ET10&gt;0,'Indices Auto'!EU10&lt;100),"A",IF(AND('Cambios Auto'!ET10&lt;0,'Indices Auto'!EU10&gt;100),"N",IF(AND('Cambios Auto'!ET10&lt;0,'Indices Auto'!EU10&lt;100),"R","NULL"))))</f>
        <v>N</v>
      </c>
      <c r="EU10" s="2" t="str">
        <f>IF(AND('Cambios Auto'!EU10&gt;0,'Indices Auto'!EV10&gt;100),"V",IF(AND('Cambios Auto'!EU10&gt;0,'Indices Auto'!EV10&lt;100),"A",IF(AND('Cambios Auto'!EU10&lt;0,'Indices Auto'!EV10&gt;100),"N",IF(AND('Cambios Auto'!EU10&lt;0,'Indices Auto'!EV10&lt;100),"R","NULL"))))</f>
        <v>N</v>
      </c>
      <c r="EV10" s="2" t="str">
        <f>IF(AND('Cambios Auto'!EV10&gt;0,'Indices Auto'!EW10&gt;100),"V",IF(AND('Cambios Auto'!EV10&gt;0,'Indices Auto'!EW10&lt;100),"A",IF(AND('Cambios Auto'!EV10&lt;0,'Indices Auto'!EW10&gt;100),"N",IF(AND('Cambios Auto'!EV10&lt;0,'Indices Auto'!EW10&lt;100),"R","NULL"))))</f>
        <v>N</v>
      </c>
      <c r="EW10" s="2" t="str">
        <f>IF(AND('Cambios Auto'!EW10&gt;0,'Indices Auto'!EX10&gt;100),"V",IF(AND('Cambios Auto'!EW10&gt;0,'Indices Auto'!EX10&lt;100),"A",IF(AND('Cambios Auto'!EW10&lt;0,'Indices Auto'!EX10&gt;100),"N",IF(AND('Cambios Auto'!EW10&lt;0,'Indices Auto'!EX10&lt;100),"R","NULL"))))</f>
        <v>N</v>
      </c>
      <c r="EX10" s="2" t="str">
        <f>IF(AND('Cambios Auto'!EX10&gt;0,'Indices Auto'!EY10&gt;100),"V",IF(AND('Cambios Auto'!EX10&gt;0,'Indices Auto'!EY10&lt;100),"A",IF(AND('Cambios Auto'!EX10&lt;0,'Indices Auto'!EY10&gt;100),"N",IF(AND('Cambios Auto'!EX10&lt;0,'Indices Auto'!EY10&lt;100),"R","NULL"))))</f>
        <v>V</v>
      </c>
      <c r="EY10" s="2" t="str">
        <f>IF(AND('Cambios Auto'!EY10&gt;0,'Indices Auto'!EZ10&gt;100),"V",IF(AND('Cambios Auto'!EY10&gt;0,'Indices Auto'!EZ10&lt;100),"A",IF(AND('Cambios Auto'!EY10&lt;0,'Indices Auto'!EZ10&gt;100),"N",IF(AND('Cambios Auto'!EY10&lt;0,'Indices Auto'!EZ10&lt;100),"R","NULL"))))</f>
        <v>V</v>
      </c>
      <c r="EZ10" s="2" t="str">
        <f>IF(AND('Cambios Auto'!EZ10&gt;0,'Indices Auto'!FA10&gt;100),"V",IF(AND('Cambios Auto'!EZ10&gt;0,'Indices Auto'!FA10&lt;100),"A",IF(AND('Cambios Auto'!EZ10&lt;0,'Indices Auto'!FA10&gt;100),"N",IF(AND('Cambios Auto'!EZ10&lt;0,'Indices Auto'!FA10&lt;100),"R","NULL"))))</f>
        <v>V</v>
      </c>
      <c r="FA10" s="2" t="str">
        <f>IF(AND('Cambios Auto'!FA10&gt;0,'Indices Auto'!FB10&gt;100),"V",IF(AND('Cambios Auto'!FA10&gt;0,'Indices Auto'!FB10&lt;100),"A",IF(AND('Cambios Auto'!FA10&lt;0,'Indices Auto'!FB10&gt;100),"N",IF(AND('Cambios Auto'!FA10&lt;0,'Indices Auto'!FB10&lt;100),"R","NULL"))))</f>
        <v>V</v>
      </c>
      <c r="FB10" s="2" t="str">
        <f>IF(AND('Cambios Auto'!FB10&gt;0,'Indices Auto'!FC10&gt;100),"V",IF(AND('Cambios Auto'!FB10&gt;0,'Indices Auto'!FC10&lt;100),"A",IF(AND('Cambios Auto'!FB10&lt;0,'Indices Auto'!FC10&gt;100),"N",IF(AND('Cambios Auto'!FB10&lt;0,'Indices Auto'!FC10&lt;100),"R","NULL"))))</f>
        <v>V</v>
      </c>
      <c r="FC10" s="2" t="str">
        <f>IF(AND('Cambios Auto'!FC10&gt;0,'Indices Auto'!FD10&gt;100),"V",IF(AND('Cambios Auto'!FC10&gt;0,'Indices Auto'!FD10&lt;100),"A",IF(AND('Cambios Auto'!FC10&lt;0,'Indices Auto'!FD10&gt;100),"N",IF(AND('Cambios Auto'!FC10&lt;0,'Indices Auto'!FD10&lt;100),"R","NULL"))))</f>
        <v>V</v>
      </c>
      <c r="FD10" s="2" t="str">
        <f>IF(AND('Cambios Auto'!FD10&gt;0,'Indices Auto'!FE10&gt;100),"V",IF(AND('Cambios Auto'!FD10&gt;0,'Indices Auto'!FE10&lt;100),"A",IF(AND('Cambios Auto'!FD10&lt;0,'Indices Auto'!FE10&gt;100),"N",IF(AND('Cambios Auto'!FD10&lt;0,'Indices Auto'!FE10&lt;100),"R","NULL"))))</f>
        <v>N</v>
      </c>
      <c r="FE10" s="2" t="str">
        <f>IF(AND('Cambios Auto'!FE10&gt;0,'Indices Auto'!FF10&gt;100),"V",IF(AND('Cambios Auto'!FE10&gt;0,'Indices Auto'!FF10&lt;100),"A",IF(AND('Cambios Auto'!FE10&lt;0,'Indices Auto'!FF10&gt;100),"N",IF(AND('Cambios Auto'!FE10&lt;0,'Indices Auto'!FF10&lt;100),"R","NULL"))))</f>
        <v>N</v>
      </c>
      <c r="FF10" s="2" t="str">
        <f>IF(AND('Cambios Auto'!FF10&gt;0,'Indices Auto'!FG10&gt;100),"V",IF(AND('Cambios Auto'!FF10&gt;0,'Indices Auto'!FG10&lt;100),"A",IF(AND('Cambios Auto'!FF10&lt;0,'Indices Auto'!FG10&gt;100),"N",IF(AND('Cambios Auto'!FF10&lt;0,'Indices Auto'!FG10&lt;100),"R","NULL"))))</f>
        <v>N</v>
      </c>
      <c r="FG10" s="2" t="str">
        <f>IF(AND('Cambios Auto'!FG10&gt;0,'Indices Auto'!FH10&gt;100),"V",IF(AND('Cambios Auto'!FG10&gt;0,'Indices Auto'!FH10&lt;100),"A",IF(AND('Cambios Auto'!FG10&lt;0,'Indices Auto'!FH10&gt;100),"N",IF(AND('Cambios Auto'!FG10&lt;0,'Indices Auto'!FH10&lt;100),"R","NULL"))))</f>
        <v>N</v>
      </c>
      <c r="FH10" s="2" t="str">
        <f>IF(AND('Cambios Auto'!FH10&gt;0,'Indices Auto'!FI10&gt;100),"V",IF(AND('Cambios Auto'!FH10&gt;0,'Indices Auto'!FI10&lt;100),"A",IF(AND('Cambios Auto'!FH10&lt;0,'Indices Auto'!FI10&gt;100),"N",IF(AND('Cambios Auto'!FH10&lt;0,'Indices Auto'!FI10&lt;100),"R","NULL"))))</f>
        <v>N</v>
      </c>
      <c r="FI10" s="2" t="str">
        <f>IF(AND('Cambios Auto'!FI10&gt;0,'Indices Auto'!FJ10&gt;100),"V",IF(AND('Cambios Auto'!FI10&gt;0,'Indices Auto'!FJ10&lt;100),"A",IF(AND('Cambios Auto'!FI10&lt;0,'Indices Auto'!FJ10&gt;100),"N",IF(AND('Cambios Auto'!FI10&lt;0,'Indices Auto'!FJ10&lt;100),"R","NULL"))))</f>
        <v>N</v>
      </c>
      <c r="FJ10" s="2" t="str">
        <f>IF(AND('Cambios Auto'!FJ10&gt;0,'Indices Auto'!FK10&gt;100),"V",IF(AND('Cambios Auto'!FJ10&gt;0,'Indices Auto'!FK10&lt;100),"A",IF(AND('Cambios Auto'!FJ10&lt;0,'Indices Auto'!FK10&gt;100),"N",IF(AND('Cambios Auto'!FJ10&lt;0,'Indices Auto'!FK10&lt;100),"R","NULL"))))</f>
        <v>R</v>
      </c>
      <c r="FK10" s="2" t="str">
        <f>IF(AND('Cambios Auto'!FK10&gt;0,'Indices Auto'!FL10&gt;100),"V",IF(AND('Cambios Auto'!FK10&gt;0,'Indices Auto'!FL10&lt;100),"A",IF(AND('Cambios Auto'!FK10&lt;0,'Indices Auto'!FL10&gt;100),"N",IF(AND('Cambios Auto'!FK10&lt;0,'Indices Auto'!FL10&lt;100),"R","NULL"))))</f>
        <v>R</v>
      </c>
      <c r="FL10" s="2" t="str">
        <f>IF(AND('Cambios Auto'!FL10&gt;0,'Indices Auto'!FM10&gt;100),"V",IF(AND('Cambios Auto'!FL10&gt;0,'Indices Auto'!FM10&lt;100),"A",IF(AND('Cambios Auto'!FL10&lt;0,'Indices Auto'!FM10&gt;100),"N",IF(AND('Cambios Auto'!FL10&lt;0,'Indices Auto'!FM10&lt;100),"R","NULL"))))</f>
        <v>N</v>
      </c>
      <c r="FM10" s="2" t="str">
        <f>IF(AND('Cambios Auto'!FM10&gt;0,'Indices Auto'!FN10&gt;100),"V",IF(AND('Cambios Auto'!FM10&gt;0,'Indices Auto'!FN10&lt;100),"A",IF(AND('Cambios Auto'!FM10&lt;0,'Indices Auto'!FN10&gt;100),"N",IF(AND('Cambios Auto'!FM10&lt;0,'Indices Auto'!FN10&lt;100),"R","NULL"))))</f>
        <v>V</v>
      </c>
      <c r="FN10" s="2" t="str">
        <f>IF(AND('Cambios Auto'!FN10&gt;0,'Indices Auto'!FO10&gt;100),"V",IF(AND('Cambios Auto'!FN10&gt;0,'Indices Auto'!FO10&lt;100),"A",IF(AND('Cambios Auto'!FN10&lt;0,'Indices Auto'!FO10&gt;100),"N",IF(AND('Cambios Auto'!FN10&lt;0,'Indices Auto'!FO10&lt;100),"R","NULL"))))</f>
        <v>V</v>
      </c>
      <c r="FO10" s="2" t="str">
        <f>IF(AND('Cambios Auto'!FO10&gt;0,'Indices Auto'!FP10&gt;100),"V",IF(AND('Cambios Auto'!FO10&gt;0,'Indices Auto'!FP10&lt;100),"A",IF(AND('Cambios Auto'!FO10&lt;0,'Indices Auto'!FP10&gt;100),"N",IF(AND('Cambios Auto'!FO10&lt;0,'Indices Auto'!FP10&lt;100),"R","NULL"))))</f>
        <v>V</v>
      </c>
      <c r="FP10" s="2" t="str">
        <f>IF(AND('Cambios Auto'!FP10&gt;0,'Indices Auto'!FQ10&gt;100),"V",IF(AND('Cambios Auto'!FP10&gt;0,'Indices Auto'!FQ10&lt;100),"A",IF(AND('Cambios Auto'!FP10&lt;0,'Indices Auto'!FQ10&gt;100),"N",IF(AND('Cambios Auto'!FP10&lt;0,'Indices Auto'!FQ10&lt;100),"R","NULL"))))</f>
        <v>V</v>
      </c>
      <c r="FQ10" s="2" t="str">
        <f>IF(AND('Cambios Auto'!FQ10&gt;0,'Indices Auto'!FR10&gt;100),"V",IF(AND('Cambios Auto'!FQ10&gt;0,'Indices Auto'!FR10&lt;100),"A",IF(AND('Cambios Auto'!FQ10&lt;0,'Indices Auto'!FR10&gt;100),"N",IF(AND('Cambios Auto'!FQ10&lt;0,'Indices Auto'!FR10&lt;100),"R","NULL"))))</f>
        <v>V</v>
      </c>
      <c r="FR10" s="2" t="str">
        <f>IF(AND('Cambios Auto'!FR10&gt;0,'Indices Auto'!FS10&gt;100),"V",IF(AND('Cambios Auto'!FR10&gt;0,'Indices Auto'!FS10&lt;100),"A",IF(AND('Cambios Auto'!FR10&lt;0,'Indices Auto'!FS10&gt;100),"N",IF(AND('Cambios Auto'!FR10&lt;0,'Indices Auto'!FS10&lt;100),"R","NULL"))))</f>
        <v>V</v>
      </c>
      <c r="FS10" s="2" t="str">
        <f>IF(AND('Cambios Auto'!FS10&gt;0,'Indices Auto'!FT10&gt;100),"V",IF(AND('Cambios Auto'!FS10&gt;0,'Indices Auto'!FT10&lt;100),"A",IF(AND('Cambios Auto'!FS10&lt;0,'Indices Auto'!FT10&gt;100),"N",IF(AND('Cambios Auto'!FS10&lt;0,'Indices Auto'!FT10&lt;100),"R","NULL"))))</f>
        <v>V</v>
      </c>
      <c r="FT10" s="2" t="str">
        <f>IF(AND('Cambios Auto'!FT10&gt;0,'Indices Auto'!FU10&gt;100),"V",IF(AND('Cambios Auto'!FT10&gt;0,'Indices Auto'!FU10&lt;100),"A",IF(AND('Cambios Auto'!FT10&lt;0,'Indices Auto'!FU10&gt;100),"N",IF(AND('Cambios Auto'!FT10&lt;0,'Indices Auto'!FU10&lt;100),"R","NULL"))))</f>
        <v>N</v>
      </c>
      <c r="FU10" s="2" t="str">
        <f>IF(AND('Cambios Auto'!FU10&gt;0,'Indices Auto'!FV10&gt;100),"V",IF(AND('Cambios Auto'!FU10&gt;0,'Indices Auto'!FV10&lt;100),"A",IF(AND('Cambios Auto'!FU10&lt;0,'Indices Auto'!FV10&gt;100),"N",IF(AND('Cambios Auto'!FU10&lt;0,'Indices Auto'!FV10&lt;100),"R","NULL"))))</f>
        <v>N</v>
      </c>
      <c r="FV10" s="2" t="str">
        <f>IF(AND('Cambios Auto'!FV10&gt;0,'Indices Auto'!FW10&gt;100),"V",IF(AND('Cambios Auto'!FV10&gt;0,'Indices Auto'!FW10&lt;100),"A",IF(AND('Cambios Auto'!FV10&lt;0,'Indices Auto'!FW10&gt;100),"N",IF(AND('Cambios Auto'!FV10&lt;0,'Indices Auto'!FW10&lt;100),"R","NULL"))))</f>
        <v>N</v>
      </c>
      <c r="FW10" s="2" t="str">
        <f>IF(AND('Cambios Auto'!FW10&gt;0,'Indices Auto'!FX10&gt;100),"V",IF(AND('Cambios Auto'!FW10&gt;0,'Indices Auto'!FX10&lt;100),"A",IF(AND('Cambios Auto'!FW10&lt;0,'Indices Auto'!FX10&gt;100),"N",IF(AND('Cambios Auto'!FW10&lt;0,'Indices Auto'!FX10&lt;100),"R","NULL"))))</f>
        <v>N</v>
      </c>
      <c r="FX10" s="2" t="str">
        <f>IF(AND('Cambios Auto'!FX10&gt;0,'Indices Auto'!FY10&gt;100),"V",IF(AND('Cambios Auto'!FX10&gt;0,'Indices Auto'!FY10&lt;100),"A",IF(AND('Cambios Auto'!FX10&lt;0,'Indices Auto'!FY10&gt;100),"N",IF(AND('Cambios Auto'!FX10&lt;0,'Indices Auto'!FY10&lt;100),"R","NULL"))))</f>
        <v>N</v>
      </c>
      <c r="FY10" s="2" t="str">
        <f>IF(AND('Cambios Auto'!FY10&gt;0,'Indices Auto'!FZ10&gt;100),"V",IF(AND('Cambios Auto'!FY10&gt;0,'Indices Auto'!FZ10&lt;100),"A",IF(AND('Cambios Auto'!FY10&lt;0,'Indices Auto'!FZ10&gt;100),"N",IF(AND('Cambios Auto'!FY10&lt;0,'Indices Auto'!FZ10&lt;100),"R","NULL"))))</f>
        <v>N</v>
      </c>
      <c r="FZ10" s="2" t="str">
        <f>IF(AND('Cambios Auto'!FZ10&gt;0,'Indices Auto'!GA10&gt;100),"V",IF(AND('Cambios Auto'!FZ10&gt;0,'Indices Auto'!GA10&lt;100),"A",IF(AND('Cambios Auto'!FZ10&lt;0,'Indices Auto'!GA10&gt;100),"N",IF(AND('Cambios Auto'!FZ10&lt;0,'Indices Auto'!GA10&lt;100),"R","NULL"))))</f>
        <v>N</v>
      </c>
      <c r="GA10" s="2" t="str">
        <f>IF(AND('Cambios Auto'!GA10&gt;0,'Indices Auto'!GB10&gt;100),"V",IF(AND('Cambios Auto'!GA10&gt;0,'Indices Auto'!GB10&lt;100),"A",IF(AND('Cambios Auto'!GA10&lt;0,'Indices Auto'!GB10&gt;100),"N",IF(AND('Cambios Auto'!GA10&lt;0,'Indices Auto'!GB10&lt;100),"R","NULL"))))</f>
        <v>N</v>
      </c>
      <c r="GB10" s="2" t="str">
        <f>IF(AND('Cambios Auto'!GB10&gt;0,'Indices Auto'!GC10&gt;100),"V",IF(AND('Cambios Auto'!GB10&gt;0,'Indices Auto'!GC10&lt;100),"A",IF(AND('Cambios Auto'!GB10&lt;0,'Indices Auto'!GC10&gt;100),"N",IF(AND('Cambios Auto'!GB10&lt;0,'Indices Auto'!GC10&lt;100),"R","NULL"))))</f>
        <v>N</v>
      </c>
      <c r="GC10" s="2" t="str">
        <f>IF(AND('Cambios Auto'!GC10&gt;0,'Indices Auto'!GD10&gt;100),"V",IF(AND('Cambios Auto'!GC10&gt;0,'Indices Auto'!GD10&lt;100),"A",IF(AND('Cambios Auto'!GC10&lt;0,'Indices Auto'!GD10&gt;100),"N",IF(AND('Cambios Auto'!GC10&lt;0,'Indices Auto'!GD10&lt;100),"R","NULL"))))</f>
        <v>N</v>
      </c>
      <c r="GD10" s="2" t="str">
        <f>IF(AND('Cambios Auto'!GD10&gt;0,'Indices Auto'!GE10&gt;100),"V",IF(AND('Cambios Auto'!GD10&gt;0,'Indices Auto'!GE10&lt;100),"A",IF(AND('Cambios Auto'!GD10&lt;0,'Indices Auto'!GE10&gt;100),"N",IF(AND('Cambios Auto'!GD10&lt;0,'Indices Auto'!GE10&lt;100),"R","NULL"))))</f>
        <v>V</v>
      </c>
      <c r="GE10" s="2" t="str">
        <f>IF(AND('Cambios Auto'!GE10&gt;0,'Indices Auto'!GF10&gt;100),"V",IF(AND('Cambios Auto'!GE10&gt;0,'Indices Auto'!GF10&lt;100),"A",IF(AND('Cambios Auto'!GE10&lt;0,'Indices Auto'!GF10&gt;100),"N",IF(AND('Cambios Auto'!GE10&lt;0,'Indices Auto'!GF10&lt;100),"R","NULL"))))</f>
        <v>V</v>
      </c>
      <c r="GF10" s="2" t="str">
        <f>IF(AND('Cambios Auto'!GF10&gt;0,'Indices Auto'!GG10&gt;100),"V",IF(AND('Cambios Auto'!GF10&gt;0,'Indices Auto'!GG10&lt;100),"A",IF(AND('Cambios Auto'!GF10&lt;0,'Indices Auto'!GG10&gt;100),"N",IF(AND('Cambios Auto'!GF10&lt;0,'Indices Auto'!GG10&lt;100),"R","NULL"))))</f>
        <v>R</v>
      </c>
      <c r="GG10" s="2" t="str">
        <f>IF(AND('Cambios Auto'!GG10&gt;0,'Indices Auto'!GH10&gt;100),"V",IF(AND('Cambios Auto'!GG10&gt;0,'Indices Auto'!GH10&lt;100),"A",IF(AND('Cambios Auto'!GG10&lt;0,'Indices Auto'!GH10&gt;100),"N",IF(AND('Cambios Auto'!GG10&lt;0,'Indices Auto'!GH10&lt;100),"R","NULL"))))</f>
        <v>R</v>
      </c>
      <c r="GH10" s="2" t="str">
        <f>IF(AND('Cambios Auto'!GH10&gt;0,'Indices Auto'!GR10&gt;100),"V",IF(AND('Cambios Auto'!GH10&gt;0,'Indices Auto'!GR10&lt;100),"A",IF(AND('Cambios Auto'!GH10&lt;0,'Indices Auto'!GR10&gt;100),"N",IF(AND('Cambios Auto'!GH10&lt;0,'Indices Auto'!GR10&lt;100),"R","NULL"))))</f>
        <v>R</v>
      </c>
      <c r="GI10" s="2" t="str">
        <f>IF(AND('Cambios Auto'!GI10&gt;0,'Indices Auto'!GS10&gt;100),"V",IF(AND('Cambios Auto'!GI10&gt;0,'Indices Auto'!GS10&lt;100),"A",IF(AND('Cambios Auto'!GI10&lt;0,'Indices Auto'!GS10&gt;100),"N",IF(AND('Cambios Auto'!GI10&lt;0,'Indices Auto'!GS10&lt;100),"R","NULL"))))</f>
        <v>R</v>
      </c>
      <c r="GJ10" s="2" t="str">
        <f>IF(AND('Cambios Auto'!GJ10&gt;0,'Indices Auto'!GT10&gt;100),"V",IF(AND('Cambios Auto'!GJ10&gt;0,'Indices Auto'!GT10&lt;100),"A",IF(AND('Cambios Auto'!GJ10&lt;0,'Indices Auto'!GT10&gt;100),"N",IF(AND('Cambios Auto'!GJ10&lt;0,'Indices Auto'!GT10&lt;100),"R","NULL"))))</f>
        <v>R</v>
      </c>
      <c r="GK10" s="2" t="str">
        <f>IF(AND('Cambios Auto'!GK10&gt;0,'Indices Auto'!GU10&gt;100),"V",IF(AND('Cambios Auto'!GK10&gt;0,'Indices Auto'!GU10&lt;100),"A",IF(AND('Cambios Auto'!GK10&lt;0,'Indices Auto'!GU10&gt;100),"N",IF(AND('Cambios Auto'!GK10&lt;0,'Indices Auto'!GU10&lt;100),"R","NULL"))))</f>
        <v>R</v>
      </c>
      <c r="GL10" s="2" t="str">
        <f>IF(AND('Cambios Auto'!GL10&gt;0,'Indices Auto'!GV10&gt;100),"V",IF(AND('Cambios Auto'!GL10&gt;0,'Indices Auto'!GV10&lt;100),"A",IF(AND('Cambios Auto'!GL10&lt;0,'Indices Auto'!GV10&gt;100),"N",IF(AND('Cambios Auto'!GL10&lt;0,'Indices Auto'!GV10&lt;100),"R","NULL"))))</f>
        <v>R</v>
      </c>
      <c r="GM10" s="2" t="str">
        <f>IF(AND('Cambios Auto'!GM10&gt;0,'Indices Auto'!GW10&gt;100),"V",IF(AND('Cambios Auto'!GM10&gt;0,'Indices Auto'!GW10&lt;100),"A",IF(AND('Cambios Auto'!GM10&lt;0,'Indices Auto'!GW10&gt;100),"N",IF(AND('Cambios Auto'!GM10&lt;0,'Indices Auto'!GW10&lt;100),"R","NULL"))))</f>
        <v>R</v>
      </c>
      <c r="GN10" s="2" t="str">
        <f>IF(AND('Cambios Auto'!GN10&gt;0,'Indices Auto'!GX10&gt;100),"V",IF(AND('Cambios Auto'!GN10&gt;0,'Indices Auto'!GX10&lt;100),"A",IF(AND('Cambios Auto'!GN10&lt;0,'Indices Auto'!GX10&gt;100),"N",IF(AND('Cambios Auto'!GN10&lt;0,'Indices Auto'!GX10&lt;100),"R","NULL"))))</f>
        <v>R</v>
      </c>
      <c r="GO10" s="2" t="str">
        <f>IF(AND('Cambios Auto'!GO10&gt;0,'Indices Auto'!GY10&gt;100),"V",IF(AND('Cambios Auto'!GO10&gt;0,'Indices Auto'!GY10&lt;100),"A",IF(AND('Cambios Auto'!GO10&lt;0,'Indices Auto'!GY10&gt;100),"N",IF(AND('Cambios Auto'!GO10&lt;0,'Indices Auto'!GY10&lt;100),"R","NULL"))))</f>
        <v>R</v>
      </c>
      <c r="GP10" s="2" t="str">
        <f>IF(AND('Cambios Auto'!GP10&gt;0,'Indices Auto'!GZ10&gt;100),"V",IF(AND('Cambios Auto'!GP10&gt;0,'Indices Auto'!GZ10&lt;100),"A",IF(AND('Cambios Auto'!GP10&lt;0,'Indices Auto'!GZ10&gt;100),"N",IF(AND('Cambios Auto'!GP10&lt;0,'Indices Auto'!GZ10&lt;100),"R","NULL"))))</f>
        <v>R</v>
      </c>
      <c r="GQ10" s="2" t="str">
        <f>IF(AND('Cambios Auto'!GQ10&gt;0,'Indices Auto'!HA10&gt;100),"V",IF(AND('Cambios Auto'!GQ10&gt;0,'Indices Auto'!HA10&lt;100),"A",IF(AND('Cambios Auto'!GQ10&lt;0,'Indices Auto'!HA10&gt;100),"N",IF(AND('Cambios Auto'!GQ10&lt;0,'Indices Auto'!HA10&lt;100),"R","NULL"))))</f>
        <v>NULL</v>
      </c>
      <c r="GR10" s="2" t="str">
        <f>IF(AND('Cambios Auto'!GR10&gt;0,'Indices Auto'!HB10&gt;100),"V",IF(AND('Cambios Auto'!GR10&gt;0,'Indices Auto'!HB10&lt;100),"A",IF(AND('Cambios Auto'!GR10&lt;0,'Indices Auto'!HB10&gt;100),"N",IF(AND('Cambios Auto'!GR10&lt;0,'Indices Auto'!HB10&lt;100),"R","NULL"))))</f>
        <v>NULL</v>
      </c>
      <c r="GS10" s="2" t="str">
        <f>IF(AND('Cambios Auto'!GS10&gt;0,'Indices Auto'!HC10&gt;100),"V",IF(AND('Cambios Auto'!GS10&gt;0,'Indices Auto'!HC10&lt;100),"A",IF(AND('Cambios Auto'!GS10&lt;0,'Indices Auto'!HC10&gt;100),"N",IF(AND('Cambios Auto'!GS10&lt;0,'Indices Auto'!HC10&lt;100),"R","NULL"))))</f>
        <v>NULL</v>
      </c>
      <c r="GT10" s="2" t="str">
        <f>IF(AND('Cambios Auto'!GT10&gt;0,'Indices Auto'!HD10&gt;100),"V",IF(AND('Cambios Auto'!GT10&gt;0,'Indices Auto'!HD10&lt;100),"A",IF(AND('Cambios Auto'!GT10&lt;0,'Indices Auto'!HD10&gt;100),"N",IF(AND('Cambios Auto'!GT10&lt;0,'Indices Auto'!HD10&lt;100),"R","NULL"))))</f>
        <v>NULL</v>
      </c>
      <c r="GU10" s="2" t="str">
        <f>IF(AND('Cambios Auto'!GU10&gt;0,'Indices Auto'!HE10&gt;100),"V",IF(AND('Cambios Auto'!GU10&gt;0,'Indices Auto'!HE10&lt;100),"A",IF(AND('Cambios Auto'!GU10&lt;0,'Indices Auto'!HE10&gt;100),"N",IF(AND('Cambios Auto'!GU10&lt;0,'Indices Auto'!HE10&lt;100),"R","NULL"))))</f>
        <v>NULL</v>
      </c>
      <c r="GV10" s="2" t="str">
        <f>IF(AND('Cambios Auto'!GV10&gt;0,'Indices Auto'!HF10&gt;100),"V",IF(AND('Cambios Auto'!GV10&gt;0,'Indices Auto'!HF10&lt;100),"A",IF(AND('Cambios Auto'!GV10&lt;0,'Indices Auto'!HF10&gt;100),"N",IF(AND('Cambios Auto'!GV10&lt;0,'Indices Auto'!HF10&lt;100),"R","NULL"))))</f>
        <v>NULL</v>
      </c>
      <c r="GW10" s="2" t="str">
        <f>IF(AND('Cambios Auto'!GW10&gt;0,'Indices Auto'!HG10&gt;100),"V",IF(AND('Cambios Auto'!GW10&gt;0,'Indices Auto'!HG10&lt;100),"A",IF(AND('Cambios Auto'!GW10&lt;0,'Indices Auto'!HG10&gt;100),"N",IF(AND('Cambios Auto'!GW10&lt;0,'Indices Auto'!HG10&lt;100),"R","NULL"))))</f>
        <v>NULL</v>
      </c>
      <c r="GX10" s="2" t="str">
        <f>IF(AND('Cambios Auto'!GX10&gt;0,'Indices Auto'!HH10&gt;100),"V",IF(AND('Cambios Auto'!GX10&gt;0,'Indices Auto'!HH10&lt;100),"A",IF(AND('Cambios Auto'!GX10&lt;0,'Indices Auto'!HH10&gt;100),"N",IF(AND('Cambios Auto'!GX10&lt;0,'Indices Auto'!HH10&lt;100),"R","NULL"))))</f>
        <v>NULL</v>
      </c>
      <c r="GY10" s="2" t="str">
        <f>IF(AND('Cambios Auto'!GY10&gt;0,'Indices Auto'!HI10&gt;100),"V",IF(AND('Cambios Auto'!GY10&gt;0,'Indices Auto'!HI10&lt;100),"A",IF(AND('Cambios Auto'!GY10&lt;0,'Indices Auto'!HI10&gt;100),"N",IF(AND('Cambios Auto'!GY10&lt;0,'Indices Auto'!HI10&lt;100),"R","NULL"))))</f>
        <v>NULL</v>
      </c>
      <c r="GZ10" s="2" t="str">
        <f>IF(AND('Cambios Auto'!GZ10&gt;0,'Indices Auto'!HJ10&gt;100),"V",IF(AND('Cambios Auto'!GZ10&gt;0,'Indices Auto'!HJ10&lt;100),"A",IF(AND('Cambios Auto'!GZ10&lt;0,'Indices Auto'!HJ10&gt;100),"N",IF(AND('Cambios Auto'!GZ10&lt;0,'Indices Auto'!HJ10&lt;100),"R","NULL"))))</f>
        <v>NULL</v>
      </c>
      <c r="HA10" s="2" t="str">
        <f>IF(AND('Cambios Auto'!HA10&gt;0,'Indices Auto'!HK10&gt;100),"V",IF(AND('Cambios Auto'!HA10&gt;0,'Indices Auto'!HK10&lt;100),"A",IF(AND('Cambios Auto'!HA10&lt;0,'Indices Auto'!HK10&gt;100),"N",IF(AND('Cambios Auto'!HA10&lt;0,'Indices Auto'!HK10&lt;100),"R","NULL"))))</f>
        <v>NULL</v>
      </c>
      <c r="HB10" s="2" t="str">
        <f>IF(AND('Cambios Auto'!HB10&gt;0,'Indices Auto'!HL10&gt;100),"V",IF(AND('Cambios Auto'!HB10&gt;0,'Indices Auto'!HL10&lt;100),"A",IF(AND('Cambios Auto'!HB10&lt;0,'Indices Auto'!HL10&gt;100),"N",IF(AND('Cambios Auto'!HB10&lt;0,'Indices Auto'!HL10&lt;100),"R","NULL"))))</f>
        <v>NULL</v>
      </c>
      <c r="HC10" s="2" t="str">
        <f>IF(AND('Cambios Auto'!HC10&gt;0,'Indices Auto'!HM10&gt;100),"V",IF(AND('Cambios Auto'!HC10&gt;0,'Indices Auto'!HM10&lt;100),"A",IF(AND('Cambios Auto'!HC10&lt;0,'Indices Auto'!HM10&gt;100),"N",IF(AND('Cambios Auto'!HC10&lt;0,'Indices Auto'!HM10&lt;100),"R","NULL"))))</f>
        <v>NULL</v>
      </c>
      <c r="HD10" s="2" t="str">
        <f>IF(AND('Cambios Auto'!HD10&gt;0,'Indices Auto'!HN10&gt;100),"V",IF(AND('Cambios Auto'!HD10&gt;0,'Indices Auto'!HN10&lt;100),"A",IF(AND('Cambios Auto'!HD10&lt;0,'Indices Auto'!HN10&gt;100),"N",IF(AND('Cambios Auto'!HD10&lt;0,'Indices Auto'!HN10&lt;100),"R","NULL"))))</f>
        <v>NULL</v>
      </c>
      <c r="HE10" s="2" t="str">
        <f>IF(AND('Cambios Auto'!HE10&gt;0,'Indices Auto'!HO10&gt;100),"V",IF(AND('Cambios Auto'!HE10&gt;0,'Indices Auto'!HO10&lt;100),"A",IF(AND('Cambios Auto'!HE10&lt;0,'Indices Auto'!HO10&gt;100),"N",IF(AND('Cambios Auto'!HE10&lt;0,'Indices Auto'!HO10&lt;100),"R","NULL"))))</f>
        <v>NULL</v>
      </c>
      <c r="HF10" s="2" t="str">
        <f>IF(AND('Cambios Auto'!HF10&gt;0,'Indices Auto'!HP10&gt;100),"V",IF(AND('Cambios Auto'!HF10&gt;0,'Indices Auto'!HP10&lt;100),"A",IF(AND('Cambios Auto'!HF10&lt;0,'Indices Auto'!HP10&gt;100),"N",IF(AND('Cambios Auto'!HF10&lt;0,'Indices Auto'!HP10&lt;100),"R","NULL"))))</f>
        <v>NULL</v>
      </c>
      <c r="HG10" s="2" t="str">
        <f>IF(AND('Cambios Auto'!HG10&gt;0,'Indices Auto'!HQ10&gt;100),"V",IF(AND('Cambios Auto'!HG10&gt;0,'Indices Auto'!HQ10&lt;100),"A",IF(AND('Cambios Auto'!HG10&lt;0,'Indices Auto'!HQ10&gt;100),"N",IF(AND('Cambios Auto'!HG10&lt;0,'Indices Auto'!HQ10&lt;100),"R","NULL"))))</f>
        <v>NULL</v>
      </c>
      <c r="HH10" s="2" t="str">
        <f>IF(AND('Cambios Auto'!HH10&gt;0,'Indices Auto'!HR10&gt;100),"V",IF(AND('Cambios Auto'!HH10&gt;0,'Indices Auto'!HR10&lt;100),"A",IF(AND('Cambios Auto'!HH10&lt;0,'Indices Auto'!HR10&gt;100),"N",IF(AND('Cambios Auto'!HH10&lt;0,'Indices Auto'!HR10&lt;100),"R","NULL"))))</f>
        <v>NULL</v>
      </c>
      <c r="HI10" s="2" t="str">
        <f>IF(AND('Cambios Auto'!HI10&gt;0,'Indices Auto'!HS10&gt;100),"V",IF(AND('Cambios Auto'!HI10&gt;0,'Indices Auto'!HS10&lt;100),"A",IF(AND('Cambios Auto'!HI10&lt;0,'Indices Auto'!HS10&gt;100),"N",IF(AND('Cambios Auto'!HI10&lt;0,'Indices Auto'!HS10&lt;100),"R","NULL"))))</f>
        <v>NULL</v>
      </c>
      <c r="HJ10" s="2" t="str">
        <f>IF(AND('Cambios Auto'!HJ10&gt;0,'Indices Auto'!HT10&gt;100),"V",IF(AND('Cambios Auto'!HJ10&gt;0,'Indices Auto'!HT10&lt;100),"A",IF(AND('Cambios Auto'!HJ10&lt;0,'Indices Auto'!HT10&gt;100),"N",IF(AND('Cambios Auto'!HJ10&lt;0,'Indices Auto'!HT10&lt;100),"R","NULL"))))</f>
        <v>NULL</v>
      </c>
      <c r="HK10" s="2" t="str">
        <f>IF(AND('Cambios Auto'!HK10&gt;0,'Indices Auto'!HU10&gt;100),"V",IF(AND('Cambios Auto'!HK10&gt;0,'Indices Auto'!HU10&lt;100),"A",IF(AND('Cambios Auto'!HK10&lt;0,'Indices Auto'!HU10&gt;100),"N",IF(AND('Cambios Auto'!HK10&lt;0,'Indices Auto'!HU10&lt;100),"R","NULL"))))</f>
        <v>NULL</v>
      </c>
      <c r="HL10" s="2" t="str">
        <f>IF(AND('Cambios Auto'!HL10&gt;0,'Indices Auto'!HV10&gt;100),"V",IF(AND('Cambios Auto'!HL10&gt;0,'Indices Auto'!HV10&lt;100),"A",IF(AND('Cambios Auto'!HL10&lt;0,'Indices Auto'!HV10&gt;100),"N",IF(AND('Cambios Auto'!HL10&lt;0,'Indices Auto'!HV10&lt;100),"R","NULL"))))</f>
        <v>NULL</v>
      </c>
      <c r="HM10" s="2" t="str">
        <f>IF(AND('Cambios Auto'!HM10&gt;0,'Indices Auto'!HW10&gt;100),"V",IF(AND('Cambios Auto'!HM10&gt;0,'Indices Auto'!HW10&lt;100),"A",IF(AND('Cambios Auto'!HM10&lt;0,'Indices Auto'!HW10&gt;100),"N",IF(AND('Cambios Auto'!HM10&lt;0,'Indices Auto'!HW10&lt;100),"R","NULL"))))</f>
        <v>NULL</v>
      </c>
      <c r="HN10" s="2" t="str">
        <f>IF(AND('Cambios Auto'!HN10&gt;0,'Indices Auto'!HX10&gt;100),"V",IF(AND('Cambios Auto'!HN10&gt;0,'Indices Auto'!HX10&lt;100),"A",IF(AND('Cambios Auto'!HN10&lt;0,'Indices Auto'!HX10&gt;100),"N",IF(AND('Cambios Auto'!HN10&lt;0,'Indices Auto'!HX10&lt;100),"R","NULL"))))</f>
        <v>NULL</v>
      </c>
      <c r="HO10" s="2" t="str">
        <f>IF(AND('Cambios Auto'!HO10&gt;0,'Indices Auto'!HY10&gt;100),"V",IF(AND('Cambios Auto'!HO10&gt;0,'Indices Auto'!HY10&lt;100),"A",IF(AND('Cambios Auto'!HO10&lt;0,'Indices Auto'!HY10&gt;100),"N",IF(AND('Cambios Auto'!HO10&lt;0,'Indices Auto'!HY10&lt;100),"R","NULL"))))</f>
        <v>NULL</v>
      </c>
      <c r="HP10" s="2" t="str">
        <f>IF(AND('Cambios Auto'!HP10&gt;0,'Indices Auto'!HZ10&gt;100),"V",IF(AND('Cambios Auto'!HP10&gt;0,'Indices Auto'!HZ10&lt;100),"A",IF(AND('Cambios Auto'!HP10&lt;0,'Indices Auto'!HZ10&gt;100),"N",IF(AND('Cambios Auto'!HP10&lt;0,'Indices Auto'!HZ10&lt;100),"R","NULL"))))</f>
        <v>NULL</v>
      </c>
      <c r="HQ10" s="2" t="str">
        <f>IF(AND('Cambios Auto'!HQ10&gt;0,'Indices Auto'!IA10&gt;100),"V",IF(AND('Cambios Auto'!HQ10&gt;0,'Indices Auto'!IA10&lt;100),"A",IF(AND('Cambios Auto'!HQ10&lt;0,'Indices Auto'!IA10&gt;100),"N",IF(AND('Cambios Auto'!HQ10&lt;0,'Indices Auto'!IA10&lt;100),"R","NULL"))))</f>
        <v>NULL</v>
      </c>
      <c r="HR10" s="2" t="str">
        <f>IF(AND('Cambios Auto'!HR10&gt;0,'Indices Auto'!IB10&gt;100),"V",IF(AND('Cambios Auto'!HR10&gt;0,'Indices Auto'!IB10&lt;100),"A",IF(AND('Cambios Auto'!HR10&lt;0,'Indices Auto'!IB10&gt;100),"N",IF(AND('Cambios Auto'!HR10&lt;0,'Indices Auto'!IB10&lt;100),"R","NULL"))))</f>
        <v>NULL</v>
      </c>
      <c r="HS10" s="2" t="str">
        <f>IF(AND('Cambios Auto'!HS10&gt;0,'Indices Auto'!IC10&gt;100),"V",IF(AND('Cambios Auto'!HS10&gt;0,'Indices Auto'!IC10&lt;100),"A",IF(AND('Cambios Auto'!HS10&lt;0,'Indices Auto'!IC10&gt;100),"N",IF(AND('Cambios Auto'!HS10&lt;0,'Indices Auto'!IC10&lt;100),"R","NULL"))))</f>
        <v>NULL</v>
      </c>
      <c r="HT10" s="2" t="str">
        <f>IF(AND('Cambios Auto'!HT10&gt;0,'Indices Auto'!ID10&gt;100),"V",IF(AND('Cambios Auto'!HT10&gt;0,'Indices Auto'!ID10&lt;100),"A",IF(AND('Cambios Auto'!HT10&lt;0,'Indices Auto'!ID10&gt;100),"N",IF(AND('Cambios Auto'!HT10&lt;0,'Indices Auto'!ID10&lt;100),"R","NULL"))))</f>
        <v>NULL</v>
      </c>
      <c r="HU10" s="2" t="str">
        <f>IF(AND('Cambios Auto'!HU10&gt;0,'Indices Auto'!IE10&gt;100),"V",IF(AND('Cambios Auto'!HU10&gt;0,'Indices Auto'!IE10&lt;100),"A",IF(AND('Cambios Auto'!HU10&lt;0,'Indices Auto'!IE10&gt;100),"N",IF(AND('Cambios Auto'!HU10&lt;0,'Indices Auto'!IE10&lt;100),"R","NULL"))))</f>
        <v>NULL</v>
      </c>
      <c r="HV10" s="2" t="str">
        <f>IF(AND('Cambios Auto'!HV10&gt;0,'Indices Auto'!IF10&gt;100),"V",IF(AND('Cambios Auto'!HV10&gt;0,'Indices Auto'!IF10&lt;100),"A",IF(AND('Cambios Auto'!HV10&lt;0,'Indices Auto'!IF10&gt;100),"N",IF(AND('Cambios Auto'!HV10&lt;0,'Indices Auto'!IF10&lt;100),"R","NULL"))))</f>
        <v>NULL</v>
      </c>
      <c r="HW10" s="2" t="str">
        <f>IF(AND('Cambios Auto'!HW10&gt;0,'Indices Auto'!IG10&gt;100),"V",IF(AND('Cambios Auto'!HW10&gt;0,'Indices Auto'!IG10&lt;100),"A",IF(AND('Cambios Auto'!HW10&lt;0,'Indices Auto'!IG10&gt;100),"N",IF(AND('Cambios Auto'!HW10&lt;0,'Indices Auto'!IG10&lt;100),"R","NULL"))))</f>
        <v>NULL</v>
      </c>
      <c r="HX10" s="2" t="str">
        <f>IF(AND('Cambios Auto'!HX10&gt;0,'Indices Auto'!IH10&gt;100),"V",IF(AND('Cambios Auto'!HX10&gt;0,'Indices Auto'!IH10&lt;100),"A",IF(AND('Cambios Auto'!HX10&lt;0,'Indices Auto'!IH10&gt;100),"N",IF(AND('Cambios Auto'!HX10&lt;0,'Indices Auto'!IH10&lt;100),"R","NULL"))))</f>
        <v>NULL</v>
      </c>
      <c r="HY10" s="2" t="str">
        <f>IF(AND('Cambios Auto'!HY10&gt;0,'Indices Auto'!II10&gt;100),"V",IF(AND('Cambios Auto'!HY10&gt;0,'Indices Auto'!II10&lt;100),"A",IF(AND('Cambios Auto'!HY10&lt;0,'Indices Auto'!II10&gt;100),"N",IF(AND('Cambios Auto'!HY10&lt;0,'Indices Auto'!II10&lt;100),"R","NULL"))))</f>
        <v>NULL</v>
      </c>
      <c r="HZ10" s="2" t="str">
        <f>IF(AND('Cambios Auto'!HZ10&gt;0,'Indices Auto'!IJ10&gt;100),"V",IF(AND('Cambios Auto'!HZ10&gt;0,'Indices Auto'!IJ10&lt;100),"A",IF(AND('Cambios Auto'!HZ10&lt;0,'Indices Auto'!IJ10&gt;100),"N",IF(AND('Cambios Auto'!HZ10&lt;0,'Indices Auto'!IJ10&lt;100),"R","NULL"))))</f>
        <v>NULL</v>
      </c>
      <c r="IA10" s="2" t="str">
        <f>IF(AND('Cambios Auto'!IA10&gt;0,'Indices Auto'!IK10&gt;100),"V",IF(AND('Cambios Auto'!IA10&gt;0,'Indices Auto'!IK10&lt;100),"A",IF(AND('Cambios Auto'!IA10&lt;0,'Indices Auto'!IK10&gt;100),"N",IF(AND('Cambios Auto'!IA10&lt;0,'Indices Auto'!IK10&lt;100),"R","NULL"))))</f>
        <v>NULL</v>
      </c>
      <c r="IB10" s="2" t="str">
        <f>IF(AND('Cambios Auto'!IB10&gt;0,'Indices Auto'!IL10&gt;100),"V",IF(AND('Cambios Auto'!IB10&gt;0,'Indices Auto'!IL10&lt;100),"A",IF(AND('Cambios Auto'!IB10&lt;0,'Indices Auto'!IL10&gt;100),"N",IF(AND('Cambios Auto'!IB10&lt;0,'Indices Auto'!IL10&lt;100),"R","NULL"))))</f>
        <v>NULL</v>
      </c>
      <c r="IC10" s="2" t="str">
        <f>IF(AND('Cambios Auto'!IC10&gt;0,'Indices Auto'!IM10&gt;100),"V",IF(AND('Cambios Auto'!IC10&gt;0,'Indices Auto'!IM10&lt;100),"A",IF(AND('Cambios Auto'!IC10&lt;0,'Indices Auto'!IM10&gt;100),"N",IF(AND('Cambios Auto'!IC10&lt;0,'Indices Auto'!IM10&lt;100),"R","NULL"))))</f>
        <v>NULL</v>
      </c>
      <c r="ID10" s="2" t="str">
        <f>IF(AND('Cambios Auto'!ID10&gt;0,'Indices Auto'!IN10&gt;100),"V",IF(AND('Cambios Auto'!ID10&gt;0,'Indices Auto'!IN10&lt;100),"A",IF(AND('Cambios Auto'!ID10&lt;0,'Indices Auto'!IN10&gt;100),"N",IF(AND('Cambios Auto'!ID10&lt;0,'Indices Auto'!IN10&lt;100),"R","NULL"))))</f>
        <v>NULL</v>
      </c>
      <c r="IE10" s="2" t="str">
        <f>IF(AND('Cambios Auto'!IE10&gt;0,'Indices Auto'!IO10&gt;100),"V",IF(AND('Cambios Auto'!IE10&gt;0,'Indices Auto'!IO10&lt;100),"A",IF(AND('Cambios Auto'!IE10&lt;0,'Indices Auto'!IO10&gt;100),"N",IF(AND('Cambios Auto'!IE10&lt;0,'Indices Auto'!IO10&lt;100),"R","NULL"))))</f>
        <v>NULL</v>
      </c>
      <c r="IF10" s="2" t="str">
        <f>IF(AND('Cambios Auto'!IF10&gt;0,'Indices Auto'!IP10&gt;100),"V",IF(AND('Cambios Auto'!IF10&gt;0,'Indices Auto'!IP10&lt;100),"A",IF(AND('Cambios Auto'!IF10&lt;0,'Indices Auto'!IP10&gt;100),"N",IF(AND('Cambios Auto'!IF10&lt;0,'Indices Auto'!IP10&lt;100),"R","NULL"))))</f>
        <v>NULL</v>
      </c>
      <c r="IG10" s="2" t="str">
        <f>IF(AND('Cambios Auto'!IG10&gt;0,'Indices Auto'!IQ10&gt;100),"V",IF(AND('Cambios Auto'!IG10&gt;0,'Indices Auto'!IQ10&lt;100),"A",IF(AND('Cambios Auto'!IG10&lt;0,'Indices Auto'!IQ10&gt;100),"N",IF(AND('Cambios Auto'!IG10&lt;0,'Indices Auto'!IQ10&lt;100),"R","NULL"))))</f>
        <v>NULL</v>
      </c>
      <c r="IH10" s="2" t="str">
        <f>IF(AND('Cambios Auto'!IH10&gt;0,'Indices Auto'!IR10&gt;100),"V",IF(AND('Cambios Auto'!IH10&gt;0,'Indices Auto'!IR10&lt;100),"A",IF(AND('Cambios Auto'!IH10&lt;0,'Indices Auto'!IR10&gt;100),"N",IF(AND('Cambios Auto'!IH10&lt;0,'Indices Auto'!IR10&lt;100),"R","NULL"))))</f>
        <v>NULL</v>
      </c>
      <c r="II10" s="2" t="str">
        <f>IF(AND('Cambios Auto'!II10&gt;0,'Indices Auto'!IS10&gt;100),"V",IF(AND('Cambios Auto'!II10&gt;0,'Indices Auto'!IS10&lt;100),"A",IF(AND('Cambios Auto'!II10&lt;0,'Indices Auto'!IS10&gt;100),"N",IF(AND('Cambios Auto'!II10&lt;0,'Indices Auto'!IS10&lt;100),"R","NULL"))))</f>
        <v>NULL</v>
      </c>
      <c r="IJ10" s="2" t="str">
        <f>IF(AND('Cambios Auto'!IJ10&gt;0,'Indices Auto'!IT10&gt;100),"V",IF(AND('Cambios Auto'!IJ10&gt;0,'Indices Auto'!IT10&lt;100),"A",IF(AND('Cambios Auto'!IJ10&lt;0,'Indices Auto'!IT10&gt;100),"N",IF(AND('Cambios Auto'!IJ10&lt;0,'Indices Auto'!IT10&lt;100),"R","NULL"))))</f>
        <v>NULL</v>
      </c>
      <c r="IK10" s="2" t="str">
        <f>IF(AND('Cambios Auto'!IK10&gt;0,'Indices Auto'!IU10&gt;100),"V",IF(AND('Cambios Auto'!IK10&gt;0,'Indices Auto'!IU10&lt;100),"A",IF(AND('Cambios Auto'!IK10&lt;0,'Indices Auto'!IU10&gt;100),"N",IF(AND('Cambios Auto'!IK10&lt;0,'Indices Auto'!IU10&lt;100),"R","NULL"))))</f>
        <v>NULL</v>
      </c>
      <c r="IL10" s="2" t="str">
        <f>IF(AND('Cambios Auto'!IL10&gt;0,'Indices Auto'!IV10&gt;100),"V",IF(AND('Cambios Auto'!IL10&gt;0,'Indices Auto'!IV10&lt;100),"A",IF(AND('Cambios Auto'!IL10&lt;0,'Indices Auto'!IV10&gt;100),"N",IF(AND('Cambios Auto'!IL10&lt;0,'Indices Auto'!IV10&lt;100),"R","NULL"))))</f>
        <v>NULL</v>
      </c>
      <c r="IM10" s="2" t="str">
        <f>IF(AND('Cambios Auto'!IM10&gt;0,'Indices Auto'!IW10&gt;100),"V",IF(AND('Cambios Auto'!IM10&gt;0,'Indices Auto'!IW10&lt;100),"A",IF(AND('Cambios Auto'!IM10&lt;0,'Indices Auto'!IW10&gt;100),"N",IF(AND('Cambios Auto'!IM10&lt;0,'Indices Auto'!IW10&lt;100),"R","NULL"))))</f>
        <v>NULL</v>
      </c>
      <c r="IN10" s="2" t="str">
        <f>IF(AND('Cambios Auto'!IN10&gt;0,'Indices Auto'!IX10&gt;100),"V",IF(AND('Cambios Auto'!IN10&gt;0,'Indices Auto'!IX10&lt;100),"A",IF(AND('Cambios Auto'!IN10&lt;0,'Indices Auto'!IX10&gt;100),"N",IF(AND('Cambios Auto'!IN10&lt;0,'Indices Auto'!IX10&lt;100),"R","NULL"))))</f>
        <v>NULL</v>
      </c>
      <c r="IO10" s="2" t="str">
        <f>IF(AND('Cambios Auto'!IO10&gt;0,'Indices Auto'!IY10&gt;100),"V",IF(AND('Cambios Auto'!IO10&gt;0,'Indices Auto'!IY10&lt;100),"A",IF(AND('Cambios Auto'!IO10&lt;0,'Indices Auto'!IY10&gt;100),"N",IF(AND('Cambios Auto'!IO10&lt;0,'Indices Auto'!IY10&lt;100),"R","NULL"))))</f>
        <v>NULL</v>
      </c>
      <c r="IP10" s="2" t="str">
        <f>IF(AND('Cambios Auto'!IP10&gt;0,'Indices Auto'!IZ10&gt;100),"V",IF(AND('Cambios Auto'!IP10&gt;0,'Indices Auto'!IZ10&lt;100),"A",IF(AND('Cambios Auto'!IP10&lt;0,'Indices Auto'!IZ10&gt;100),"N",IF(AND('Cambios Auto'!IP10&lt;0,'Indices Auto'!IZ10&lt;100),"R","NULL"))))</f>
        <v>NULL</v>
      </c>
      <c r="IQ10" s="2" t="str">
        <f>IF(AND('Cambios Auto'!IQ10&gt;0,'Indices Auto'!JA10&gt;100),"V",IF(AND('Cambios Auto'!IQ10&gt;0,'Indices Auto'!JA10&lt;100),"A",IF(AND('Cambios Auto'!IQ10&lt;0,'Indices Auto'!JA10&gt;100),"N",IF(AND('Cambios Auto'!IQ10&lt;0,'Indices Auto'!JA10&lt;100),"R","NULL"))))</f>
        <v>NULL</v>
      </c>
      <c r="IR10" s="2" t="str">
        <f>IF(AND('Cambios Auto'!IR10&gt;0,'Indices Auto'!JB10&gt;100),"V",IF(AND('Cambios Auto'!IR10&gt;0,'Indices Auto'!JB10&lt;100),"A",IF(AND('Cambios Auto'!IR10&lt;0,'Indices Auto'!JB10&gt;100),"N",IF(AND('Cambios Auto'!IR10&lt;0,'Indices Auto'!JB10&lt;100),"R","NULL"))))</f>
        <v>NULL</v>
      </c>
      <c r="IS10" s="2" t="str">
        <f>IF(AND('Cambios Auto'!IS10&gt;0,'Indices Auto'!JC10&gt;100),"V",IF(AND('Cambios Auto'!IS10&gt;0,'Indices Auto'!JC10&lt;100),"A",IF(AND('Cambios Auto'!IS10&lt;0,'Indices Auto'!JC10&gt;100),"N",IF(AND('Cambios Auto'!IS10&lt;0,'Indices Auto'!JC10&lt;100),"R","NULL"))))</f>
        <v>NULL</v>
      </c>
      <c r="IT10" s="14"/>
    </row>
    <row r="11" spans="1:254" x14ac:dyDescent="0.25">
      <c r="A11" s="11" t="s">
        <v>197</v>
      </c>
      <c r="B11" s="2" t="str">
        <f>IF(AND('Cambios Auto'!B11&gt;0,'Indices Auto'!C11&gt;100),"V",IF(AND('Cambios Auto'!B11&gt;0,'Indices Auto'!C11&lt;100),"A",IF(AND('Cambios Auto'!B11&lt;0,'Indices Auto'!C11&gt;100),"N",IF(AND('Cambios Auto'!B11&lt;0,'Indices Auto'!C11&lt;100),"R","NULL"))))</f>
        <v>V</v>
      </c>
      <c r="C11" s="2" t="str">
        <f>IF(AND('Cambios Auto'!C11&gt;0,'Indices Auto'!D11&gt;100),"V",IF(AND('Cambios Auto'!C11&gt;0,'Indices Auto'!D11&lt;100),"A",IF(AND('Cambios Auto'!C11&lt;0,'Indices Auto'!D11&gt;100),"N",IF(AND('Cambios Auto'!C11&lt;0,'Indices Auto'!D11&lt;100),"R","NULL"))))</f>
        <v>V</v>
      </c>
      <c r="D11" s="2" t="str">
        <f>IF(AND('Cambios Auto'!D11&gt;0,'Indices Auto'!E11&gt;100),"V",IF(AND('Cambios Auto'!D11&gt;0,'Indices Auto'!E11&lt;100),"A",IF(AND('Cambios Auto'!D11&lt;0,'Indices Auto'!E11&gt;100),"N",IF(AND('Cambios Auto'!D11&lt;0,'Indices Auto'!E11&lt;100),"R","NULL"))))</f>
        <v>V</v>
      </c>
      <c r="E11" s="2" t="str">
        <f>IF(AND('Cambios Auto'!E11&gt;0,'Indices Auto'!F11&gt;100),"V",IF(AND('Cambios Auto'!E11&gt;0,'Indices Auto'!F11&lt;100),"A",IF(AND('Cambios Auto'!E11&lt;0,'Indices Auto'!F11&gt;100),"N",IF(AND('Cambios Auto'!E11&lt;0,'Indices Auto'!F11&lt;100),"R","NULL"))))</f>
        <v>N</v>
      </c>
      <c r="F11" s="2" t="str">
        <f>IF(AND('Cambios Auto'!F11&gt;0,'Indices Auto'!G11&gt;100),"V",IF(AND('Cambios Auto'!F11&gt;0,'Indices Auto'!G11&lt;100),"A",IF(AND('Cambios Auto'!F11&lt;0,'Indices Auto'!G11&gt;100),"N",IF(AND('Cambios Auto'!F11&lt;0,'Indices Auto'!G11&lt;100),"R","NULL"))))</f>
        <v>N</v>
      </c>
      <c r="G11" s="2" t="str">
        <f>IF(AND('Cambios Auto'!G11&gt;0,'Indices Auto'!H11&gt;100),"V",IF(AND('Cambios Auto'!G11&gt;0,'Indices Auto'!H11&lt;100),"A",IF(AND('Cambios Auto'!G11&lt;0,'Indices Auto'!H11&gt;100),"N",IF(AND('Cambios Auto'!G11&lt;0,'Indices Auto'!H11&lt;100),"R","NULL"))))</f>
        <v>N</v>
      </c>
      <c r="H11" s="2" t="str">
        <f>IF(AND('Cambios Auto'!H11&gt;0,'Indices Auto'!I11&gt;100),"V",IF(AND('Cambios Auto'!H11&gt;0,'Indices Auto'!I11&lt;100),"A",IF(AND('Cambios Auto'!H11&lt;0,'Indices Auto'!I11&gt;100),"N",IF(AND('Cambios Auto'!H11&lt;0,'Indices Auto'!I11&lt;100),"R","NULL"))))</f>
        <v>N</v>
      </c>
      <c r="I11" s="2" t="str">
        <f>IF(AND('Cambios Auto'!I11&gt;0,'Indices Auto'!J11&gt;100),"V",IF(AND('Cambios Auto'!I11&gt;0,'Indices Auto'!J11&lt;100),"A",IF(AND('Cambios Auto'!I11&lt;0,'Indices Auto'!J11&gt;100),"N",IF(AND('Cambios Auto'!I11&lt;0,'Indices Auto'!J11&lt;100),"R","NULL"))))</f>
        <v>N</v>
      </c>
      <c r="J11" s="2" t="str">
        <f>IF(AND('Cambios Auto'!J11&gt;0,'Indices Auto'!K11&gt;100),"V",IF(AND('Cambios Auto'!J11&gt;0,'Indices Auto'!K11&lt;100),"A",IF(AND('Cambios Auto'!J11&lt;0,'Indices Auto'!K11&gt;100),"N",IF(AND('Cambios Auto'!J11&lt;0,'Indices Auto'!K11&lt;100),"R","NULL"))))</f>
        <v>N</v>
      </c>
      <c r="K11" s="2" t="str">
        <f>IF(AND('Cambios Auto'!K11&gt;0,'Indices Auto'!L11&gt;100),"V",IF(AND('Cambios Auto'!K11&gt;0,'Indices Auto'!L11&lt;100),"A",IF(AND('Cambios Auto'!K11&lt;0,'Indices Auto'!L11&gt;100),"N",IF(AND('Cambios Auto'!K11&lt;0,'Indices Auto'!L11&lt;100),"R","NULL"))))</f>
        <v>N</v>
      </c>
      <c r="L11" s="2" t="str">
        <f>IF(AND('Cambios Auto'!L11&gt;0,'Indices Auto'!M11&gt;100),"V",IF(AND('Cambios Auto'!L11&gt;0,'Indices Auto'!M11&lt;100),"A",IF(AND('Cambios Auto'!L11&lt;0,'Indices Auto'!M11&gt;100),"N",IF(AND('Cambios Auto'!L11&lt;0,'Indices Auto'!M11&lt;100),"R","NULL"))))</f>
        <v>R</v>
      </c>
      <c r="M11" s="2" t="str">
        <f>IF(AND('Cambios Auto'!M11&gt;0,'Indices Auto'!N11&gt;100),"V",IF(AND('Cambios Auto'!M11&gt;0,'Indices Auto'!N11&lt;100),"A",IF(AND('Cambios Auto'!M11&lt;0,'Indices Auto'!N11&gt;100),"N",IF(AND('Cambios Auto'!M11&lt;0,'Indices Auto'!N11&lt;100),"R","NULL"))))</f>
        <v>R</v>
      </c>
      <c r="N11" s="2" t="str">
        <f>IF(AND('Cambios Auto'!N11&gt;0,'Indices Auto'!O11&gt;100),"V",IF(AND('Cambios Auto'!N11&gt;0,'Indices Auto'!O11&lt;100),"A",IF(AND('Cambios Auto'!N11&lt;0,'Indices Auto'!O11&gt;100),"N",IF(AND('Cambios Auto'!N11&lt;0,'Indices Auto'!O11&lt;100),"R","NULL"))))</f>
        <v>R</v>
      </c>
      <c r="O11" s="2" t="str">
        <f>IF(AND('Cambios Auto'!O11&gt;0,'Indices Auto'!P11&gt;100),"V",IF(AND('Cambios Auto'!O11&gt;0,'Indices Auto'!P11&lt;100),"A",IF(AND('Cambios Auto'!O11&lt;0,'Indices Auto'!P11&gt;100),"N",IF(AND('Cambios Auto'!O11&lt;0,'Indices Auto'!P11&lt;100),"R","NULL"))))</f>
        <v>R</v>
      </c>
      <c r="P11" s="2" t="str">
        <f>IF(AND('Cambios Auto'!P11&gt;0,'Indices Auto'!Q11&gt;100),"V",IF(AND('Cambios Auto'!P11&gt;0,'Indices Auto'!Q11&lt;100),"A",IF(AND('Cambios Auto'!P11&lt;0,'Indices Auto'!Q11&gt;100),"N",IF(AND('Cambios Auto'!P11&lt;0,'Indices Auto'!Q11&lt;100),"R","NULL"))))</f>
        <v>R</v>
      </c>
      <c r="Q11" s="2" t="str">
        <f>IF(AND('Cambios Auto'!Q11&gt;0,'Indices Auto'!R11&gt;100),"V",IF(AND('Cambios Auto'!Q11&gt;0,'Indices Auto'!R11&lt;100),"A",IF(AND('Cambios Auto'!Q11&lt;0,'Indices Auto'!R11&gt;100),"N",IF(AND('Cambios Auto'!Q11&lt;0,'Indices Auto'!R11&lt;100),"R","NULL"))))</f>
        <v>A</v>
      </c>
      <c r="R11" s="2" t="str">
        <f>IF(AND('Cambios Auto'!R11&gt;0,'Indices Auto'!S11&gt;100),"V",IF(AND('Cambios Auto'!R11&gt;0,'Indices Auto'!S11&lt;100),"A",IF(AND('Cambios Auto'!R11&lt;0,'Indices Auto'!S11&gt;100),"N",IF(AND('Cambios Auto'!R11&lt;0,'Indices Auto'!S11&lt;100),"R","NULL"))))</f>
        <v>A</v>
      </c>
      <c r="S11" s="2" t="str">
        <f>IF(AND('Cambios Auto'!S11&gt;0,'Indices Auto'!T11&gt;100),"V",IF(AND('Cambios Auto'!S11&gt;0,'Indices Auto'!T11&lt;100),"A",IF(AND('Cambios Auto'!S11&lt;0,'Indices Auto'!T11&gt;100),"N",IF(AND('Cambios Auto'!S11&lt;0,'Indices Auto'!T11&lt;100),"R","NULL"))))</f>
        <v>A</v>
      </c>
      <c r="T11" s="2" t="str">
        <f>IF(AND('Cambios Auto'!T11&gt;0,'Indices Auto'!U11&gt;100),"V",IF(AND('Cambios Auto'!T11&gt;0,'Indices Auto'!U11&lt;100),"A",IF(AND('Cambios Auto'!T11&lt;0,'Indices Auto'!U11&gt;100),"N",IF(AND('Cambios Auto'!T11&lt;0,'Indices Auto'!U11&lt;100),"R","NULL"))))</f>
        <v>A</v>
      </c>
      <c r="U11" s="2" t="str">
        <f>IF(AND('Cambios Auto'!U11&gt;0,'Indices Auto'!V11&gt;100),"V",IF(AND('Cambios Auto'!U11&gt;0,'Indices Auto'!V11&lt;100),"A",IF(AND('Cambios Auto'!U11&lt;0,'Indices Auto'!V11&gt;100),"N",IF(AND('Cambios Auto'!U11&lt;0,'Indices Auto'!V11&lt;100),"R","NULL"))))</f>
        <v>A</v>
      </c>
      <c r="V11" s="2" t="str">
        <f>IF(AND('Cambios Auto'!V11&gt;0,'Indices Auto'!W11&gt;100),"V",IF(AND('Cambios Auto'!V11&gt;0,'Indices Auto'!W11&lt;100),"A",IF(AND('Cambios Auto'!V11&lt;0,'Indices Auto'!W11&gt;100),"N",IF(AND('Cambios Auto'!V11&lt;0,'Indices Auto'!W11&lt;100),"R","NULL"))))</f>
        <v>A</v>
      </c>
      <c r="W11" s="2" t="str">
        <f>IF(AND('Cambios Auto'!W11&gt;0,'Indices Auto'!X11&gt;100),"V",IF(AND('Cambios Auto'!W11&gt;0,'Indices Auto'!X11&lt;100),"A",IF(AND('Cambios Auto'!W11&lt;0,'Indices Auto'!X11&gt;100),"N",IF(AND('Cambios Auto'!W11&lt;0,'Indices Auto'!X11&lt;100),"R","NULL"))))</f>
        <v>A</v>
      </c>
      <c r="X11" s="2" t="str">
        <f>IF(AND('Cambios Auto'!X11&gt;0,'Indices Auto'!Y11&gt;100),"V",IF(AND('Cambios Auto'!X11&gt;0,'Indices Auto'!Y11&lt;100),"A",IF(AND('Cambios Auto'!X11&lt;0,'Indices Auto'!Y11&gt;100),"N",IF(AND('Cambios Auto'!X11&lt;0,'Indices Auto'!Y11&lt;100),"R","NULL"))))</f>
        <v>V</v>
      </c>
      <c r="Y11" s="2" t="str">
        <f>IF(AND('Cambios Auto'!Y11&gt;0,'Indices Auto'!Z11&gt;100),"V",IF(AND('Cambios Auto'!Y11&gt;0,'Indices Auto'!Z11&lt;100),"A",IF(AND('Cambios Auto'!Y11&lt;0,'Indices Auto'!Z11&gt;100),"N",IF(AND('Cambios Auto'!Y11&lt;0,'Indices Auto'!Z11&lt;100),"R","NULL"))))</f>
        <v>V</v>
      </c>
      <c r="Z11" s="2" t="str">
        <f>IF(AND('Cambios Auto'!Z11&gt;0,'Indices Auto'!AA11&gt;100),"V",IF(AND('Cambios Auto'!Z11&gt;0,'Indices Auto'!AA11&lt;100),"A",IF(AND('Cambios Auto'!Z11&lt;0,'Indices Auto'!AA11&gt;100),"N",IF(AND('Cambios Auto'!Z11&lt;0,'Indices Auto'!AA11&lt;100),"R","NULL"))))</f>
        <v>V</v>
      </c>
      <c r="AA11" s="2" t="str">
        <f>IF(AND('Cambios Auto'!AA11&gt;0,'Indices Auto'!AB11&gt;100),"V",IF(AND('Cambios Auto'!AA11&gt;0,'Indices Auto'!AB11&lt;100),"A",IF(AND('Cambios Auto'!AA11&lt;0,'Indices Auto'!AB11&gt;100),"N",IF(AND('Cambios Auto'!AA11&lt;0,'Indices Auto'!AB11&lt;100),"R","NULL"))))</f>
        <v>V</v>
      </c>
      <c r="AB11" s="2" t="str">
        <f>IF(AND('Cambios Auto'!AB11&gt;0,'Indices Auto'!AC11&gt;100),"V",IF(AND('Cambios Auto'!AB11&gt;0,'Indices Auto'!AC11&lt;100),"A",IF(AND('Cambios Auto'!AB11&lt;0,'Indices Auto'!AC11&gt;100),"N",IF(AND('Cambios Auto'!AB11&lt;0,'Indices Auto'!AC11&lt;100),"R","NULL"))))</f>
        <v>V</v>
      </c>
      <c r="AC11" s="2" t="str">
        <f>IF(AND('Cambios Auto'!AC11&gt;0,'Indices Auto'!AD11&gt;100),"V",IF(AND('Cambios Auto'!AC11&gt;0,'Indices Auto'!AD11&lt;100),"A",IF(AND('Cambios Auto'!AC11&lt;0,'Indices Auto'!AD11&gt;100),"N",IF(AND('Cambios Auto'!AC11&lt;0,'Indices Auto'!AD11&lt;100),"R","NULL"))))</f>
        <v>N</v>
      </c>
      <c r="AD11" s="2" t="str">
        <f>IF(AND('Cambios Auto'!AD11&gt;0,'Indices Auto'!AE11&gt;100),"V",IF(AND('Cambios Auto'!AD11&gt;0,'Indices Auto'!AE11&lt;100),"A",IF(AND('Cambios Auto'!AD11&lt;0,'Indices Auto'!AE11&gt;100),"N",IF(AND('Cambios Auto'!AD11&lt;0,'Indices Auto'!AE11&lt;100),"R","NULL"))))</f>
        <v>R</v>
      </c>
      <c r="AE11" s="2" t="str">
        <f>IF(AND('Cambios Auto'!AE11&gt;0,'Indices Auto'!AF11&gt;100),"V",IF(AND('Cambios Auto'!AE11&gt;0,'Indices Auto'!AF11&lt;100),"A",IF(AND('Cambios Auto'!AE11&lt;0,'Indices Auto'!AF11&gt;100),"N",IF(AND('Cambios Auto'!AE11&lt;0,'Indices Auto'!AF11&lt;100),"R","NULL"))))</f>
        <v>R</v>
      </c>
      <c r="AF11" s="2" t="str">
        <f>IF(AND('Cambios Auto'!AF11&gt;0,'Indices Auto'!AG11&gt;100),"V",IF(AND('Cambios Auto'!AF11&gt;0,'Indices Auto'!AG11&lt;100),"A",IF(AND('Cambios Auto'!AF11&lt;0,'Indices Auto'!AG11&gt;100),"N",IF(AND('Cambios Auto'!AF11&lt;0,'Indices Auto'!AG11&lt;100),"R","NULL"))))</f>
        <v>R</v>
      </c>
      <c r="AG11" s="2" t="str">
        <f>IF(AND('Cambios Auto'!AG11&gt;0,'Indices Auto'!AH11&gt;100),"V",IF(AND('Cambios Auto'!AG11&gt;0,'Indices Auto'!AH11&lt;100),"A",IF(AND('Cambios Auto'!AG11&lt;0,'Indices Auto'!AH11&gt;100),"N",IF(AND('Cambios Auto'!AG11&lt;0,'Indices Auto'!AH11&lt;100),"R","NULL"))))</f>
        <v>R</v>
      </c>
      <c r="AH11" s="2" t="str">
        <f>IF(AND('Cambios Auto'!AH11&gt;0,'Indices Auto'!AI11&gt;100),"V",IF(AND('Cambios Auto'!AH11&gt;0,'Indices Auto'!AI11&lt;100),"A",IF(AND('Cambios Auto'!AH11&lt;0,'Indices Auto'!AI11&gt;100),"N",IF(AND('Cambios Auto'!AH11&lt;0,'Indices Auto'!AI11&lt;100),"R","NULL"))))</f>
        <v>R</v>
      </c>
      <c r="AI11" s="2" t="str">
        <f>IF(AND('Cambios Auto'!AI11&gt;0,'Indices Auto'!AJ11&gt;100),"V",IF(AND('Cambios Auto'!AI11&gt;0,'Indices Auto'!AJ11&lt;100),"A",IF(AND('Cambios Auto'!AI11&lt;0,'Indices Auto'!AJ11&gt;100),"N",IF(AND('Cambios Auto'!AI11&lt;0,'Indices Auto'!AJ11&lt;100),"R","NULL"))))</f>
        <v>R</v>
      </c>
      <c r="AJ11" s="2" t="str">
        <f>IF(AND('Cambios Auto'!AJ11&gt;0,'Indices Auto'!AK11&gt;100),"V",IF(AND('Cambios Auto'!AJ11&gt;0,'Indices Auto'!AK11&lt;100),"A",IF(AND('Cambios Auto'!AJ11&lt;0,'Indices Auto'!AK11&gt;100),"N",IF(AND('Cambios Auto'!AJ11&lt;0,'Indices Auto'!AK11&lt;100),"R","NULL"))))</f>
        <v>R</v>
      </c>
      <c r="AK11" s="2" t="str">
        <f>IF(AND('Cambios Auto'!AK11&gt;0,'Indices Auto'!AL11&gt;100),"V",IF(AND('Cambios Auto'!AK11&gt;0,'Indices Auto'!AL11&lt;100),"A",IF(AND('Cambios Auto'!AK11&lt;0,'Indices Auto'!AL11&gt;100),"N",IF(AND('Cambios Auto'!AK11&lt;0,'Indices Auto'!AL11&lt;100),"R","NULL"))))</f>
        <v>R</v>
      </c>
      <c r="AL11" s="2" t="str">
        <f>IF(AND('Cambios Auto'!AL11&gt;0,'Indices Auto'!AM11&gt;100),"V",IF(AND('Cambios Auto'!AL11&gt;0,'Indices Auto'!AM11&lt;100),"A",IF(AND('Cambios Auto'!AL11&lt;0,'Indices Auto'!AM11&gt;100),"N",IF(AND('Cambios Auto'!AL11&lt;0,'Indices Auto'!AM11&lt;100),"R","NULL"))))</f>
        <v>R</v>
      </c>
      <c r="AM11" s="2" t="str">
        <f>IF(AND('Cambios Auto'!AM11&gt;0,'Indices Auto'!AN11&gt;100),"V",IF(AND('Cambios Auto'!AM11&gt;0,'Indices Auto'!AN11&lt;100),"A",IF(AND('Cambios Auto'!AM11&lt;0,'Indices Auto'!AN11&gt;100),"N",IF(AND('Cambios Auto'!AM11&lt;0,'Indices Auto'!AN11&lt;100),"R","NULL"))))</f>
        <v>R</v>
      </c>
      <c r="AN11" s="2" t="str">
        <f>IF(AND('Cambios Auto'!AN11&gt;0,'Indices Auto'!AO11&gt;100),"V",IF(AND('Cambios Auto'!AN11&gt;0,'Indices Auto'!AO11&lt;100),"A",IF(AND('Cambios Auto'!AN11&lt;0,'Indices Auto'!AO11&gt;100),"N",IF(AND('Cambios Auto'!AN11&lt;0,'Indices Auto'!AO11&lt;100),"R","NULL"))))</f>
        <v>A</v>
      </c>
      <c r="AO11" s="2" t="str">
        <f>IF(AND('Cambios Auto'!AO11&gt;0,'Indices Auto'!AP11&gt;100),"V",IF(AND('Cambios Auto'!AO11&gt;0,'Indices Auto'!AP11&lt;100),"A",IF(AND('Cambios Auto'!AO11&lt;0,'Indices Auto'!AP11&gt;100),"N",IF(AND('Cambios Auto'!AO11&lt;0,'Indices Auto'!AP11&lt;100),"R","NULL"))))</f>
        <v>A</v>
      </c>
      <c r="AP11" s="2" t="str">
        <f>IF(AND('Cambios Auto'!AP11&gt;0,'Indices Auto'!AQ11&gt;100),"V",IF(AND('Cambios Auto'!AP11&gt;0,'Indices Auto'!AQ11&lt;100),"A",IF(AND('Cambios Auto'!AP11&lt;0,'Indices Auto'!AQ11&gt;100),"N",IF(AND('Cambios Auto'!AP11&lt;0,'Indices Auto'!AQ11&lt;100),"R","NULL"))))</f>
        <v>A</v>
      </c>
      <c r="AQ11" s="2" t="str">
        <f>IF(AND('Cambios Auto'!AQ11&gt;0,'Indices Auto'!AR11&gt;100),"V",IF(AND('Cambios Auto'!AQ11&gt;0,'Indices Auto'!AR11&lt;100),"A",IF(AND('Cambios Auto'!AQ11&lt;0,'Indices Auto'!AR11&gt;100),"N",IF(AND('Cambios Auto'!AQ11&lt;0,'Indices Auto'!AR11&lt;100),"R","NULL"))))</f>
        <v>A</v>
      </c>
      <c r="AR11" s="2" t="str">
        <f>IF(AND('Cambios Auto'!AR11&gt;0,'Indices Auto'!AS11&gt;100),"V",IF(AND('Cambios Auto'!AR11&gt;0,'Indices Auto'!AS11&lt;100),"A",IF(AND('Cambios Auto'!AR11&lt;0,'Indices Auto'!AS11&gt;100),"N",IF(AND('Cambios Auto'!AR11&lt;0,'Indices Auto'!AS11&lt;100),"R","NULL"))))</f>
        <v>A</v>
      </c>
      <c r="AS11" s="2" t="str">
        <f>IF(AND('Cambios Auto'!AS11&gt;0,'Indices Auto'!AT11&gt;100),"V",IF(AND('Cambios Auto'!AS11&gt;0,'Indices Auto'!AT11&lt;100),"A",IF(AND('Cambios Auto'!AS11&lt;0,'Indices Auto'!AT11&gt;100),"N",IF(AND('Cambios Auto'!AS11&lt;0,'Indices Auto'!AT11&lt;100),"R","NULL"))))</f>
        <v>A</v>
      </c>
      <c r="AT11" s="2" t="str">
        <f>IF(AND('Cambios Auto'!AT11&gt;0,'Indices Auto'!AU11&gt;100),"V",IF(AND('Cambios Auto'!AT11&gt;0,'Indices Auto'!AU11&lt;100),"A",IF(AND('Cambios Auto'!AT11&lt;0,'Indices Auto'!AU11&gt;100),"N",IF(AND('Cambios Auto'!AT11&lt;0,'Indices Auto'!AU11&lt;100),"R","NULL"))))</f>
        <v>A</v>
      </c>
      <c r="AU11" s="2" t="str">
        <f>IF(AND('Cambios Auto'!AU11&gt;0,'Indices Auto'!AV11&gt;100),"V",IF(AND('Cambios Auto'!AU11&gt;0,'Indices Auto'!AV11&lt;100),"A",IF(AND('Cambios Auto'!AU11&lt;0,'Indices Auto'!AV11&gt;100),"N",IF(AND('Cambios Auto'!AU11&lt;0,'Indices Auto'!AV11&lt;100),"R","NULL"))))</f>
        <v>V</v>
      </c>
      <c r="AV11" s="2" t="str">
        <f>IF(AND('Cambios Auto'!AV11&gt;0,'Indices Auto'!AW11&gt;100),"V",IF(AND('Cambios Auto'!AV11&gt;0,'Indices Auto'!AW11&lt;100),"A",IF(AND('Cambios Auto'!AV11&lt;0,'Indices Auto'!AW11&gt;100),"N",IF(AND('Cambios Auto'!AV11&lt;0,'Indices Auto'!AW11&lt;100),"R","NULL"))))</f>
        <v>V</v>
      </c>
      <c r="AW11" s="2" t="str">
        <f>IF(AND('Cambios Auto'!AW11&gt;0,'Indices Auto'!AX11&gt;100),"V",IF(AND('Cambios Auto'!AW11&gt;0,'Indices Auto'!AX11&lt;100),"A",IF(AND('Cambios Auto'!AW11&lt;0,'Indices Auto'!AX11&gt;100),"N",IF(AND('Cambios Auto'!AW11&lt;0,'Indices Auto'!AX11&lt;100),"R","NULL"))))</f>
        <v>V</v>
      </c>
      <c r="AX11" s="2" t="str">
        <f>IF(AND('Cambios Auto'!AX11&gt;0,'Indices Auto'!AY11&gt;100),"V",IF(AND('Cambios Auto'!AX11&gt;0,'Indices Auto'!AY11&lt;100),"A",IF(AND('Cambios Auto'!AX11&lt;0,'Indices Auto'!AY11&gt;100),"N",IF(AND('Cambios Auto'!AX11&lt;0,'Indices Auto'!AY11&lt;100),"R","NULL"))))</f>
        <v>V</v>
      </c>
      <c r="AY11" s="2" t="str">
        <f>IF(AND('Cambios Auto'!AY11&gt;0,'Indices Auto'!AZ11&gt;100),"V",IF(AND('Cambios Auto'!AY11&gt;0,'Indices Auto'!AZ11&lt;100),"A",IF(AND('Cambios Auto'!AY11&lt;0,'Indices Auto'!AZ11&gt;100),"N",IF(AND('Cambios Auto'!AY11&lt;0,'Indices Auto'!AZ11&lt;100),"R","NULL"))))</f>
        <v>V</v>
      </c>
      <c r="AZ11" s="2" t="str">
        <f>IF(AND('Cambios Auto'!AZ11&gt;0,'Indices Auto'!BA11&gt;100),"V",IF(AND('Cambios Auto'!AZ11&gt;0,'Indices Auto'!BA11&lt;100),"A",IF(AND('Cambios Auto'!AZ11&lt;0,'Indices Auto'!BA11&gt;100),"N",IF(AND('Cambios Auto'!AZ11&lt;0,'Indices Auto'!BA11&lt;100),"R","NULL"))))</f>
        <v>N</v>
      </c>
      <c r="BA11" s="2" t="str">
        <f>IF(AND('Cambios Auto'!BA11&gt;0,'Indices Auto'!BB11&gt;100),"V",IF(AND('Cambios Auto'!BA11&gt;0,'Indices Auto'!BB11&lt;100),"A",IF(AND('Cambios Auto'!BA11&lt;0,'Indices Auto'!BB11&gt;100),"N",IF(AND('Cambios Auto'!BA11&lt;0,'Indices Auto'!BB11&lt;100),"R","NULL"))))</f>
        <v>N</v>
      </c>
      <c r="BB11" s="2" t="str">
        <f>IF(AND('Cambios Auto'!BB11&gt;0,'Indices Auto'!BC11&gt;100),"V",IF(AND('Cambios Auto'!BB11&gt;0,'Indices Auto'!BC11&lt;100),"A",IF(AND('Cambios Auto'!BB11&lt;0,'Indices Auto'!BC11&gt;100),"N",IF(AND('Cambios Auto'!BB11&lt;0,'Indices Auto'!BC11&lt;100),"R","NULL"))))</f>
        <v>N</v>
      </c>
      <c r="BC11" s="2" t="str">
        <f>IF(AND('Cambios Auto'!BC11&gt;0,'Indices Auto'!BD11&gt;100),"V",IF(AND('Cambios Auto'!BC11&gt;0,'Indices Auto'!BD11&lt;100),"A",IF(AND('Cambios Auto'!BC11&lt;0,'Indices Auto'!BD11&gt;100),"N",IF(AND('Cambios Auto'!BC11&lt;0,'Indices Auto'!BD11&lt;100),"R","NULL"))))</f>
        <v>N</v>
      </c>
      <c r="BD11" s="2" t="str">
        <f>IF(AND('Cambios Auto'!BD11&gt;0,'Indices Auto'!BE11&gt;100),"V",IF(AND('Cambios Auto'!BD11&gt;0,'Indices Auto'!BE11&lt;100),"A",IF(AND('Cambios Auto'!BD11&lt;0,'Indices Auto'!BE11&gt;100),"N",IF(AND('Cambios Auto'!BD11&lt;0,'Indices Auto'!BE11&lt;100),"R","NULL"))))</f>
        <v>R</v>
      </c>
      <c r="BE11" s="2" t="str">
        <f>IF(AND('Cambios Auto'!BE11&gt;0,'Indices Auto'!BF11&gt;100),"V",IF(AND('Cambios Auto'!BE11&gt;0,'Indices Auto'!BF11&lt;100),"A",IF(AND('Cambios Auto'!BE11&lt;0,'Indices Auto'!BF11&gt;100),"N",IF(AND('Cambios Auto'!BE11&lt;0,'Indices Auto'!BF11&lt;100),"R","NULL"))))</f>
        <v>R</v>
      </c>
      <c r="BF11" s="2" t="str">
        <f>IF(AND('Cambios Auto'!BF11&gt;0,'Indices Auto'!BG11&gt;100),"V",IF(AND('Cambios Auto'!BF11&gt;0,'Indices Auto'!BG11&lt;100),"A",IF(AND('Cambios Auto'!BF11&lt;0,'Indices Auto'!BG11&gt;100),"N",IF(AND('Cambios Auto'!BF11&lt;0,'Indices Auto'!BG11&lt;100),"R","NULL"))))</f>
        <v>R</v>
      </c>
      <c r="BG11" s="2" t="str">
        <f>IF(AND('Cambios Auto'!BG11&gt;0,'Indices Auto'!BH11&gt;100),"V",IF(AND('Cambios Auto'!BG11&gt;0,'Indices Auto'!BH11&lt;100),"A",IF(AND('Cambios Auto'!BG11&lt;0,'Indices Auto'!BH11&gt;100),"N",IF(AND('Cambios Auto'!BG11&lt;0,'Indices Auto'!BH11&lt;100),"R","NULL"))))</f>
        <v>R</v>
      </c>
      <c r="BH11" s="2" t="str">
        <f>IF(AND('Cambios Auto'!BH11&gt;0,'Indices Auto'!BI11&gt;100),"V",IF(AND('Cambios Auto'!BH11&gt;0,'Indices Auto'!BI11&lt;100),"A",IF(AND('Cambios Auto'!BH11&lt;0,'Indices Auto'!BI11&gt;100),"N",IF(AND('Cambios Auto'!BH11&lt;0,'Indices Auto'!BI11&lt;100),"R","NULL"))))</f>
        <v>A</v>
      </c>
      <c r="BI11" s="2" t="str">
        <f>IF(AND('Cambios Auto'!BI11&gt;0,'Indices Auto'!BJ11&gt;100),"V",IF(AND('Cambios Auto'!BI11&gt;0,'Indices Auto'!BJ11&lt;100),"A",IF(AND('Cambios Auto'!BI11&lt;0,'Indices Auto'!BJ11&gt;100),"N",IF(AND('Cambios Auto'!BI11&lt;0,'Indices Auto'!BJ11&lt;100),"R","NULL"))))</f>
        <v>A</v>
      </c>
      <c r="BJ11" s="2" t="str">
        <f>IF(AND('Cambios Auto'!BJ11&gt;0,'Indices Auto'!BK11&gt;100),"V",IF(AND('Cambios Auto'!BJ11&gt;0,'Indices Auto'!BK11&lt;100),"A",IF(AND('Cambios Auto'!BJ11&lt;0,'Indices Auto'!BK11&gt;100),"N",IF(AND('Cambios Auto'!BJ11&lt;0,'Indices Auto'!BK11&lt;100),"R","NULL"))))</f>
        <v>R</v>
      </c>
      <c r="BK11" s="2" t="str">
        <f>IF(AND('Cambios Auto'!BK11&gt;0,'Indices Auto'!BL11&gt;100),"V",IF(AND('Cambios Auto'!BK11&gt;0,'Indices Auto'!BL11&lt;100),"A",IF(AND('Cambios Auto'!BK11&lt;0,'Indices Auto'!BL11&gt;100),"N",IF(AND('Cambios Auto'!BK11&lt;0,'Indices Auto'!BL11&lt;100),"R","NULL"))))</f>
        <v>R</v>
      </c>
      <c r="BL11" s="2" t="str">
        <f>IF(AND('Cambios Auto'!BL11&gt;0,'Indices Auto'!BM11&gt;100),"V",IF(AND('Cambios Auto'!BL11&gt;0,'Indices Auto'!BM11&lt;100),"A",IF(AND('Cambios Auto'!BL11&lt;0,'Indices Auto'!BM11&gt;100),"N",IF(AND('Cambios Auto'!BL11&lt;0,'Indices Auto'!BM11&lt;100),"R","NULL"))))</f>
        <v>R</v>
      </c>
      <c r="BM11" s="2" t="str">
        <f>IF(AND('Cambios Auto'!BM11&gt;0,'Indices Auto'!BN11&gt;100),"V",IF(AND('Cambios Auto'!BM11&gt;0,'Indices Auto'!BN11&lt;100),"A",IF(AND('Cambios Auto'!BM11&lt;0,'Indices Auto'!BN11&gt;100),"N",IF(AND('Cambios Auto'!BM11&lt;0,'Indices Auto'!BN11&lt;100),"R","NULL"))))</f>
        <v>R</v>
      </c>
      <c r="BN11" s="2" t="str">
        <f>IF(AND('Cambios Auto'!BN11&gt;0,'Indices Auto'!BO11&gt;100),"V",IF(AND('Cambios Auto'!BN11&gt;0,'Indices Auto'!BO11&lt;100),"A",IF(AND('Cambios Auto'!BN11&lt;0,'Indices Auto'!BO11&gt;100),"N",IF(AND('Cambios Auto'!BN11&lt;0,'Indices Auto'!BO11&lt;100),"R","NULL"))))</f>
        <v>R</v>
      </c>
      <c r="BO11" s="2" t="str">
        <f>IF(AND('Cambios Auto'!BO11&gt;0,'Indices Auto'!BP11&gt;100),"V",IF(AND('Cambios Auto'!BO11&gt;0,'Indices Auto'!BP11&lt;100),"A",IF(AND('Cambios Auto'!BO11&lt;0,'Indices Auto'!BP11&gt;100),"N",IF(AND('Cambios Auto'!BO11&lt;0,'Indices Auto'!BP11&lt;100),"R","NULL"))))</f>
        <v>A</v>
      </c>
      <c r="BP11" s="2" t="str">
        <f>IF(AND('Cambios Auto'!BP11&gt;0,'Indices Auto'!BQ11&gt;100),"V",IF(AND('Cambios Auto'!BP11&gt;0,'Indices Auto'!BQ11&lt;100),"A",IF(AND('Cambios Auto'!BP11&lt;0,'Indices Auto'!BQ11&gt;100),"N",IF(AND('Cambios Auto'!BP11&lt;0,'Indices Auto'!BQ11&lt;100),"R","NULL"))))</f>
        <v>A</v>
      </c>
      <c r="BQ11" s="2" t="str">
        <f>IF(AND('Cambios Auto'!BQ11&gt;0,'Indices Auto'!BR11&gt;100),"V",IF(AND('Cambios Auto'!BQ11&gt;0,'Indices Auto'!BR11&lt;100),"A",IF(AND('Cambios Auto'!BQ11&lt;0,'Indices Auto'!BR11&gt;100),"N",IF(AND('Cambios Auto'!BQ11&lt;0,'Indices Auto'!BR11&lt;100),"R","NULL"))))</f>
        <v>V</v>
      </c>
      <c r="BR11" s="2" t="str">
        <f>IF(AND('Cambios Auto'!BR11&gt;0,'Indices Auto'!BS11&gt;100),"V",IF(AND('Cambios Auto'!BR11&gt;0,'Indices Auto'!BS11&lt;100),"A",IF(AND('Cambios Auto'!BR11&lt;0,'Indices Auto'!BS11&gt;100),"N",IF(AND('Cambios Auto'!BR11&lt;0,'Indices Auto'!BS11&lt;100),"R","NULL"))))</f>
        <v>V</v>
      </c>
      <c r="BS11" s="2" t="str">
        <f>IF(AND('Cambios Auto'!BS11&gt;0,'Indices Auto'!BT11&gt;100),"V",IF(AND('Cambios Auto'!BS11&gt;0,'Indices Auto'!BT11&lt;100),"A",IF(AND('Cambios Auto'!BS11&lt;0,'Indices Auto'!BT11&gt;100),"N",IF(AND('Cambios Auto'!BS11&lt;0,'Indices Auto'!BT11&lt;100),"R","NULL"))))</f>
        <v>V</v>
      </c>
      <c r="BT11" s="2" t="str">
        <f>IF(AND('Cambios Auto'!BT11&gt;0,'Indices Auto'!BU11&gt;100),"V",IF(AND('Cambios Auto'!BT11&gt;0,'Indices Auto'!BU11&lt;100),"A",IF(AND('Cambios Auto'!BT11&lt;0,'Indices Auto'!BU11&gt;100),"N",IF(AND('Cambios Auto'!BT11&lt;0,'Indices Auto'!BU11&lt;100),"R","NULL"))))</f>
        <v>V</v>
      </c>
      <c r="BU11" s="2" t="str">
        <f>IF(AND('Cambios Auto'!BU11&gt;0,'Indices Auto'!BV11&gt;100),"V",IF(AND('Cambios Auto'!BU11&gt;0,'Indices Auto'!BV11&lt;100),"A",IF(AND('Cambios Auto'!BU11&lt;0,'Indices Auto'!BV11&gt;100),"N",IF(AND('Cambios Auto'!BU11&lt;0,'Indices Auto'!BV11&lt;100),"R","NULL"))))</f>
        <v>V</v>
      </c>
      <c r="BV11" s="2" t="str">
        <f>IF(AND('Cambios Auto'!BV11&gt;0,'Indices Auto'!BW11&gt;100),"V",IF(AND('Cambios Auto'!BV11&gt;0,'Indices Auto'!BW11&lt;100),"A",IF(AND('Cambios Auto'!BV11&lt;0,'Indices Auto'!BW11&gt;100),"N",IF(AND('Cambios Auto'!BV11&lt;0,'Indices Auto'!BW11&lt;100),"R","NULL"))))</f>
        <v>V</v>
      </c>
      <c r="BW11" s="2" t="str">
        <f>IF(AND('Cambios Auto'!BW11&gt;0,'Indices Auto'!BX11&gt;100),"V",IF(AND('Cambios Auto'!BW11&gt;0,'Indices Auto'!BX11&lt;100),"A",IF(AND('Cambios Auto'!BW11&lt;0,'Indices Auto'!BX11&gt;100),"N",IF(AND('Cambios Auto'!BW11&lt;0,'Indices Auto'!BX11&lt;100),"R","NULL"))))</f>
        <v>V</v>
      </c>
      <c r="BX11" s="2" t="str">
        <f>IF(AND('Cambios Auto'!BX11&gt;0,'Indices Auto'!BY11&gt;100),"V",IF(AND('Cambios Auto'!BX11&gt;0,'Indices Auto'!BY11&lt;100),"A",IF(AND('Cambios Auto'!BX11&lt;0,'Indices Auto'!BY11&gt;100),"N",IF(AND('Cambios Auto'!BX11&lt;0,'Indices Auto'!BY11&lt;100),"R","NULL"))))</f>
        <v>V</v>
      </c>
      <c r="BY11" s="2" t="str">
        <f>IF(AND('Cambios Auto'!BY11&gt;0,'Indices Auto'!BZ11&gt;100),"V",IF(AND('Cambios Auto'!BY11&gt;0,'Indices Auto'!BZ11&lt;100),"A",IF(AND('Cambios Auto'!BY11&lt;0,'Indices Auto'!BZ11&gt;100),"N",IF(AND('Cambios Auto'!BY11&lt;0,'Indices Auto'!BZ11&lt;100),"R","NULL"))))</f>
        <v>V</v>
      </c>
      <c r="BZ11" s="2" t="str">
        <f>IF(AND('Cambios Auto'!BZ11&gt;0,'Indices Auto'!CA11&gt;100),"V",IF(AND('Cambios Auto'!BZ11&gt;0,'Indices Auto'!CA11&lt;100),"A",IF(AND('Cambios Auto'!BZ11&lt;0,'Indices Auto'!CA11&gt;100),"N",IF(AND('Cambios Auto'!BZ11&lt;0,'Indices Auto'!CA11&lt;100),"R","NULL"))))</f>
        <v>V</v>
      </c>
      <c r="CA11" s="2" t="str">
        <f>IF(AND('Cambios Auto'!CA11&gt;0,'Indices Auto'!CB11&gt;100),"V",IF(AND('Cambios Auto'!CA11&gt;0,'Indices Auto'!CB11&lt;100),"A",IF(AND('Cambios Auto'!CA11&lt;0,'Indices Auto'!CB11&gt;100),"N",IF(AND('Cambios Auto'!CA11&lt;0,'Indices Auto'!CB11&lt;100),"R","NULL"))))</f>
        <v>V</v>
      </c>
      <c r="CB11" s="2" t="str">
        <f>IF(AND('Cambios Auto'!CB11&gt;0,'Indices Auto'!CC11&gt;100),"V",IF(AND('Cambios Auto'!CB11&gt;0,'Indices Auto'!CC11&lt;100),"A",IF(AND('Cambios Auto'!CB11&lt;0,'Indices Auto'!CC11&gt;100),"N",IF(AND('Cambios Auto'!CB11&lt;0,'Indices Auto'!CC11&lt;100),"R","NULL"))))</f>
        <v>V</v>
      </c>
      <c r="CC11" s="2" t="str">
        <f>IF(AND('Cambios Auto'!CC11&gt;0,'Indices Auto'!CD11&gt;100),"V",IF(AND('Cambios Auto'!CC11&gt;0,'Indices Auto'!CD11&lt;100),"A",IF(AND('Cambios Auto'!CC11&lt;0,'Indices Auto'!CD11&gt;100),"N",IF(AND('Cambios Auto'!CC11&lt;0,'Indices Auto'!CD11&lt;100),"R","NULL"))))</f>
        <v>V</v>
      </c>
      <c r="CD11" s="2" t="str">
        <f>IF(AND('Cambios Auto'!CD11&gt;0,'Indices Auto'!CE11&gt;100),"V",IF(AND('Cambios Auto'!CD11&gt;0,'Indices Auto'!CE11&lt;100),"A",IF(AND('Cambios Auto'!CD11&lt;0,'Indices Auto'!CE11&gt;100),"N",IF(AND('Cambios Auto'!CD11&lt;0,'Indices Auto'!CE11&lt;100),"R","NULL"))))</f>
        <v>V</v>
      </c>
      <c r="CE11" s="2" t="str">
        <f>IF(AND('Cambios Auto'!CE11&gt;0,'Indices Auto'!CF11&gt;100),"V",IF(AND('Cambios Auto'!CE11&gt;0,'Indices Auto'!CF11&lt;100),"A",IF(AND('Cambios Auto'!CE11&lt;0,'Indices Auto'!CF11&gt;100),"N",IF(AND('Cambios Auto'!CE11&lt;0,'Indices Auto'!CF11&lt;100),"R","NULL"))))</f>
        <v>V</v>
      </c>
      <c r="CF11" s="2" t="str">
        <f>IF(AND('Cambios Auto'!CF11&gt;0,'Indices Auto'!CG11&gt;100),"V",IF(AND('Cambios Auto'!CF11&gt;0,'Indices Auto'!CG11&lt;100),"A",IF(AND('Cambios Auto'!CF11&lt;0,'Indices Auto'!CG11&gt;100),"N",IF(AND('Cambios Auto'!CF11&lt;0,'Indices Auto'!CG11&lt;100),"R","NULL"))))</f>
        <v>V</v>
      </c>
      <c r="CG11" s="2" t="str">
        <f>IF(AND('Cambios Auto'!CG11&gt;0,'Indices Auto'!CH11&gt;100),"V",IF(AND('Cambios Auto'!CG11&gt;0,'Indices Auto'!CH11&lt;100),"A",IF(AND('Cambios Auto'!CG11&lt;0,'Indices Auto'!CH11&gt;100),"N",IF(AND('Cambios Auto'!CG11&lt;0,'Indices Auto'!CH11&lt;100),"R","NULL"))))</f>
        <v>V</v>
      </c>
      <c r="CH11" s="2" t="str">
        <f>IF(AND('Cambios Auto'!CH11&gt;0,'Indices Auto'!CI11&gt;100),"V",IF(AND('Cambios Auto'!CH11&gt;0,'Indices Auto'!CI11&lt;100),"A",IF(AND('Cambios Auto'!CH11&lt;0,'Indices Auto'!CI11&gt;100),"N",IF(AND('Cambios Auto'!CH11&lt;0,'Indices Auto'!CI11&lt;100),"R","NULL"))))</f>
        <v>V</v>
      </c>
      <c r="CI11" s="2" t="str">
        <f>IF(AND('Cambios Auto'!CI11&gt;0,'Indices Auto'!CJ11&gt;100),"V",IF(AND('Cambios Auto'!CI11&gt;0,'Indices Auto'!CJ11&lt;100),"A",IF(AND('Cambios Auto'!CI11&lt;0,'Indices Auto'!CJ11&gt;100),"N",IF(AND('Cambios Auto'!CI11&lt;0,'Indices Auto'!CJ11&lt;100),"R","NULL"))))</f>
        <v>V</v>
      </c>
      <c r="CJ11" s="2" t="str">
        <f>IF(AND('Cambios Auto'!CJ11&gt;0,'Indices Auto'!CK11&gt;100),"V",IF(AND('Cambios Auto'!CJ11&gt;0,'Indices Auto'!CK11&lt;100),"A",IF(AND('Cambios Auto'!CJ11&lt;0,'Indices Auto'!CK11&gt;100),"N",IF(AND('Cambios Auto'!CJ11&lt;0,'Indices Auto'!CK11&lt;100),"R","NULL"))))</f>
        <v>V</v>
      </c>
      <c r="CK11" s="2" t="str">
        <f>IF(AND('Cambios Auto'!CK11&gt;0,'Indices Auto'!CL11&gt;100),"V",IF(AND('Cambios Auto'!CK11&gt;0,'Indices Auto'!CL11&lt;100),"A",IF(AND('Cambios Auto'!CK11&lt;0,'Indices Auto'!CL11&gt;100),"N",IF(AND('Cambios Auto'!CK11&lt;0,'Indices Auto'!CL11&lt;100),"R","NULL"))))</f>
        <v>V</v>
      </c>
      <c r="CL11" s="2" t="str">
        <f>IF(AND('Cambios Auto'!CL11&gt;0,'Indices Auto'!CM11&gt;100),"V",IF(AND('Cambios Auto'!CL11&gt;0,'Indices Auto'!CM11&lt;100),"A",IF(AND('Cambios Auto'!CL11&lt;0,'Indices Auto'!CM11&gt;100),"N",IF(AND('Cambios Auto'!CL11&lt;0,'Indices Auto'!CM11&lt;100),"R","NULL"))))</f>
        <v>V</v>
      </c>
      <c r="CM11" s="2" t="str">
        <f>IF(AND('Cambios Auto'!CM11&gt;0,'Indices Auto'!CN11&gt;100),"V",IF(AND('Cambios Auto'!CM11&gt;0,'Indices Auto'!CN11&lt;100),"A",IF(AND('Cambios Auto'!CM11&lt;0,'Indices Auto'!CN11&gt;100),"N",IF(AND('Cambios Auto'!CM11&lt;0,'Indices Auto'!CN11&lt;100),"R","NULL"))))</f>
        <v>V</v>
      </c>
      <c r="CN11" s="2" t="str">
        <f>IF(AND('Cambios Auto'!CN11&gt;0,'Indices Auto'!CO11&gt;100),"V",IF(AND('Cambios Auto'!CN11&gt;0,'Indices Auto'!CO11&lt;100),"A",IF(AND('Cambios Auto'!CN11&lt;0,'Indices Auto'!CO11&gt;100),"N",IF(AND('Cambios Auto'!CN11&lt;0,'Indices Auto'!CO11&lt;100),"R","NULL"))))</f>
        <v>V</v>
      </c>
      <c r="CO11" s="2" t="str">
        <f>IF(AND('Cambios Auto'!CO11&gt;0,'Indices Auto'!CP11&gt;100),"V",IF(AND('Cambios Auto'!CO11&gt;0,'Indices Auto'!CP11&lt;100),"A",IF(AND('Cambios Auto'!CO11&lt;0,'Indices Auto'!CP11&gt;100),"N",IF(AND('Cambios Auto'!CO11&lt;0,'Indices Auto'!CP11&lt;100),"R","NULL"))))</f>
        <v>V</v>
      </c>
      <c r="CP11" s="2" t="str">
        <f>IF(AND('Cambios Auto'!CP11&gt;0,'Indices Auto'!CQ11&gt;100),"V",IF(AND('Cambios Auto'!CP11&gt;0,'Indices Auto'!CQ11&lt;100),"A",IF(AND('Cambios Auto'!CP11&lt;0,'Indices Auto'!CQ11&gt;100),"N",IF(AND('Cambios Auto'!CP11&lt;0,'Indices Auto'!CQ11&lt;100),"R","NULL"))))</f>
        <v>V</v>
      </c>
      <c r="CQ11" s="2" t="str">
        <f>IF(AND('Cambios Auto'!CQ11&gt;0,'Indices Auto'!CR11&gt;100),"V",IF(AND('Cambios Auto'!CQ11&gt;0,'Indices Auto'!CR11&lt;100),"A",IF(AND('Cambios Auto'!CQ11&lt;0,'Indices Auto'!CR11&gt;100),"N",IF(AND('Cambios Auto'!CQ11&lt;0,'Indices Auto'!CR11&lt;100),"R","NULL"))))</f>
        <v>N</v>
      </c>
      <c r="CR11" s="2" t="str">
        <f>IF(AND('Cambios Auto'!CR11&gt;0,'Indices Auto'!CS11&gt;100),"V",IF(AND('Cambios Auto'!CR11&gt;0,'Indices Auto'!CS11&lt;100),"A",IF(AND('Cambios Auto'!CR11&lt;0,'Indices Auto'!CS11&gt;100),"N",IF(AND('Cambios Auto'!CR11&lt;0,'Indices Auto'!CS11&lt;100),"R","NULL"))))</f>
        <v>N</v>
      </c>
      <c r="CS11" s="2" t="str">
        <f>IF(AND('Cambios Auto'!CS11&gt;0,'Indices Auto'!CT11&gt;100),"V",IF(AND('Cambios Auto'!CS11&gt;0,'Indices Auto'!CT11&lt;100),"A",IF(AND('Cambios Auto'!CS11&lt;0,'Indices Auto'!CT11&gt;100),"N",IF(AND('Cambios Auto'!CS11&lt;0,'Indices Auto'!CT11&lt;100),"R","NULL"))))</f>
        <v>N</v>
      </c>
      <c r="CT11" s="2" t="str">
        <f>IF(AND('Cambios Auto'!CT11&gt;0,'Indices Auto'!CU11&gt;100),"V",IF(AND('Cambios Auto'!CT11&gt;0,'Indices Auto'!CU11&lt;100),"A",IF(AND('Cambios Auto'!CT11&lt;0,'Indices Auto'!CU11&gt;100),"N",IF(AND('Cambios Auto'!CT11&lt;0,'Indices Auto'!CU11&lt;100),"R","NULL"))))</f>
        <v>N</v>
      </c>
      <c r="CU11" s="2" t="str">
        <f>IF(AND('Cambios Auto'!CU11&gt;0,'Indices Auto'!CV11&gt;100),"V",IF(AND('Cambios Auto'!CU11&gt;0,'Indices Auto'!CV11&lt;100),"A",IF(AND('Cambios Auto'!CU11&lt;0,'Indices Auto'!CV11&gt;100),"N",IF(AND('Cambios Auto'!CU11&lt;0,'Indices Auto'!CV11&lt;100),"R","NULL"))))</f>
        <v>N</v>
      </c>
      <c r="CV11" s="2" t="str">
        <f>IF(AND('Cambios Auto'!CV11&gt;0,'Indices Auto'!CW11&gt;100),"V",IF(AND('Cambios Auto'!CV11&gt;0,'Indices Auto'!CW11&lt;100),"A",IF(AND('Cambios Auto'!CV11&lt;0,'Indices Auto'!CW11&gt;100),"N",IF(AND('Cambios Auto'!CV11&lt;0,'Indices Auto'!CW11&lt;100),"R","NULL"))))</f>
        <v>N</v>
      </c>
      <c r="CW11" s="2" t="str">
        <f>IF(AND('Cambios Auto'!CW11&gt;0,'Indices Auto'!CX11&gt;100),"V",IF(AND('Cambios Auto'!CW11&gt;0,'Indices Auto'!CX11&lt;100),"A",IF(AND('Cambios Auto'!CW11&lt;0,'Indices Auto'!CX11&gt;100),"N",IF(AND('Cambios Auto'!CW11&lt;0,'Indices Auto'!CX11&lt;100),"R","NULL"))))</f>
        <v>N</v>
      </c>
      <c r="CX11" s="2" t="str">
        <f>IF(AND('Cambios Auto'!CX11&gt;0,'Indices Auto'!CY11&gt;100),"V",IF(AND('Cambios Auto'!CX11&gt;0,'Indices Auto'!CY11&lt;100),"A",IF(AND('Cambios Auto'!CX11&lt;0,'Indices Auto'!CY11&gt;100),"N",IF(AND('Cambios Auto'!CX11&lt;0,'Indices Auto'!CY11&lt;100),"R","NULL"))))</f>
        <v>N</v>
      </c>
      <c r="CY11" s="2" t="str">
        <f>IF(AND('Cambios Auto'!CY11&gt;0,'Indices Auto'!CZ11&gt;100),"V",IF(AND('Cambios Auto'!CY11&gt;0,'Indices Auto'!CZ11&lt;100),"A",IF(AND('Cambios Auto'!CY11&lt;0,'Indices Auto'!CZ11&gt;100),"N",IF(AND('Cambios Auto'!CY11&lt;0,'Indices Auto'!CZ11&lt;100),"R","NULL"))))</f>
        <v>R</v>
      </c>
      <c r="CZ11" s="2" t="str">
        <f>IF(AND('Cambios Auto'!CZ11&gt;0,'Indices Auto'!DA11&gt;100),"V",IF(AND('Cambios Auto'!CZ11&gt;0,'Indices Auto'!DA11&lt;100),"A",IF(AND('Cambios Auto'!CZ11&lt;0,'Indices Auto'!DA11&gt;100),"N",IF(AND('Cambios Auto'!CZ11&lt;0,'Indices Auto'!DA11&lt;100),"R","NULL"))))</f>
        <v>R</v>
      </c>
      <c r="DA11" s="2" t="str">
        <f>IF(AND('Cambios Auto'!DA11&gt;0,'Indices Auto'!DB11&gt;100),"V",IF(AND('Cambios Auto'!DA11&gt;0,'Indices Auto'!DB11&lt;100),"A",IF(AND('Cambios Auto'!DA11&lt;0,'Indices Auto'!DB11&gt;100),"N",IF(AND('Cambios Auto'!DA11&lt;0,'Indices Auto'!DB11&lt;100),"R","NULL"))))</f>
        <v>R</v>
      </c>
      <c r="DB11" s="2" t="str">
        <f>IF(AND('Cambios Auto'!DB11&gt;0,'Indices Auto'!DC11&gt;100),"V",IF(AND('Cambios Auto'!DB11&gt;0,'Indices Auto'!DC11&lt;100),"A",IF(AND('Cambios Auto'!DB11&lt;0,'Indices Auto'!DC11&gt;100),"N",IF(AND('Cambios Auto'!DB11&lt;0,'Indices Auto'!DC11&lt;100),"R","NULL"))))</f>
        <v>R</v>
      </c>
      <c r="DC11" s="2" t="str">
        <f>IF(AND('Cambios Auto'!DC11&gt;0,'Indices Auto'!DD11&gt;100),"V",IF(AND('Cambios Auto'!DC11&gt;0,'Indices Auto'!DD11&lt;100),"A",IF(AND('Cambios Auto'!DC11&lt;0,'Indices Auto'!DD11&gt;100),"N",IF(AND('Cambios Auto'!DC11&lt;0,'Indices Auto'!DD11&lt;100),"R","NULL"))))</f>
        <v>R</v>
      </c>
      <c r="DD11" s="2" t="str">
        <f>IF(AND('Cambios Auto'!DD11&gt;0,'Indices Auto'!DE11&gt;100),"V",IF(AND('Cambios Auto'!DD11&gt;0,'Indices Auto'!DE11&lt;100),"A",IF(AND('Cambios Auto'!DD11&lt;0,'Indices Auto'!DE11&gt;100),"N",IF(AND('Cambios Auto'!DD11&lt;0,'Indices Auto'!DE11&lt;100),"R","NULL"))))</f>
        <v>R</v>
      </c>
      <c r="DE11" s="2" t="str">
        <f>IF(AND('Cambios Auto'!DE11&gt;0,'Indices Auto'!DF11&gt;100),"V",IF(AND('Cambios Auto'!DE11&gt;0,'Indices Auto'!DF11&lt;100),"A",IF(AND('Cambios Auto'!DE11&lt;0,'Indices Auto'!DF11&gt;100),"N",IF(AND('Cambios Auto'!DE11&lt;0,'Indices Auto'!DF11&lt;100),"R","NULL"))))</f>
        <v>R</v>
      </c>
      <c r="DF11" s="2" t="str">
        <f>IF(AND('Cambios Auto'!DF11&gt;0,'Indices Auto'!DG11&gt;100),"V",IF(AND('Cambios Auto'!DF11&gt;0,'Indices Auto'!DG11&lt;100),"A",IF(AND('Cambios Auto'!DF11&lt;0,'Indices Auto'!DG11&gt;100),"N",IF(AND('Cambios Auto'!DF11&lt;0,'Indices Auto'!DG11&lt;100),"R","NULL"))))</f>
        <v>R</v>
      </c>
      <c r="DG11" s="2" t="str">
        <f>IF(AND('Cambios Auto'!DG11&gt;0,'Indices Auto'!DH11&gt;100),"V",IF(AND('Cambios Auto'!DG11&gt;0,'Indices Auto'!DH11&lt;100),"A",IF(AND('Cambios Auto'!DG11&lt;0,'Indices Auto'!DH11&gt;100),"N",IF(AND('Cambios Auto'!DG11&lt;0,'Indices Auto'!DH11&lt;100),"R","NULL"))))</f>
        <v>R</v>
      </c>
      <c r="DH11" s="2" t="str">
        <f>IF(AND('Cambios Auto'!DH11&gt;0,'Indices Auto'!DI11&gt;100),"V",IF(AND('Cambios Auto'!DH11&gt;0,'Indices Auto'!DI11&lt;100),"A",IF(AND('Cambios Auto'!DH11&lt;0,'Indices Auto'!DI11&gt;100),"N",IF(AND('Cambios Auto'!DH11&lt;0,'Indices Auto'!DI11&lt;100),"R","NULL"))))</f>
        <v>A</v>
      </c>
      <c r="DI11" s="2" t="str">
        <f>IF(AND('Cambios Auto'!DI11&gt;0,'Indices Auto'!DJ11&gt;100),"V",IF(AND('Cambios Auto'!DI11&gt;0,'Indices Auto'!DJ11&lt;100),"A",IF(AND('Cambios Auto'!DI11&lt;0,'Indices Auto'!DJ11&gt;100),"N",IF(AND('Cambios Auto'!DI11&lt;0,'Indices Auto'!DJ11&lt;100),"R","NULL"))))</f>
        <v>A</v>
      </c>
      <c r="DJ11" s="2" t="str">
        <f>IF(AND('Cambios Auto'!DJ11&gt;0,'Indices Auto'!DK11&gt;100),"V",IF(AND('Cambios Auto'!DJ11&gt;0,'Indices Auto'!DK11&lt;100),"A",IF(AND('Cambios Auto'!DJ11&lt;0,'Indices Auto'!DK11&gt;100),"N",IF(AND('Cambios Auto'!DJ11&lt;0,'Indices Auto'!DK11&lt;100),"R","NULL"))))</f>
        <v>A</v>
      </c>
      <c r="DK11" s="2" t="str">
        <f>IF(AND('Cambios Auto'!DK11&gt;0,'Indices Auto'!DL11&gt;100),"V",IF(AND('Cambios Auto'!DK11&gt;0,'Indices Auto'!DL11&lt;100),"A",IF(AND('Cambios Auto'!DK11&lt;0,'Indices Auto'!DL11&gt;100),"N",IF(AND('Cambios Auto'!DK11&lt;0,'Indices Auto'!DL11&lt;100),"R","NULL"))))</f>
        <v>A</v>
      </c>
      <c r="DL11" s="2" t="str">
        <f>IF(AND('Cambios Auto'!DL11&gt;0,'Indices Auto'!DM11&gt;100),"V",IF(AND('Cambios Auto'!DL11&gt;0,'Indices Auto'!DM11&lt;100),"A",IF(AND('Cambios Auto'!DL11&lt;0,'Indices Auto'!DM11&gt;100),"N",IF(AND('Cambios Auto'!DL11&lt;0,'Indices Auto'!DM11&lt;100),"R","NULL"))))</f>
        <v>A</v>
      </c>
      <c r="DM11" s="2" t="str">
        <f>IF(AND('Cambios Auto'!DM11&gt;0,'Indices Auto'!DN11&gt;100),"V",IF(AND('Cambios Auto'!DM11&gt;0,'Indices Auto'!DN11&lt;100),"A",IF(AND('Cambios Auto'!DM11&lt;0,'Indices Auto'!DN11&gt;100),"N",IF(AND('Cambios Auto'!DM11&lt;0,'Indices Auto'!DN11&lt;100),"R","NULL"))))</f>
        <v>A</v>
      </c>
      <c r="DN11" s="2" t="str">
        <f>IF(AND('Cambios Auto'!DN11&gt;0,'Indices Auto'!DO11&gt;100),"V",IF(AND('Cambios Auto'!DN11&gt;0,'Indices Auto'!DO11&lt;100),"A",IF(AND('Cambios Auto'!DN11&lt;0,'Indices Auto'!DO11&gt;100),"N",IF(AND('Cambios Auto'!DN11&lt;0,'Indices Auto'!DO11&lt;100),"R","NULL"))))</f>
        <v>A</v>
      </c>
      <c r="DO11" s="2" t="str">
        <f>IF(AND('Cambios Auto'!DO11&gt;0,'Indices Auto'!DP11&gt;100),"V",IF(AND('Cambios Auto'!DO11&gt;0,'Indices Auto'!DP11&lt;100),"A",IF(AND('Cambios Auto'!DO11&lt;0,'Indices Auto'!DP11&gt;100),"N",IF(AND('Cambios Auto'!DO11&lt;0,'Indices Auto'!DP11&lt;100),"R","NULL"))))</f>
        <v>A</v>
      </c>
      <c r="DP11" s="2" t="str">
        <f>IF(AND('Cambios Auto'!DP11&gt;0,'Indices Auto'!DQ11&gt;100),"V",IF(AND('Cambios Auto'!DP11&gt;0,'Indices Auto'!DQ11&lt;100),"A",IF(AND('Cambios Auto'!DP11&lt;0,'Indices Auto'!DQ11&gt;100),"N",IF(AND('Cambios Auto'!DP11&lt;0,'Indices Auto'!DQ11&lt;100),"R","NULL"))))</f>
        <v>A</v>
      </c>
      <c r="DQ11" s="2" t="str">
        <f>IF(AND('Cambios Auto'!DQ11&gt;0,'Indices Auto'!DR11&gt;100),"V",IF(AND('Cambios Auto'!DQ11&gt;0,'Indices Auto'!DR11&lt;100),"A",IF(AND('Cambios Auto'!DQ11&lt;0,'Indices Auto'!DR11&gt;100),"N",IF(AND('Cambios Auto'!DQ11&lt;0,'Indices Auto'!DR11&lt;100),"R","NULL"))))</f>
        <v>V</v>
      </c>
      <c r="DR11" s="2" t="str">
        <f>IF(AND('Cambios Auto'!DR11&gt;0,'Indices Auto'!DS11&gt;100),"V",IF(AND('Cambios Auto'!DR11&gt;0,'Indices Auto'!DS11&lt;100),"A",IF(AND('Cambios Auto'!DR11&lt;0,'Indices Auto'!DS11&gt;100),"N",IF(AND('Cambios Auto'!DR11&lt;0,'Indices Auto'!DS11&lt;100),"R","NULL"))))</f>
        <v>V</v>
      </c>
      <c r="DS11" s="2" t="str">
        <f>IF(AND('Cambios Auto'!DS11&gt;0,'Indices Auto'!DT11&gt;100),"V",IF(AND('Cambios Auto'!DS11&gt;0,'Indices Auto'!DT11&lt;100),"A",IF(AND('Cambios Auto'!DS11&lt;0,'Indices Auto'!DT11&gt;100),"N",IF(AND('Cambios Auto'!DS11&lt;0,'Indices Auto'!DT11&lt;100),"R","NULL"))))</f>
        <v>V</v>
      </c>
      <c r="DT11" s="2" t="str">
        <f>IF(AND('Cambios Auto'!DT11&gt;0,'Indices Auto'!DU11&gt;100),"V",IF(AND('Cambios Auto'!DT11&gt;0,'Indices Auto'!DU11&lt;100),"A",IF(AND('Cambios Auto'!DT11&lt;0,'Indices Auto'!DU11&gt;100),"N",IF(AND('Cambios Auto'!DT11&lt;0,'Indices Auto'!DU11&lt;100),"R","NULL"))))</f>
        <v>V</v>
      </c>
      <c r="DU11" s="2" t="str">
        <f>IF(AND('Cambios Auto'!DU11&gt;0,'Indices Auto'!DV11&gt;100),"V",IF(AND('Cambios Auto'!DU11&gt;0,'Indices Auto'!DV11&lt;100),"A",IF(AND('Cambios Auto'!DU11&lt;0,'Indices Auto'!DV11&gt;100),"N",IF(AND('Cambios Auto'!DU11&lt;0,'Indices Auto'!DV11&lt;100),"R","NULL"))))</f>
        <v>V</v>
      </c>
      <c r="DV11" s="2" t="str">
        <f>IF(AND('Cambios Auto'!DV11&gt;0,'Indices Auto'!DW11&gt;100),"V",IF(AND('Cambios Auto'!DV11&gt;0,'Indices Auto'!DW11&lt;100),"A",IF(AND('Cambios Auto'!DV11&lt;0,'Indices Auto'!DW11&gt;100),"N",IF(AND('Cambios Auto'!DV11&lt;0,'Indices Auto'!DW11&lt;100),"R","NULL"))))</f>
        <v>V</v>
      </c>
      <c r="DW11" s="2" t="str">
        <f>IF(AND('Cambios Auto'!DW11&gt;0,'Indices Auto'!DX11&gt;100),"V",IF(AND('Cambios Auto'!DW11&gt;0,'Indices Auto'!DX11&lt;100),"A",IF(AND('Cambios Auto'!DW11&lt;0,'Indices Auto'!DX11&gt;100),"N",IF(AND('Cambios Auto'!DW11&lt;0,'Indices Auto'!DX11&lt;100),"R","NULL"))))</f>
        <v>V</v>
      </c>
      <c r="DX11" s="2" t="str">
        <f>IF(AND('Cambios Auto'!DX11&gt;0,'Indices Auto'!DY11&gt;100),"V",IF(AND('Cambios Auto'!DX11&gt;0,'Indices Auto'!DY11&lt;100),"A",IF(AND('Cambios Auto'!DX11&lt;0,'Indices Auto'!DY11&gt;100),"N",IF(AND('Cambios Auto'!DX11&lt;0,'Indices Auto'!DY11&lt;100),"R","NULL"))))</f>
        <v>V</v>
      </c>
      <c r="DY11" s="2" t="str">
        <f>IF(AND('Cambios Auto'!DY11&gt;0,'Indices Auto'!DZ11&gt;100),"V",IF(AND('Cambios Auto'!DY11&gt;0,'Indices Auto'!DZ11&lt;100),"A",IF(AND('Cambios Auto'!DY11&lt;0,'Indices Auto'!DZ11&gt;100),"N",IF(AND('Cambios Auto'!DY11&lt;0,'Indices Auto'!DZ11&lt;100),"R","NULL"))))</f>
        <v>V</v>
      </c>
      <c r="DZ11" s="2" t="str">
        <f>IF(AND('Cambios Auto'!DZ11&gt;0,'Indices Auto'!EA11&gt;100),"V",IF(AND('Cambios Auto'!DZ11&gt;0,'Indices Auto'!EA11&lt;100),"A",IF(AND('Cambios Auto'!DZ11&lt;0,'Indices Auto'!EA11&gt;100),"N",IF(AND('Cambios Auto'!DZ11&lt;0,'Indices Auto'!EA11&lt;100),"R","NULL"))))</f>
        <v>V</v>
      </c>
      <c r="EA11" s="2" t="str">
        <f>IF(AND('Cambios Auto'!EA11&gt;0,'Indices Auto'!EB11&gt;100),"V",IF(AND('Cambios Auto'!EA11&gt;0,'Indices Auto'!EB11&lt;100),"A",IF(AND('Cambios Auto'!EA11&lt;0,'Indices Auto'!EB11&gt;100),"N",IF(AND('Cambios Auto'!EA11&lt;0,'Indices Auto'!EB11&lt;100),"R","NULL"))))</f>
        <v>V</v>
      </c>
      <c r="EB11" s="2" t="str">
        <f>IF(AND('Cambios Auto'!EB11&gt;0,'Indices Auto'!EC11&gt;100),"V",IF(AND('Cambios Auto'!EB11&gt;0,'Indices Auto'!EC11&lt;100),"A",IF(AND('Cambios Auto'!EB11&lt;0,'Indices Auto'!EC11&gt;100),"N",IF(AND('Cambios Auto'!EB11&lt;0,'Indices Auto'!EC11&lt;100),"R","NULL"))))</f>
        <v>V</v>
      </c>
      <c r="EC11" s="2" t="str">
        <f>IF(AND('Cambios Auto'!EC11&gt;0,'Indices Auto'!ED11&gt;100),"V",IF(AND('Cambios Auto'!EC11&gt;0,'Indices Auto'!ED11&lt;100),"A",IF(AND('Cambios Auto'!EC11&lt;0,'Indices Auto'!ED11&gt;100),"N",IF(AND('Cambios Auto'!EC11&lt;0,'Indices Auto'!ED11&lt;100),"R","NULL"))))</f>
        <v>V</v>
      </c>
      <c r="ED11" s="2" t="str">
        <f>IF(AND('Cambios Auto'!ED11&gt;0,'Indices Auto'!EE11&gt;100),"V",IF(AND('Cambios Auto'!ED11&gt;0,'Indices Auto'!EE11&lt;100),"A",IF(AND('Cambios Auto'!ED11&lt;0,'Indices Auto'!EE11&gt;100),"N",IF(AND('Cambios Auto'!ED11&lt;0,'Indices Auto'!EE11&lt;100),"R","NULL"))))</f>
        <v>V</v>
      </c>
      <c r="EE11" s="2" t="str">
        <f>IF(AND('Cambios Auto'!EE11&gt;0,'Indices Auto'!EF11&gt;100),"V",IF(AND('Cambios Auto'!EE11&gt;0,'Indices Auto'!EF11&lt;100),"A",IF(AND('Cambios Auto'!EE11&lt;0,'Indices Auto'!EF11&gt;100),"N",IF(AND('Cambios Auto'!EE11&lt;0,'Indices Auto'!EF11&lt;100),"R","NULL"))))</f>
        <v>V</v>
      </c>
      <c r="EF11" s="2" t="str">
        <f>IF(AND('Cambios Auto'!EF11&gt;0,'Indices Auto'!EG11&gt;100),"V",IF(AND('Cambios Auto'!EF11&gt;0,'Indices Auto'!EG11&lt;100),"A",IF(AND('Cambios Auto'!EF11&lt;0,'Indices Auto'!EG11&gt;100),"N",IF(AND('Cambios Auto'!EF11&lt;0,'Indices Auto'!EG11&lt;100),"R","NULL"))))</f>
        <v>V</v>
      </c>
      <c r="EG11" s="2" t="str">
        <f>IF(AND('Cambios Auto'!EG11&gt;0,'Indices Auto'!EH11&gt;100),"V",IF(AND('Cambios Auto'!EG11&gt;0,'Indices Auto'!EH11&lt;100),"A",IF(AND('Cambios Auto'!EG11&lt;0,'Indices Auto'!EH11&gt;100),"N",IF(AND('Cambios Auto'!EG11&lt;0,'Indices Auto'!EH11&lt;100),"R","NULL"))))</f>
        <v>N</v>
      </c>
      <c r="EH11" s="2" t="str">
        <f>IF(AND('Cambios Auto'!EH11&gt;0,'Indices Auto'!EI11&gt;100),"V",IF(AND('Cambios Auto'!EH11&gt;0,'Indices Auto'!EI11&lt;100),"A",IF(AND('Cambios Auto'!EH11&lt;0,'Indices Auto'!EI11&gt;100),"N",IF(AND('Cambios Auto'!EH11&lt;0,'Indices Auto'!EI11&lt;100),"R","NULL"))))</f>
        <v>N</v>
      </c>
      <c r="EI11" s="2" t="str">
        <f>IF(AND('Cambios Auto'!EI11&gt;0,'Indices Auto'!EJ11&gt;100),"V",IF(AND('Cambios Auto'!EI11&gt;0,'Indices Auto'!EJ11&lt;100),"A",IF(AND('Cambios Auto'!EI11&lt;0,'Indices Auto'!EJ11&gt;100),"N",IF(AND('Cambios Auto'!EI11&lt;0,'Indices Auto'!EJ11&lt;100),"R","NULL"))))</f>
        <v>N</v>
      </c>
      <c r="EJ11" s="2" t="str">
        <f>IF(AND('Cambios Auto'!EJ11&gt;0,'Indices Auto'!EK11&gt;100),"V",IF(AND('Cambios Auto'!EJ11&gt;0,'Indices Auto'!EK11&lt;100),"A",IF(AND('Cambios Auto'!EJ11&lt;0,'Indices Auto'!EK11&gt;100),"N",IF(AND('Cambios Auto'!EJ11&lt;0,'Indices Auto'!EK11&lt;100),"R","NULL"))))</f>
        <v>N</v>
      </c>
      <c r="EK11" s="2" t="str">
        <f>IF(AND('Cambios Auto'!EK11&gt;0,'Indices Auto'!EL11&gt;100),"V",IF(AND('Cambios Auto'!EK11&gt;0,'Indices Auto'!EL11&lt;100),"A",IF(AND('Cambios Auto'!EK11&lt;0,'Indices Auto'!EL11&gt;100),"N",IF(AND('Cambios Auto'!EK11&lt;0,'Indices Auto'!EL11&lt;100),"R","NULL"))))</f>
        <v>N</v>
      </c>
      <c r="EL11" s="2" t="str">
        <f>IF(AND('Cambios Auto'!EL11&gt;0,'Indices Auto'!EM11&gt;100),"V",IF(AND('Cambios Auto'!EL11&gt;0,'Indices Auto'!EM11&lt;100),"A",IF(AND('Cambios Auto'!EL11&lt;0,'Indices Auto'!EM11&gt;100),"N",IF(AND('Cambios Auto'!EL11&lt;0,'Indices Auto'!EM11&lt;100),"R","NULL"))))</f>
        <v>N</v>
      </c>
      <c r="EM11" s="2" t="str">
        <f>IF(AND('Cambios Auto'!EM11&gt;0,'Indices Auto'!EN11&gt;100),"V",IF(AND('Cambios Auto'!EM11&gt;0,'Indices Auto'!EN11&lt;100),"A",IF(AND('Cambios Auto'!EM11&lt;0,'Indices Auto'!EN11&gt;100),"N",IF(AND('Cambios Auto'!EM11&lt;0,'Indices Auto'!EN11&lt;100),"R","NULL"))))</f>
        <v>N</v>
      </c>
      <c r="EN11" s="2" t="str">
        <f>IF(AND('Cambios Auto'!EN11&gt;0,'Indices Auto'!EO11&gt;100),"V",IF(AND('Cambios Auto'!EN11&gt;0,'Indices Auto'!EO11&lt;100),"A",IF(AND('Cambios Auto'!EN11&lt;0,'Indices Auto'!EO11&gt;100),"N",IF(AND('Cambios Auto'!EN11&lt;0,'Indices Auto'!EO11&lt;100),"R","NULL"))))</f>
        <v>N</v>
      </c>
      <c r="EO11" s="2" t="str">
        <f>IF(AND('Cambios Auto'!EO11&gt;0,'Indices Auto'!EP11&gt;100),"V",IF(AND('Cambios Auto'!EO11&gt;0,'Indices Auto'!EP11&lt;100),"A",IF(AND('Cambios Auto'!EO11&lt;0,'Indices Auto'!EP11&gt;100),"N",IF(AND('Cambios Auto'!EO11&lt;0,'Indices Auto'!EP11&lt;100),"R","NULL"))))</f>
        <v>V</v>
      </c>
      <c r="EP11" s="2" t="str">
        <f>IF(AND('Cambios Auto'!EP11&gt;0,'Indices Auto'!EQ11&gt;100),"V",IF(AND('Cambios Auto'!EP11&gt;0,'Indices Auto'!EQ11&lt;100),"A",IF(AND('Cambios Auto'!EP11&lt;0,'Indices Auto'!EQ11&gt;100),"N",IF(AND('Cambios Auto'!EP11&lt;0,'Indices Auto'!EQ11&lt;100),"R","NULL"))))</f>
        <v>V</v>
      </c>
      <c r="EQ11" s="2" t="str">
        <f>IF(AND('Cambios Auto'!EQ11&gt;0,'Indices Auto'!ER11&gt;100),"V",IF(AND('Cambios Auto'!EQ11&gt;0,'Indices Auto'!ER11&lt;100),"A",IF(AND('Cambios Auto'!EQ11&lt;0,'Indices Auto'!ER11&gt;100),"N",IF(AND('Cambios Auto'!EQ11&lt;0,'Indices Auto'!ER11&lt;100),"R","NULL"))))</f>
        <v>V</v>
      </c>
      <c r="ER11" s="2" t="str">
        <f>IF(AND('Cambios Auto'!ER11&gt;0,'Indices Auto'!ES11&gt;100),"V",IF(AND('Cambios Auto'!ER11&gt;0,'Indices Auto'!ES11&lt;100),"A",IF(AND('Cambios Auto'!ER11&lt;0,'Indices Auto'!ES11&gt;100),"N",IF(AND('Cambios Auto'!ER11&lt;0,'Indices Auto'!ES11&lt;100),"R","NULL"))))</f>
        <v>N</v>
      </c>
      <c r="ES11" s="2" t="str">
        <f>IF(AND('Cambios Auto'!ES11&gt;0,'Indices Auto'!ET11&gt;100),"V",IF(AND('Cambios Auto'!ES11&gt;0,'Indices Auto'!ET11&lt;100),"A",IF(AND('Cambios Auto'!ES11&lt;0,'Indices Auto'!ET11&gt;100),"N",IF(AND('Cambios Auto'!ES11&lt;0,'Indices Auto'!ET11&lt;100),"R","NULL"))))</f>
        <v>N</v>
      </c>
      <c r="ET11" s="2" t="str">
        <f>IF(AND('Cambios Auto'!ET11&gt;0,'Indices Auto'!EU11&gt;100),"V",IF(AND('Cambios Auto'!ET11&gt;0,'Indices Auto'!EU11&lt;100),"A",IF(AND('Cambios Auto'!ET11&lt;0,'Indices Auto'!EU11&gt;100),"N",IF(AND('Cambios Auto'!ET11&lt;0,'Indices Auto'!EU11&lt;100),"R","NULL"))))</f>
        <v>N</v>
      </c>
      <c r="EU11" s="2" t="str">
        <f>IF(AND('Cambios Auto'!EU11&gt;0,'Indices Auto'!EV11&gt;100),"V",IF(AND('Cambios Auto'!EU11&gt;0,'Indices Auto'!EV11&lt;100),"A",IF(AND('Cambios Auto'!EU11&lt;0,'Indices Auto'!EV11&gt;100),"N",IF(AND('Cambios Auto'!EU11&lt;0,'Indices Auto'!EV11&lt;100),"R","NULL"))))</f>
        <v>N</v>
      </c>
      <c r="EV11" s="2" t="str">
        <f>IF(AND('Cambios Auto'!EV11&gt;0,'Indices Auto'!EW11&gt;100),"V",IF(AND('Cambios Auto'!EV11&gt;0,'Indices Auto'!EW11&lt;100),"A",IF(AND('Cambios Auto'!EV11&lt;0,'Indices Auto'!EW11&gt;100),"N",IF(AND('Cambios Auto'!EV11&lt;0,'Indices Auto'!EW11&lt;100),"R","NULL"))))</f>
        <v>N</v>
      </c>
      <c r="EW11" s="2" t="str">
        <f>IF(AND('Cambios Auto'!EW11&gt;0,'Indices Auto'!EX11&gt;100),"V",IF(AND('Cambios Auto'!EW11&gt;0,'Indices Auto'!EX11&lt;100),"A",IF(AND('Cambios Auto'!EW11&lt;0,'Indices Auto'!EX11&gt;100),"N",IF(AND('Cambios Auto'!EW11&lt;0,'Indices Auto'!EX11&lt;100),"R","NULL"))))</f>
        <v>V</v>
      </c>
      <c r="EX11" s="2" t="str">
        <f>IF(AND('Cambios Auto'!EX11&gt;0,'Indices Auto'!EY11&gt;100),"V",IF(AND('Cambios Auto'!EX11&gt;0,'Indices Auto'!EY11&lt;100),"A",IF(AND('Cambios Auto'!EX11&lt;0,'Indices Auto'!EY11&gt;100),"N",IF(AND('Cambios Auto'!EX11&lt;0,'Indices Auto'!EY11&lt;100),"R","NULL"))))</f>
        <v>V</v>
      </c>
      <c r="EY11" s="2" t="str">
        <f>IF(AND('Cambios Auto'!EY11&gt;0,'Indices Auto'!EZ11&gt;100),"V",IF(AND('Cambios Auto'!EY11&gt;0,'Indices Auto'!EZ11&lt;100),"A",IF(AND('Cambios Auto'!EY11&lt;0,'Indices Auto'!EZ11&gt;100),"N",IF(AND('Cambios Auto'!EY11&lt;0,'Indices Auto'!EZ11&lt;100),"R","NULL"))))</f>
        <v>V</v>
      </c>
      <c r="EZ11" s="2" t="str">
        <f>IF(AND('Cambios Auto'!EZ11&gt;0,'Indices Auto'!FA11&gt;100),"V",IF(AND('Cambios Auto'!EZ11&gt;0,'Indices Auto'!FA11&lt;100),"A",IF(AND('Cambios Auto'!EZ11&lt;0,'Indices Auto'!FA11&gt;100),"N",IF(AND('Cambios Auto'!EZ11&lt;0,'Indices Auto'!FA11&lt;100),"R","NULL"))))</f>
        <v>V</v>
      </c>
      <c r="FA11" s="2" t="str">
        <f>IF(AND('Cambios Auto'!FA11&gt;0,'Indices Auto'!FB11&gt;100),"V",IF(AND('Cambios Auto'!FA11&gt;0,'Indices Auto'!FB11&lt;100),"A",IF(AND('Cambios Auto'!FA11&lt;0,'Indices Auto'!FB11&gt;100),"N",IF(AND('Cambios Auto'!FA11&lt;0,'Indices Auto'!FB11&lt;100),"R","NULL"))))</f>
        <v>V</v>
      </c>
      <c r="FB11" s="2" t="str">
        <f>IF(AND('Cambios Auto'!FB11&gt;0,'Indices Auto'!FC11&gt;100),"V",IF(AND('Cambios Auto'!FB11&gt;0,'Indices Auto'!FC11&lt;100),"A",IF(AND('Cambios Auto'!FB11&lt;0,'Indices Auto'!FC11&gt;100),"N",IF(AND('Cambios Auto'!FB11&lt;0,'Indices Auto'!FC11&lt;100),"R","NULL"))))</f>
        <v>V</v>
      </c>
      <c r="FC11" s="2" t="str">
        <f>IF(AND('Cambios Auto'!FC11&gt;0,'Indices Auto'!FD11&gt;100),"V",IF(AND('Cambios Auto'!FC11&gt;0,'Indices Auto'!FD11&lt;100),"A",IF(AND('Cambios Auto'!FC11&lt;0,'Indices Auto'!FD11&gt;100),"N",IF(AND('Cambios Auto'!FC11&lt;0,'Indices Auto'!FD11&lt;100),"R","NULL"))))</f>
        <v>V</v>
      </c>
      <c r="FD11" s="2" t="str">
        <f>IF(AND('Cambios Auto'!FD11&gt;0,'Indices Auto'!FE11&gt;100),"V",IF(AND('Cambios Auto'!FD11&gt;0,'Indices Auto'!FE11&lt;100),"A",IF(AND('Cambios Auto'!FD11&lt;0,'Indices Auto'!FE11&gt;100),"N",IF(AND('Cambios Auto'!FD11&lt;0,'Indices Auto'!FE11&lt;100),"R","NULL"))))</f>
        <v>V</v>
      </c>
      <c r="FE11" s="2" t="str">
        <f>IF(AND('Cambios Auto'!FE11&gt;0,'Indices Auto'!FF11&gt;100),"V",IF(AND('Cambios Auto'!FE11&gt;0,'Indices Auto'!FF11&lt;100),"A",IF(AND('Cambios Auto'!FE11&lt;0,'Indices Auto'!FF11&gt;100),"N",IF(AND('Cambios Auto'!FE11&lt;0,'Indices Auto'!FF11&lt;100),"R","NULL"))))</f>
        <v>N</v>
      </c>
      <c r="FF11" s="2" t="str">
        <f>IF(AND('Cambios Auto'!FF11&gt;0,'Indices Auto'!FG11&gt;100),"V",IF(AND('Cambios Auto'!FF11&gt;0,'Indices Auto'!FG11&lt;100),"A",IF(AND('Cambios Auto'!FF11&lt;0,'Indices Auto'!FG11&gt;100),"N",IF(AND('Cambios Auto'!FF11&lt;0,'Indices Auto'!FG11&lt;100),"R","NULL"))))</f>
        <v>N</v>
      </c>
      <c r="FG11" s="2" t="str">
        <f>IF(AND('Cambios Auto'!FG11&gt;0,'Indices Auto'!FH11&gt;100),"V",IF(AND('Cambios Auto'!FG11&gt;0,'Indices Auto'!FH11&lt;100),"A",IF(AND('Cambios Auto'!FG11&lt;0,'Indices Auto'!FH11&gt;100),"N",IF(AND('Cambios Auto'!FG11&lt;0,'Indices Auto'!FH11&lt;100),"R","NULL"))))</f>
        <v>N</v>
      </c>
      <c r="FH11" s="2" t="str">
        <f>IF(AND('Cambios Auto'!FH11&gt;0,'Indices Auto'!FI11&gt;100),"V",IF(AND('Cambios Auto'!FH11&gt;0,'Indices Auto'!FI11&lt;100),"A",IF(AND('Cambios Auto'!FH11&lt;0,'Indices Auto'!FI11&gt;100),"N",IF(AND('Cambios Auto'!FH11&lt;0,'Indices Auto'!FI11&lt;100),"R","NULL"))))</f>
        <v>N</v>
      </c>
      <c r="FI11" s="2" t="str">
        <f>IF(AND('Cambios Auto'!FI11&gt;0,'Indices Auto'!FJ11&gt;100),"V",IF(AND('Cambios Auto'!FI11&gt;0,'Indices Auto'!FJ11&lt;100),"A",IF(AND('Cambios Auto'!FI11&lt;0,'Indices Auto'!FJ11&gt;100),"N",IF(AND('Cambios Auto'!FI11&lt;0,'Indices Auto'!FJ11&lt;100),"R","NULL"))))</f>
        <v>N</v>
      </c>
      <c r="FJ11" s="2" t="str">
        <f>IF(AND('Cambios Auto'!FJ11&gt;0,'Indices Auto'!FK11&gt;100),"V",IF(AND('Cambios Auto'!FJ11&gt;0,'Indices Auto'!FK11&lt;100),"A",IF(AND('Cambios Auto'!FJ11&lt;0,'Indices Auto'!FK11&gt;100),"N",IF(AND('Cambios Auto'!FJ11&lt;0,'Indices Auto'!FK11&lt;100),"R","NULL"))))</f>
        <v>N</v>
      </c>
      <c r="FK11" s="2" t="str">
        <f>IF(AND('Cambios Auto'!FK11&gt;0,'Indices Auto'!FL11&gt;100),"V",IF(AND('Cambios Auto'!FK11&gt;0,'Indices Auto'!FL11&lt;100),"A",IF(AND('Cambios Auto'!FK11&lt;0,'Indices Auto'!FL11&gt;100),"N",IF(AND('Cambios Auto'!FK11&lt;0,'Indices Auto'!FL11&lt;100),"R","NULL"))))</f>
        <v>V</v>
      </c>
      <c r="FL11" s="2" t="str">
        <f>IF(AND('Cambios Auto'!FL11&gt;0,'Indices Auto'!FM11&gt;100),"V",IF(AND('Cambios Auto'!FL11&gt;0,'Indices Auto'!FM11&lt;100),"A",IF(AND('Cambios Auto'!FL11&lt;0,'Indices Auto'!FM11&gt;100),"N",IF(AND('Cambios Auto'!FL11&lt;0,'Indices Auto'!FM11&lt;100),"R","NULL"))))</f>
        <v>V</v>
      </c>
      <c r="FM11" s="2" t="str">
        <f>IF(AND('Cambios Auto'!FM11&gt;0,'Indices Auto'!FN11&gt;100),"V",IF(AND('Cambios Auto'!FM11&gt;0,'Indices Auto'!FN11&lt;100),"A",IF(AND('Cambios Auto'!FM11&lt;0,'Indices Auto'!FN11&gt;100),"N",IF(AND('Cambios Auto'!FM11&lt;0,'Indices Auto'!FN11&lt;100),"R","NULL"))))</f>
        <v>V</v>
      </c>
      <c r="FN11" s="2" t="str">
        <f>IF(AND('Cambios Auto'!FN11&gt;0,'Indices Auto'!FO11&gt;100),"V",IF(AND('Cambios Auto'!FN11&gt;0,'Indices Auto'!FO11&lt;100),"A",IF(AND('Cambios Auto'!FN11&lt;0,'Indices Auto'!FO11&gt;100),"N",IF(AND('Cambios Auto'!FN11&lt;0,'Indices Auto'!FO11&lt;100),"R","NULL"))))</f>
        <v>N</v>
      </c>
      <c r="FO11" s="2" t="str">
        <f>IF(AND('Cambios Auto'!FO11&gt;0,'Indices Auto'!FP11&gt;100),"V",IF(AND('Cambios Auto'!FO11&gt;0,'Indices Auto'!FP11&lt;100),"A",IF(AND('Cambios Auto'!FO11&lt;0,'Indices Auto'!FP11&gt;100),"N",IF(AND('Cambios Auto'!FO11&lt;0,'Indices Auto'!FP11&lt;100),"R","NULL"))))</f>
        <v>V</v>
      </c>
      <c r="FP11" s="2" t="str">
        <f>IF(AND('Cambios Auto'!FP11&gt;0,'Indices Auto'!FQ11&gt;100),"V",IF(AND('Cambios Auto'!FP11&gt;0,'Indices Auto'!FQ11&lt;100),"A",IF(AND('Cambios Auto'!FP11&lt;0,'Indices Auto'!FQ11&gt;100),"N",IF(AND('Cambios Auto'!FP11&lt;0,'Indices Auto'!FQ11&lt;100),"R","NULL"))))</f>
        <v>V</v>
      </c>
      <c r="FQ11" s="2" t="str">
        <f>IF(AND('Cambios Auto'!FQ11&gt;0,'Indices Auto'!FR11&gt;100),"V",IF(AND('Cambios Auto'!FQ11&gt;0,'Indices Auto'!FR11&lt;100),"A",IF(AND('Cambios Auto'!FQ11&lt;0,'Indices Auto'!FR11&gt;100),"N",IF(AND('Cambios Auto'!FQ11&lt;0,'Indices Auto'!FR11&lt;100),"R","NULL"))))</f>
        <v>V</v>
      </c>
      <c r="FR11" s="2" t="str">
        <f>IF(AND('Cambios Auto'!FR11&gt;0,'Indices Auto'!FS11&gt;100),"V",IF(AND('Cambios Auto'!FR11&gt;0,'Indices Auto'!FS11&lt;100),"A",IF(AND('Cambios Auto'!FR11&lt;0,'Indices Auto'!FS11&gt;100),"N",IF(AND('Cambios Auto'!FR11&lt;0,'Indices Auto'!FS11&lt;100),"R","NULL"))))</f>
        <v>V</v>
      </c>
      <c r="FS11" s="2" t="str">
        <f>IF(AND('Cambios Auto'!FS11&gt;0,'Indices Auto'!FT11&gt;100),"V",IF(AND('Cambios Auto'!FS11&gt;0,'Indices Auto'!FT11&lt;100),"A",IF(AND('Cambios Auto'!FS11&lt;0,'Indices Auto'!FT11&gt;100),"N",IF(AND('Cambios Auto'!FS11&lt;0,'Indices Auto'!FT11&lt;100),"R","NULL"))))</f>
        <v>V</v>
      </c>
      <c r="FT11" s="2" t="str">
        <f>IF(AND('Cambios Auto'!FT11&gt;0,'Indices Auto'!FU11&gt;100),"V",IF(AND('Cambios Auto'!FT11&gt;0,'Indices Auto'!FU11&lt;100),"A",IF(AND('Cambios Auto'!FT11&lt;0,'Indices Auto'!FU11&gt;100),"N",IF(AND('Cambios Auto'!FT11&lt;0,'Indices Auto'!FU11&lt;100),"R","NULL"))))</f>
        <v>V</v>
      </c>
      <c r="FU11" s="2" t="str">
        <f>IF(AND('Cambios Auto'!FU11&gt;0,'Indices Auto'!FV11&gt;100),"V",IF(AND('Cambios Auto'!FU11&gt;0,'Indices Auto'!FV11&lt;100),"A",IF(AND('Cambios Auto'!FU11&lt;0,'Indices Auto'!FV11&gt;100),"N",IF(AND('Cambios Auto'!FU11&lt;0,'Indices Auto'!FV11&lt;100),"R","NULL"))))</f>
        <v>V</v>
      </c>
      <c r="FV11" s="2" t="str">
        <f>IF(AND('Cambios Auto'!FV11&gt;0,'Indices Auto'!FW11&gt;100),"V",IF(AND('Cambios Auto'!FV11&gt;0,'Indices Auto'!FW11&lt;100),"A",IF(AND('Cambios Auto'!FV11&lt;0,'Indices Auto'!FW11&gt;100),"N",IF(AND('Cambios Auto'!FV11&lt;0,'Indices Auto'!FW11&lt;100),"R","NULL"))))</f>
        <v>V</v>
      </c>
      <c r="FW11" s="2" t="str">
        <f>IF(AND('Cambios Auto'!FW11&gt;0,'Indices Auto'!FX11&gt;100),"V",IF(AND('Cambios Auto'!FW11&gt;0,'Indices Auto'!FX11&lt;100),"A",IF(AND('Cambios Auto'!FW11&lt;0,'Indices Auto'!FX11&gt;100),"N",IF(AND('Cambios Auto'!FW11&lt;0,'Indices Auto'!FX11&lt;100),"R","NULL"))))</f>
        <v>N</v>
      </c>
      <c r="FX11" s="2" t="str">
        <f>IF(AND('Cambios Auto'!FX11&gt;0,'Indices Auto'!FY11&gt;100),"V",IF(AND('Cambios Auto'!FX11&gt;0,'Indices Auto'!FY11&lt;100),"A",IF(AND('Cambios Auto'!FX11&lt;0,'Indices Auto'!FY11&gt;100),"N",IF(AND('Cambios Auto'!FX11&lt;0,'Indices Auto'!FY11&lt;100),"R","NULL"))))</f>
        <v>N</v>
      </c>
      <c r="FY11" s="2" t="str">
        <f>IF(AND('Cambios Auto'!FY11&gt;0,'Indices Auto'!FZ11&gt;100),"V",IF(AND('Cambios Auto'!FY11&gt;0,'Indices Auto'!FZ11&lt;100),"A",IF(AND('Cambios Auto'!FY11&lt;0,'Indices Auto'!FZ11&gt;100),"N",IF(AND('Cambios Auto'!FY11&lt;0,'Indices Auto'!FZ11&lt;100),"R","NULL"))))</f>
        <v>N</v>
      </c>
      <c r="FZ11" s="2" t="str">
        <f>IF(AND('Cambios Auto'!FZ11&gt;0,'Indices Auto'!GA11&gt;100),"V",IF(AND('Cambios Auto'!FZ11&gt;0,'Indices Auto'!GA11&lt;100),"A",IF(AND('Cambios Auto'!FZ11&lt;0,'Indices Auto'!GA11&gt;100),"N",IF(AND('Cambios Auto'!FZ11&lt;0,'Indices Auto'!GA11&lt;100),"R","NULL"))))</f>
        <v>N</v>
      </c>
      <c r="GA11" s="2" t="str">
        <f>IF(AND('Cambios Auto'!GA11&gt;0,'Indices Auto'!GB11&gt;100),"V",IF(AND('Cambios Auto'!GA11&gt;0,'Indices Auto'!GB11&lt;100),"A",IF(AND('Cambios Auto'!GA11&lt;0,'Indices Auto'!GB11&gt;100),"N",IF(AND('Cambios Auto'!GA11&lt;0,'Indices Auto'!GB11&lt;100),"R","NULL"))))</f>
        <v>N</v>
      </c>
      <c r="GB11" s="2" t="str">
        <f>IF(AND('Cambios Auto'!GB11&gt;0,'Indices Auto'!GC11&gt;100),"V",IF(AND('Cambios Auto'!GB11&gt;0,'Indices Auto'!GC11&lt;100),"A",IF(AND('Cambios Auto'!GB11&lt;0,'Indices Auto'!GC11&gt;100),"N",IF(AND('Cambios Auto'!GB11&lt;0,'Indices Auto'!GC11&lt;100),"R","NULL"))))</f>
        <v>N</v>
      </c>
      <c r="GC11" s="2" t="str">
        <f>IF(AND('Cambios Auto'!GC11&gt;0,'Indices Auto'!GD11&gt;100),"V",IF(AND('Cambios Auto'!GC11&gt;0,'Indices Auto'!GD11&lt;100),"A",IF(AND('Cambios Auto'!GC11&lt;0,'Indices Auto'!GD11&gt;100),"N",IF(AND('Cambios Auto'!GC11&lt;0,'Indices Auto'!GD11&lt;100),"R","NULL"))))</f>
        <v>N</v>
      </c>
      <c r="GD11" s="2" t="str">
        <f>IF(AND('Cambios Auto'!GD11&gt;0,'Indices Auto'!GE11&gt;100),"V",IF(AND('Cambios Auto'!GD11&gt;0,'Indices Auto'!GE11&lt;100),"A",IF(AND('Cambios Auto'!GD11&lt;0,'Indices Auto'!GE11&gt;100),"N",IF(AND('Cambios Auto'!GD11&lt;0,'Indices Auto'!GE11&lt;100),"R","NULL"))))</f>
        <v>N</v>
      </c>
      <c r="GE11" s="2" t="str">
        <f>IF(AND('Cambios Auto'!GE11&gt;0,'Indices Auto'!GF11&gt;100),"V",IF(AND('Cambios Auto'!GE11&gt;0,'Indices Auto'!GF11&lt;100),"A",IF(AND('Cambios Auto'!GE11&lt;0,'Indices Auto'!GF11&gt;100),"N",IF(AND('Cambios Auto'!GE11&lt;0,'Indices Auto'!GF11&lt;100),"R","NULL"))))</f>
        <v>N</v>
      </c>
      <c r="GF11" s="2" t="str">
        <f>IF(AND('Cambios Auto'!GF11&gt;0,'Indices Auto'!GG11&gt;100),"V",IF(AND('Cambios Auto'!GF11&gt;0,'Indices Auto'!GG11&lt;100),"A",IF(AND('Cambios Auto'!GF11&lt;0,'Indices Auto'!GG11&gt;100),"N",IF(AND('Cambios Auto'!GF11&lt;0,'Indices Auto'!GG11&lt;100),"R","NULL"))))</f>
        <v>N</v>
      </c>
      <c r="GG11" s="2" t="str">
        <f>IF(AND('Cambios Auto'!GG11&gt;0,'Indices Auto'!GH11&gt;100),"V",IF(AND('Cambios Auto'!GG11&gt;0,'Indices Auto'!GH11&lt;100),"A",IF(AND('Cambios Auto'!GG11&lt;0,'Indices Auto'!GH11&gt;100),"N",IF(AND('Cambios Auto'!GG11&lt;0,'Indices Auto'!GH11&lt;100),"R","NULL"))))</f>
        <v>N</v>
      </c>
      <c r="GH11" s="2" t="str">
        <f>IF(AND('Cambios Auto'!GH11&gt;0,'Indices Auto'!GR11&gt;100),"V",IF(AND('Cambios Auto'!GH11&gt;0,'Indices Auto'!GR11&lt;100),"A",IF(AND('Cambios Auto'!GH11&lt;0,'Indices Auto'!GR11&gt;100),"N",IF(AND('Cambios Auto'!GH11&lt;0,'Indices Auto'!GR11&lt;100),"R","NULL"))))</f>
        <v>N</v>
      </c>
      <c r="GI11" s="2" t="str">
        <f>IF(AND('Cambios Auto'!GI11&gt;0,'Indices Auto'!GS11&gt;100),"V",IF(AND('Cambios Auto'!GI11&gt;0,'Indices Auto'!GS11&lt;100),"A",IF(AND('Cambios Auto'!GI11&lt;0,'Indices Auto'!GS11&gt;100),"N",IF(AND('Cambios Auto'!GI11&lt;0,'Indices Auto'!GS11&lt;100),"R","NULL"))))</f>
        <v>R</v>
      </c>
      <c r="GJ11" s="2" t="str">
        <f>IF(AND('Cambios Auto'!GJ11&gt;0,'Indices Auto'!GT11&gt;100),"V",IF(AND('Cambios Auto'!GJ11&gt;0,'Indices Auto'!GT11&lt;100),"A",IF(AND('Cambios Auto'!GJ11&lt;0,'Indices Auto'!GT11&gt;100),"N",IF(AND('Cambios Auto'!GJ11&lt;0,'Indices Auto'!GT11&lt;100),"R","NULL"))))</f>
        <v>R</v>
      </c>
      <c r="GK11" s="2" t="str">
        <f>IF(AND('Cambios Auto'!GK11&gt;0,'Indices Auto'!GU11&gt;100),"V",IF(AND('Cambios Auto'!GK11&gt;0,'Indices Auto'!GU11&lt;100),"A",IF(AND('Cambios Auto'!GK11&lt;0,'Indices Auto'!GU11&gt;100),"N",IF(AND('Cambios Auto'!GK11&lt;0,'Indices Auto'!GU11&lt;100),"R","NULL"))))</f>
        <v>R</v>
      </c>
      <c r="GL11" s="2" t="str">
        <f>IF(AND('Cambios Auto'!GL11&gt;0,'Indices Auto'!GV11&gt;100),"V",IF(AND('Cambios Auto'!GL11&gt;0,'Indices Auto'!GV11&lt;100),"A",IF(AND('Cambios Auto'!GL11&lt;0,'Indices Auto'!GV11&gt;100),"N",IF(AND('Cambios Auto'!GL11&lt;0,'Indices Auto'!GV11&lt;100),"R","NULL"))))</f>
        <v>R</v>
      </c>
      <c r="GM11" s="2" t="str">
        <f>IF(AND('Cambios Auto'!GM11&gt;0,'Indices Auto'!GW11&gt;100),"V",IF(AND('Cambios Auto'!GM11&gt;0,'Indices Auto'!GW11&lt;100),"A",IF(AND('Cambios Auto'!GM11&lt;0,'Indices Auto'!GW11&gt;100),"N",IF(AND('Cambios Auto'!GM11&lt;0,'Indices Auto'!GW11&lt;100),"R","NULL"))))</f>
        <v>R</v>
      </c>
      <c r="GN11" s="2" t="str">
        <f>IF(AND('Cambios Auto'!GN11&gt;0,'Indices Auto'!GX11&gt;100),"V",IF(AND('Cambios Auto'!GN11&gt;0,'Indices Auto'!GX11&lt;100),"A",IF(AND('Cambios Auto'!GN11&lt;0,'Indices Auto'!GX11&gt;100),"N",IF(AND('Cambios Auto'!GN11&lt;0,'Indices Auto'!GX11&lt;100),"R","NULL"))))</f>
        <v>R</v>
      </c>
      <c r="GO11" s="2" t="str">
        <f>IF(AND('Cambios Auto'!GO11&gt;0,'Indices Auto'!GY11&gt;100),"V",IF(AND('Cambios Auto'!GO11&gt;0,'Indices Auto'!GY11&lt;100),"A",IF(AND('Cambios Auto'!GO11&lt;0,'Indices Auto'!GY11&gt;100),"N",IF(AND('Cambios Auto'!GO11&lt;0,'Indices Auto'!GY11&lt;100),"R","NULL"))))</f>
        <v>R</v>
      </c>
      <c r="GP11" s="2" t="str">
        <f>IF(AND('Cambios Auto'!GP11&gt;0,'Indices Auto'!GZ11&gt;100),"V",IF(AND('Cambios Auto'!GP11&gt;0,'Indices Auto'!GZ11&lt;100),"A",IF(AND('Cambios Auto'!GP11&lt;0,'Indices Auto'!GZ11&gt;100),"N",IF(AND('Cambios Auto'!GP11&lt;0,'Indices Auto'!GZ11&lt;100),"R","NULL"))))</f>
        <v>R</v>
      </c>
      <c r="GQ11" s="2" t="str">
        <f>IF(AND('Cambios Auto'!GQ11&gt;0,'Indices Auto'!HA11&gt;100),"V",IF(AND('Cambios Auto'!GQ11&gt;0,'Indices Auto'!HA11&lt;100),"A",IF(AND('Cambios Auto'!GQ11&lt;0,'Indices Auto'!HA11&gt;100),"N",IF(AND('Cambios Auto'!GQ11&lt;0,'Indices Auto'!HA11&lt;100),"R","NULL"))))</f>
        <v>NULL</v>
      </c>
      <c r="GR11" s="2" t="str">
        <f>IF(AND('Cambios Auto'!GR11&gt;0,'Indices Auto'!HB11&gt;100),"V",IF(AND('Cambios Auto'!GR11&gt;0,'Indices Auto'!HB11&lt;100),"A",IF(AND('Cambios Auto'!GR11&lt;0,'Indices Auto'!HB11&gt;100),"N",IF(AND('Cambios Auto'!GR11&lt;0,'Indices Auto'!HB11&lt;100),"R","NULL"))))</f>
        <v>NULL</v>
      </c>
      <c r="GS11" s="2" t="str">
        <f>IF(AND('Cambios Auto'!GS11&gt;0,'Indices Auto'!HC11&gt;100),"V",IF(AND('Cambios Auto'!GS11&gt;0,'Indices Auto'!HC11&lt;100),"A",IF(AND('Cambios Auto'!GS11&lt;0,'Indices Auto'!HC11&gt;100),"N",IF(AND('Cambios Auto'!GS11&lt;0,'Indices Auto'!HC11&lt;100),"R","NULL"))))</f>
        <v>NULL</v>
      </c>
      <c r="GT11" s="2" t="str">
        <f>IF(AND('Cambios Auto'!GT11&gt;0,'Indices Auto'!HD11&gt;100),"V",IF(AND('Cambios Auto'!GT11&gt;0,'Indices Auto'!HD11&lt;100),"A",IF(AND('Cambios Auto'!GT11&lt;0,'Indices Auto'!HD11&gt;100),"N",IF(AND('Cambios Auto'!GT11&lt;0,'Indices Auto'!HD11&lt;100),"R","NULL"))))</f>
        <v>NULL</v>
      </c>
      <c r="GU11" s="2" t="str">
        <f>IF(AND('Cambios Auto'!GU11&gt;0,'Indices Auto'!HE11&gt;100),"V",IF(AND('Cambios Auto'!GU11&gt;0,'Indices Auto'!HE11&lt;100),"A",IF(AND('Cambios Auto'!GU11&lt;0,'Indices Auto'!HE11&gt;100),"N",IF(AND('Cambios Auto'!GU11&lt;0,'Indices Auto'!HE11&lt;100),"R","NULL"))))</f>
        <v>NULL</v>
      </c>
      <c r="GV11" s="2" t="str">
        <f>IF(AND('Cambios Auto'!GV11&gt;0,'Indices Auto'!HF11&gt;100),"V",IF(AND('Cambios Auto'!GV11&gt;0,'Indices Auto'!HF11&lt;100),"A",IF(AND('Cambios Auto'!GV11&lt;0,'Indices Auto'!HF11&gt;100),"N",IF(AND('Cambios Auto'!GV11&lt;0,'Indices Auto'!HF11&lt;100),"R","NULL"))))</f>
        <v>NULL</v>
      </c>
      <c r="GW11" s="2" t="str">
        <f>IF(AND('Cambios Auto'!GW11&gt;0,'Indices Auto'!HG11&gt;100),"V",IF(AND('Cambios Auto'!GW11&gt;0,'Indices Auto'!HG11&lt;100),"A",IF(AND('Cambios Auto'!GW11&lt;0,'Indices Auto'!HG11&gt;100),"N",IF(AND('Cambios Auto'!GW11&lt;0,'Indices Auto'!HG11&lt;100),"R","NULL"))))</f>
        <v>NULL</v>
      </c>
      <c r="GX11" s="2" t="str">
        <f>IF(AND('Cambios Auto'!GX11&gt;0,'Indices Auto'!HH11&gt;100),"V",IF(AND('Cambios Auto'!GX11&gt;0,'Indices Auto'!HH11&lt;100),"A",IF(AND('Cambios Auto'!GX11&lt;0,'Indices Auto'!HH11&gt;100),"N",IF(AND('Cambios Auto'!GX11&lt;0,'Indices Auto'!HH11&lt;100),"R","NULL"))))</f>
        <v>NULL</v>
      </c>
      <c r="GY11" s="2" t="str">
        <f>IF(AND('Cambios Auto'!GY11&gt;0,'Indices Auto'!HI11&gt;100),"V",IF(AND('Cambios Auto'!GY11&gt;0,'Indices Auto'!HI11&lt;100),"A",IF(AND('Cambios Auto'!GY11&lt;0,'Indices Auto'!HI11&gt;100),"N",IF(AND('Cambios Auto'!GY11&lt;0,'Indices Auto'!HI11&lt;100),"R","NULL"))))</f>
        <v>NULL</v>
      </c>
      <c r="GZ11" s="2" t="str">
        <f>IF(AND('Cambios Auto'!GZ11&gt;0,'Indices Auto'!HJ11&gt;100),"V",IF(AND('Cambios Auto'!GZ11&gt;0,'Indices Auto'!HJ11&lt;100),"A",IF(AND('Cambios Auto'!GZ11&lt;0,'Indices Auto'!HJ11&gt;100),"N",IF(AND('Cambios Auto'!GZ11&lt;0,'Indices Auto'!HJ11&lt;100),"R","NULL"))))</f>
        <v>NULL</v>
      </c>
      <c r="HA11" s="2" t="str">
        <f>IF(AND('Cambios Auto'!HA11&gt;0,'Indices Auto'!HK11&gt;100),"V",IF(AND('Cambios Auto'!HA11&gt;0,'Indices Auto'!HK11&lt;100),"A",IF(AND('Cambios Auto'!HA11&lt;0,'Indices Auto'!HK11&gt;100),"N",IF(AND('Cambios Auto'!HA11&lt;0,'Indices Auto'!HK11&lt;100),"R","NULL"))))</f>
        <v>NULL</v>
      </c>
      <c r="HB11" s="2" t="str">
        <f>IF(AND('Cambios Auto'!HB11&gt;0,'Indices Auto'!HL11&gt;100),"V",IF(AND('Cambios Auto'!HB11&gt;0,'Indices Auto'!HL11&lt;100),"A",IF(AND('Cambios Auto'!HB11&lt;0,'Indices Auto'!HL11&gt;100),"N",IF(AND('Cambios Auto'!HB11&lt;0,'Indices Auto'!HL11&lt;100),"R","NULL"))))</f>
        <v>NULL</v>
      </c>
      <c r="HC11" s="2" t="str">
        <f>IF(AND('Cambios Auto'!HC11&gt;0,'Indices Auto'!HM11&gt;100),"V",IF(AND('Cambios Auto'!HC11&gt;0,'Indices Auto'!HM11&lt;100),"A",IF(AND('Cambios Auto'!HC11&lt;0,'Indices Auto'!HM11&gt;100),"N",IF(AND('Cambios Auto'!HC11&lt;0,'Indices Auto'!HM11&lt;100),"R","NULL"))))</f>
        <v>NULL</v>
      </c>
      <c r="HD11" s="2" t="str">
        <f>IF(AND('Cambios Auto'!HD11&gt;0,'Indices Auto'!HN11&gt;100),"V",IF(AND('Cambios Auto'!HD11&gt;0,'Indices Auto'!HN11&lt;100),"A",IF(AND('Cambios Auto'!HD11&lt;0,'Indices Auto'!HN11&gt;100),"N",IF(AND('Cambios Auto'!HD11&lt;0,'Indices Auto'!HN11&lt;100),"R","NULL"))))</f>
        <v>NULL</v>
      </c>
      <c r="HE11" s="2" t="str">
        <f>IF(AND('Cambios Auto'!HE11&gt;0,'Indices Auto'!HO11&gt;100),"V",IF(AND('Cambios Auto'!HE11&gt;0,'Indices Auto'!HO11&lt;100),"A",IF(AND('Cambios Auto'!HE11&lt;0,'Indices Auto'!HO11&gt;100),"N",IF(AND('Cambios Auto'!HE11&lt;0,'Indices Auto'!HO11&lt;100),"R","NULL"))))</f>
        <v>NULL</v>
      </c>
      <c r="HF11" s="2" t="str">
        <f>IF(AND('Cambios Auto'!HF11&gt;0,'Indices Auto'!HP11&gt;100),"V",IF(AND('Cambios Auto'!HF11&gt;0,'Indices Auto'!HP11&lt;100),"A",IF(AND('Cambios Auto'!HF11&lt;0,'Indices Auto'!HP11&gt;100),"N",IF(AND('Cambios Auto'!HF11&lt;0,'Indices Auto'!HP11&lt;100),"R","NULL"))))</f>
        <v>NULL</v>
      </c>
      <c r="HG11" s="2" t="str">
        <f>IF(AND('Cambios Auto'!HG11&gt;0,'Indices Auto'!HQ11&gt;100),"V",IF(AND('Cambios Auto'!HG11&gt;0,'Indices Auto'!HQ11&lt;100),"A",IF(AND('Cambios Auto'!HG11&lt;0,'Indices Auto'!HQ11&gt;100),"N",IF(AND('Cambios Auto'!HG11&lt;0,'Indices Auto'!HQ11&lt;100),"R","NULL"))))</f>
        <v>NULL</v>
      </c>
      <c r="HH11" s="2" t="str">
        <f>IF(AND('Cambios Auto'!HH11&gt;0,'Indices Auto'!HR11&gt;100),"V",IF(AND('Cambios Auto'!HH11&gt;0,'Indices Auto'!HR11&lt;100),"A",IF(AND('Cambios Auto'!HH11&lt;0,'Indices Auto'!HR11&gt;100),"N",IF(AND('Cambios Auto'!HH11&lt;0,'Indices Auto'!HR11&lt;100),"R","NULL"))))</f>
        <v>NULL</v>
      </c>
      <c r="HI11" s="2" t="str">
        <f>IF(AND('Cambios Auto'!HI11&gt;0,'Indices Auto'!HS11&gt;100),"V",IF(AND('Cambios Auto'!HI11&gt;0,'Indices Auto'!HS11&lt;100),"A",IF(AND('Cambios Auto'!HI11&lt;0,'Indices Auto'!HS11&gt;100),"N",IF(AND('Cambios Auto'!HI11&lt;0,'Indices Auto'!HS11&lt;100),"R","NULL"))))</f>
        <v>NULL</v>
      </c>
      <c r="HJ11" s="2" t="str">
        <f>IF(AND('Cambios Auto'!HJ11&gt;0,'Indices Auto'!HT11&gt;100),"V",IF(AND('Cambios Auto'!HJ11&gt;0,'Indices Auto'!HT11&lt;100),"A",IF(AND('Cambios Auto'!HJ11&lt;0,'Indices Auto'!HT11&gt;100),"N",IF(AND('Cambios Auto'!HJ11&lt;0,'Indices Auto'!HT11&lt;100),"R","NULL"))))</f>
        <v>NULL</v>
      </c>
      <c r="HK11" s="2" t="str">
        <f>IF(AND('Cambios Auto'!HK11&gt;0,'Indices Auto'!HU11&gt;100),"V",IF(AND('Cambios Auto'!HK11&gt;0,'Indices Auto'!HU11&lt;100),"A",IF(AND('Cambios Auto'!HK11&lt;0,'Indices Auto'!HU11&gt;100),"N",IF(AND('Cambios Auto'!HK11&lt;0,'Indices Auto'!HU11&lt;100),"R","NULL"))))</f>
        <v>NULL</v>
      </c>
      <c r="HL11" s="2" t="str">
        <f>IF(AND('Cambios Auto'!HL11&gt;0,'Indices Auto'!HV11&gt;100),"V",IF(AND('Cambios Auto'!HL11&gt;0,'Indices Auto'!HV11&lt;100),"A",IF(AND('Cambios Auto'!HL11&lt;0,'Indices Auto'!HV11&gt;100),"N",IF(AND('Cambios Auto'!HL11&lt;0,'Indices Auto'!HV11&lt;100),"R","NULL"))))</f>
        <v>NULL</v>
      </c>
      <c r="HM11" s="2" t="str">
        <f>IF(AND('Cambios Auto'!HM11&gt;0,'Indices Auto'!HW11&gt;100),"V",IF(AND('Cambios Auto'!HM11&gt;0,'Indices Auto'!HW11&lt;100),"A",IF(AND('Cambios Auto'!HM11&lt;0,'Indices Auto'!HW11&gt;100),"N",IF(AND('Cambios Auto'!HM11&lt;0,'Indices Auto'!HW11&lt;100),"R","NULL"))))</f>
        <v>NULL</v>
      </c>
      <c r="HN11" s="2" t="str">
        <f>IF(AND('Cambios Auto'!HN11&gt;0,'Indices Auto'!HX11&gt;100),"V",IF(AND('Cambios Auto'!HN11&gt;0,'Indices Auto'!HX11&lt;100),"A",IF(AND('Cambios Auto'!HN11&lt;0,'Indices Auto'!HX11&gt;100),"N",IF(AND('Cambios Auto'!HN11&lt;0,'Indices Auto'!HX11&lt;100),"R","NULL"))))</f>
        <v>NULL</v>
      </c>
      <c r="HO11" s="2" t="str">
        <f>IF(AND('Cambios Auto'!HO11&gt;0,'Indices Auto'!HY11&gt;100),"V",IF(AND('Cambios Auto'!HO11&gt;0,'Indices Auto'!HY11&lt;100),"A",IF(AND('Cambios Auto'!HO11&lt;0,'Indices Auto'!HY11&gt;100),"N",IF(AND('Cambios Auto'!HO11&lt;0,'Indices Auto'!HY11&lt;100),"R","NULL"))))</f>
        <v>NULL</v>
      </c>
      <c r="HP11" s="2" t="str">
        <f>IF(AND('Cambios Auto'!HP11&gt;0,'Indices Auto'!HZ11&gt;100),"V",IF(AND('Cambios Auto'!HP11&gt;0,'Indices Auto'!HZ11&lt;100),"A",IF(AND('Cambios Auto'!HP11&lt;0,'Indices Auto'!HZ11&gt;100),"N",IF(AND('Cambios Auto'!HP11&lt;0,'Indices Auto'!HZ11&lt;100),"R","NULL"))))</f>
        <v>NULL</v>
      </c>
      <c r="HQ11" s="2" t="str">
        <f>IF(AND('Cambios Auto'!HQ11&gt;0,'Indices Auto'!IA11&gt;100),"V",IF(AND('Cambios Auto'!HQ11&gt;0,'Indices Auto'!IA11&lt;100),"A",IF(AND('Cambios Auto'!HQ11&lt;0,'Indices Auto'!IA11&gt;100),"N",IF(AND('Cambios Auto'!HQ11&lt;0,'Indices Auto'!IA11&lt;100),"R","NULL"))))</f>
        <v>NULL</v>
      </c>
      <c r="HR11" s="2" t="str">
        <f>IF(AND('Cambios Auto'!HR11&gt;0,'Indices Auto'!IB11&gt;100),"V",IF(AND('Cambios Auto'!HR11&gt;0,'Indices Auto'!IB11&lt;100),"A",IF(AND('Cambios Auto'!HR11&lt;0,'Indices Auto'!IB11&gt;100),"N",IF(AND('Cambios Auto'!HR11&lt;0,'Indices Auto'!IB11&lt;100),"R","NULL"))))</f>
        <v>NULL</v>
      </c>
      <c r="HS11" s="2" t="str">
        <f>IF(AND('Cambios Auto'!HS11&gt;0,'Indices Auto'!IC11&gt;100),"V",IF(AND('Cambios Auto'!HS11&gt;0,'Indices Auto'!IC11&lt;100),"A",IF(AND('Cambios Auto'!HS11&lt;0,'Indices Auto'!IC11&gt;100),"N",IF(AND('Cambios Auto'!HS11&lt;0,'Indices Auto'!IC11&lt;100),"R","NULL"))))</f>
        <v>NULL</v>
      </c>
      <c r="HT11" s="2" t="str">
        <f>IF(AND('Cambios Auto'!HT11&gt;0,'Indices Auto'!ID11&gt;100),"V",IF(AND('Cambios Auto'!HT11&gt;0,'Indices Auto'!ID11&lt;100),"A",IF(AND('Cambios Auto'!HT11&lt;0,'Indices Auto'!ID11&gt;100),"N",IF(AND('Cambios Auto'!HT11&lt;0,'Indices Auto'!ID11&lt;100),"R","NULL"))))</f>
        <v>NULL</v>
      </c>
      <c r="HU11" s="2" t="str">
        <f>IF(AND('Cambios Auto'!HU11&gt;0,'Indices Auto'!IE11&gt;100),"V",IF(AND('Cambios Auto'!HU11&gt;0,'Indices Auto'!IE11&lt;100),"A",IF(AND('Cambios Auto'!HU11&lt;0,'Indices Auto'!IE11&gt;100),"N",IF(AND('Cambios Auto'!HU11&lt;0,'Indices Auto'!IE11&lt;100),"R","NULL"))))</f>
        <v>NULL</v>
      </c>
      <c r="HV11" s="2" t="str">
        <f>IF(AND('Cambios Auto'!HV11&gt;0,'Indices Auto'!IF11&gt;100),"V",IF(AND('Cambios Auto'!HV11&gt;0,'Indices Auto'!IF11&lt;100),"A",IF(AND('Cambios Auto'!HV11&lt;0,'Indices Auto'!IF11&gt;100),"N",IF(AND('Cambios Auto'!HV11&lt;0,'Indices Auto'!IF11&lt;100),"R","NULL"))))</f>
        <v>NULL</v>
      </c>
      <c r="HW11" s="2" t="str">
        <f>IF(AND('Cambios Auto'!HW11&gt;0,'Indices Auto'!IG11&gt;100),"V",IF(AND('Cambios Auto'!HW11&gt;0,'Indices Auto'!IG11&lt;100),"A",IF(AND('Cambios Auto'!HW11&lt;0,'Indices Auto'!IG11&gt;100),"N",IF(AND('Cambios Auto'!HW11&lt;0,'Indices Auto'!IG11&lt;100),"R","NULL"))))</f>
        <v>NULL</v>
      </c>
      <c r="HX11" s="2" t="str">
        <f>IF(AND('Cambios Auto'!HX11&gt;0,'Indices Auto'!IH11&gt;100),"V",IF(AND('Cambios Auto'!HX11&gt;0,'Indices Auto'!IH11&lt;100),"A",IF(AND('Cambios Auto'!HX11&lt;0,'Indices Auto'!IH11&gt;100),"N",IF(AND('Cambios Auto'!HX11&lt;0,'Indices Auto'!IH11&lt;100),"R","NULL"))))</f>
        <v>NULL</v>
      </c>
      <c r="HY11" s="2" t="str">
        <f>IF(AND('Cambios Auto'!HY11&gt;0,'Indices Auto'!II11&gt;100),"V",IF(AND('Cambios Auto'!HY11&gt;0,'Indices Auto'!II11&lt;100),"A",IF(AND('Cambios Auto'!HY11&lt;0,'Indices Auto'!II11&gt;100),"N",IF(AND('Cambios Auto'!HY11&lt;0,'Indices Auto'!II11&lt;100),"R","NULL"))))</f>
        <v>NULL</v>
      </c>
      <c r="HZ11" s="2" t="str">
        <f>IF(AND('Cambios Auto'!HZ11&gt;0,'Indices Auto'!IJ11&gt;100),"V",IF(AND('Cambios Auto'!HZ11&gt;0,'Indices Auto'!IJ11&lt;100),"A",IF(AND('Cambios Auto'!HZ11&lt;0,'Indices Auto'!IJ11&gt;100),"N",IF(AND('Cambios Auto'!HZ11&lt;0,'Indices Auto'!IJ11&lt;100),"R","NULL"))))</f>
        <v>NULL</v>
      </c>
      <c r="IA11" s="2" t="str">
        <f>IF(AND('Cambios Auto'!IA11&gt;0,'Indices Auto'!IK11&gt;100),"V",IF(AND('Cambios Auto'!IA11&gt;0,'Indices Auto'!IK11&lt;100),"A",IF(AND('Cambios Auto'!IA11&lt;0,'Indices Auto'!IK11&gt;100),"N",IF(AND('Cambios Auto'!IA11&lt;0,'Indices Auto'!IK11&lt;100),"R","NULL"))))</f>
        <v>NULL</v>
      </c>
      <c r="IB11" s="2" t="str">
        <f>IF(AND('Cambios Auto'!IB11&gt;0,'Indices Auto'!IL11&gt;100),"V",IF(AND('Cambios Auto'!IB11&gt;0,'Indices Auto'!IL11&lt;100),"A",IF(AND('Cambios Auto'!IB11&lt;0,'Indices Auto'!IL11&gt;100),"N",IF(AND('Cambios Auto'!IB11&lt;0,'Indices Auto'!IL11&lt;100),"R","NULL"))))</f>
        <v>NULL</v>
      </c>
      <c r="IC11" s="2" t="str">
        <f>IF(AND('Cambios Auto'!IC11&gt;0,'Indices Auto'!IM11&gt;100),"V",IF(AND('Cambios Auto'!IC11&gt;0,'Indices Auto'!IM11&lt;100),"A",IF(AND('Cambios Auto'!IC11&lt;0,'Indices Auto'!IM11&gt;100),"N",IF(AND('Cambios Auto'!IC11&lt;0,'Indices Auto'!IM11&lt;100),"R","NULL"))))</f>
        <v>NULL</v>
      </c>
      <c r="ID11" s="2" t="str">
        <f>IF(AND('Cambios Auto'!ID11&gt;0,'Indices Auto'!IN11&gt;100),"V",IF(AND('Cambios Auto'!ID11&gt;0,'Indices Auto'!IN11&lt;100),"A",IF(AND('Cambios Auto'!ID11&lt;0,'Indices Auto'!IN11&gt;100),"N",IF(AND('Cambios Auto'!ID11&lt;0,'Indices Auto'!IN11&lt;100),"R","NULL"))))</f>
        <v>NULL</v>
      </c>
      <c r="IE11" s="2" t="str">
        <f>IF(AND('Cambios Auto'!IE11&gt;0,'Indices Auto'!IO11&gt;100),"V",IF(AND('Cambios Auto'!IE11&gt;0,'Indices Auto'!IO11&lt;100),"A",IF(AND('Cambios Auto'!IE11&lt;0,'Indices Auto'!IO11&gt;100),"N",IF(AND('Cambios Auto'!IE11&lt;0,'Indices Auto'!IO11&lt;100),"R","NULL"))))</f>
        <v>NULL</v>
      </c>
      <c r="IF11" s="2" t="str">
        <f>IF(AND('Cambios Auto'!IF11&gt;0,'Indices Auto'!IP11&gt;100),"V",IF(AND('Cambios Auto'!IF11&gt;0,'Indices Auto'!IP11&lt;100),"A",IF(AND('Cambios Auto'!IF11&lt;0,'Indices Auto'!IP11&gt;100),"N",IF(AND('Cambios Auto'!IF11&lt;0,'Indices Auto'!IP11&lt;100),"R","NULL"))))</f>
        <v>NULL</v>
      </c>
      <c r="IG11" s="2" t="str">
        <f>IF(AND('Cambios Auto'!IG11&gt;0,'Indices Auto'!IQ11&gt;100),"V",IF(AND('Cambios Auto'!IG11&gt;0,'Indices Auto'!IQ11&lt;100),"A",IF(AND('Cambios Auto'!IG11&lt;0,'Indices Auto'!IQ11&gt;100),"N",IF(AND('Cambios Auto'!IG11&lt;0,'Indices Auto'!IQ11&lt;100),"R","NULL"))))</f>
        <v>NULL</v>
      </c>
      <c r="IH11" s="2" t="str">
        <f>IF(AND('Cambios Auto'!IH11&gt;0,'Indices Auto'!IR11&gt;100),"V",IF(AND('Cambios Auto'!IH11&gt;0,'Indices Auto'!IR11&lt;100),"A",IF(AND('Cambios Auto'!IH11&lt;0,'Indices Auto'!IR11&gt;100),"N",IF(AND('Cambios Auto'!IH11&lt;0,'Indices Auto'!IR11&lt;100),"R","NULL"))))</f>
        <v>NULL</v>
      </c>
      <c r="II11" s="2" t="str">
        <f>IF(AND('Cambios Auto'!II11&gt;0,'Indices Auto'!IS11&gt;100),"V",IF(AND('Cambios Auto'!II11&gt;0,'Indices Auto'!IS11&lt;100),"A",IF(AND('Cambios Auto'!II11&lt;0,'Indices Auto'!IS11&gt;100),"N",IF(AND('Cambios Auto'!II11&lt;0,'Indices Auto'!IS11&lt;100),"R","NULL"))))</f>
        <v>NULL</v>
      </c>
      <c r="IJ11" s="2" t="str">
        <f>IF(AND('Cambios Auto'!IJ11&gt;0,'Indices Auto'!IT11&gt;100),"V",IF(AND('Cambios Auto'!IJ11&gt;0,'Indices Auto'!IT11&lt;100),"A",IF(AND('Cambios Auto'!IJ11&lt;0,'Indices Auto'!IT11&gt;100),"N",IF(AND('Cambios Auto'!IJ11&lt;0,'Indices Auto'!IT11&lt;100),"R","NULL"))))</f>
        <v>NULL</v>
      </c>
      <c r="IK11" s="2" t="str">
        <f>IF(AND('Cambios Auto'!IK11&gt;0,'Indices Auto'!IU11&gt;100),"V",IF(AND('Cambios Auto'!IK11&gt;0,'Indices Auto'!IU11&lt;100),"A",IF(AND('Cambios Auto'!IK11&lt;0,'Indices Auto'!IU11&gt;100),"N",IF(AND('Cambios Auto'!IK11&lt;0,'Indices Auto'!IU11&lt;100),"R","NULL"))))</f>
        <v>NULL</v>
      </c>
      <c r="IL11" s="2" t="str">
        <f>IF(AND('Cambios Auto'!IL11&gt;0,'Indices Auto'!IV11&gt;100),"V",IF(AND('Cambios Auto'!IL11&gt;0,'Indices Auto'!IV11&lt;100),"A",IF(AND('Cambios Auto'!IL11&lt;0,'Indices Auto'!IV11&gt;100),"N",IF(AND('Cambios Auto'!IL11&lt;0,'Indices Auto'!IV11&lt;100),"R","NULL"))))</f>
        <v>NULL</v>
      </c>
      <c r="IM11" s="2" t="str">
        <f>IF(AND('Cambios Auto'!IM11&gt;0,'Indices Auto'!IW11&gt;100),"V",IF(AND('Cambios Auto'!IM11&gt;0,'Indices Auto'!IW11&lt;100),"A",IF(AND('Cambios Auto'!IM11&lt;0,'Indices Auto'!IW11&gt;100),"N",IF(AND('Cambios Auto'!IM11&lt;0,'Indices Auto'!IW11&lt;100),"R","NULL"))))</f>
        <v>NULL</v>
      </c>
      <c r="IN11" s="2" t="str">
        <f>IF(AND('Cambios Auto'!IN11&gt;0,'Indices Auto'!IX11&gt;100),"V",IF(AND('Cambios Auto'!IN11&gt;0,'Indices Auto'!IX11&lt;100),"A",IF(AND('Cambios Auto'!IN11&lt;0,'Indices Auto'!IX11&gt;100),"N",IF(AND('Cambios Auto'!IN11&lt;0,'Indices Auto'!IX11&lt;100),"R","NULL"))))</f>
        <v>NULL</v>
      </c>
      <c r="IO11" s="2" t="str">
        <f>IF(AND('Cambios Auto'!IO11&gt;0,'Indices Auto'!IY11&gt;100),"V",IF(AND('Cambios Auto'!IO11&gt;0,'Indices Auto'!IY11&lt;100),"A",IF(AND('Cambios Auto'!IO11&lt;0,'Indices Auto'!IY11&gt;100),"N",IF(AND('Cambios Auto'!IO11&lt;0,'Indices Auto'!IY11&lt;100),"R","NULL"))))</f>
        <v>NULL</v>
      </c>
      <c r="IP11" s="2" t="str">
        <f>IF(AND('Cambios Auto'!IP11&gt;0,'Indices Auto'!IZ11&gt;100),"V",IF(AND('Cambios Auto'!IP11&gt;0,'Indices Auto'!IZ11&lt;100),"A",IF(AND('Cambios Auto'!IP11&lt;0,'Indices Auto'!IZ11&gt;100),"N",IF(AND('Cambios Auto'!IP11&lt;0,'Indices Auto'!IZ11&lt;100),"R","NULL"))))</f>
        <v>NULL</v>
      </c>
      <c r="IQ11" s="2" t="str">
        <f>IF(AND('Cambios Auto'!IQ11&gt;0,'Indices Auto'!JA11&gt;100),"V",IF(AND('Cambios Auto'!IQ11&gt;0,'Indices Auto'!JA11&lt;100),"A",IF(AND('Cambios Auto'!IQ11&lt;0,'Indices Auto'!JA11&gt;100),"N",IF(AND('Cambios Auto'!IQ11&lt;0,'Indices Auto'!JA11&lt;100),"R","NULL"))))</f>
        <v>NULL</v>
      </c>
      <c r="IR11" s="2" t="str">
        <f>IF(AND('Cambios Auto'!IR11&gt;0,'Indices Auto'!JB11&gt;100),"V",IF(AND('Cambios Auto'!IR11&gt;0,'Indices Auto'!JB11&lt;100),"A",IF(AND('Cambios Auto'!IR11&lt;0,'Indices Auto'!JB11&gt;100),"N",IF(AND('Cambios Auto'!IR11&lt;0,'Indices Auto'!JB11&lt;100),"R","NULL"))))</f>
        <v>NULL</v>
      </c>
      <c r="IS11" s="2" t="str">
        <f>IF(AND('Cambios Auto'!IS11&gt;0,'Indices Auto'!JC11&gt;100),"V",IF(AND('Cambios Auto'!IS11&gt;0,'Indices Auto'!JC11&lt;100),"A",IF(AND('Cambios Auto'!IS11&lt;0,'Indices Auto'!JC11&gt;100),"N",IF(AND('Cambios Auto'!IS11&lt;0,'Indices Auto'!JC11&lt;100),"R","NULL"))))</f>
        <v>NULL</v>
      </c>
      <c r="IT11" s="14"/>
    </row>
    <row r="12" spans="1:254" x14ac:dyDescent="0.25">
      <c r="A12" s="6" t="s">
        <v>198</v>
      </c>
      <c r="B12" s="2" t="str">
        <f>IF(AND('Cambios Auto'!B12&gt;0,'Indices Auto'!C12&gt;100),"V",IF(AND('Cambios Auto'!B12&gt;0,'Indices Auto'!C12&lt;100),"A",IF(AND('Cambios Auto'!B12&lt;0,'Indices Auto'!C12&gt;100),"N",IF(AND('Cambios Auto'!B12&lt;0,'Indices Auto'!C12&lt;100),"R","NULL"))))</f>
        <v>V</v>
      </c>
      <c r="C12" s="2" t="str">
        <f>IF(AND('Cambios Auto'!C12&gt;0,'Indices Auto'!D12&gt;100),"V",IF(AND('Cambios Auto'!C12&gt;0,'Indices Auto'!D12&lt;100),"A",IF(AND('Cambios Auto'!C12&lt;0,'Indices Auto'!D12&gt;100),"N",IF(AND('Cambios Auto'!C12&lt;0,'Indices Auto'!D12&lt;100),"R","NULL"))))</f>
        <v>V</v>
      </c>
      <c r="D12" s="2" t="str">
        <f>IF(AND('Cambios Auto'!D12&gt;0,'Indices Auto'!E12&gt;100),"V",IF(AND('Cambios Auto'!D12&gt;0,'Indices Auto'!E12&lt;100),"A",IF(AND('Cambios Auto'!D12&lt;0,'Indices Auto'!E12&gt;100),"N",IF(AND('Cambios Auto'!D12&lt;0,'Indices Auto'!E12&lt;100),"R","NULL"))))</f>
        <v>V</v>
      </c>
      <c r="E12" s="2" t="str">
        <f>IF(AND('Cambios Auto'!E12&gt;0,'Indices Auto'!F12&gt;100),"V",IF(AND('Cambios Auto'!E12&gt;0,'Indices Auto'!F12&lt;100),"A",IF(AND('Cambios Auto'!E12&lt;0,'Indices Auto'!F12&gt;100),"N",IF(AND('Cambios Auto'!E12&lt;0,'Indices Auto'!F12&lt;100),"R","NULL"))))</f>
        <v>V</v>
      </c>
      <c r="F12" s="2" t="str">
        <f>IF(AND('Cambios Auto'!F12&gt;0,'Indices Auto'!G12&gt;100),"V",IF(AND('Cambios Auto'!F12&gt;0,'Indices Auto'!G12&lt;100),"A",IF(AND('Cambios Auto'!F12&lt;0,'Indices Auto'!G12&gt;100),"N",IF(AND('Cambios Auto'!F12&lt;0,'Indices Auto'!G12&lt;100),"R","NULL"))))</f>
        <v>V</v>
      </c>
      <c r="G12" s="2" t="str">
        <f>IF(AND('Cambios Auto'!G12&gt;0,'Indices Auto'!H12&gt;100),"V",IF(AND('Cambios Auto'!G12&gt;0,'Indices Auto'!H12&lt;100),"A",IF(AND('Cambios Auto'!G12&lt;0,'Indices Auto'!H12&gt;100),"N",IF(AND('Cambios Auto'!G12&lt;0,'Indices Auto'!H12&lt;100),"R","NULL"))))</f>
        <v>V</v>
      </c>
      <c r="H12" s="2" t="str">
        <f>IF(AND('Cambios Auto'!H12&gt;0,'Indices Auto'!I12&gt;100),"V",IF(AND('Cambios Auto'!H12&gt;0,'Indices Auto'!I12&lt;100),"A",IF(AND('Cambios Auto'!H12&lt;0,'Indices Auto'!I12&gt;100),"N",IF(AND('Cambios Auto'!H12&lt;0,'Indices Auto'!I12&lt;100),"R","NULL"))))</f>
        <v>N</v>
      </c>
      <c r="I12" s="2" t="str">
        <f>IF(AND('Cambios Auto'!I12&gt;0,'Indices Auto'!J12&gt;100),"V",IF(AND('Cambios Auto'!I12&gt;0,'Indices Auto'!J12&lt;100),"A",IF(AND('Cambios Auto'!I12&lt;0,'Indices Auto'!J12&gt;100),"N",IF(AND('Cambios Auto'!I12&lt;0,'Indices Auto'!J12&lt;100),"R","NULL"))))</f>
        <v>N</v>
      </c>
      <c r="J12" s="2" t="str">
        <f>IF(AND('Cambios Auto'!J12&gt;0,'Indices Auto'!K12&gt;100),"V",IF(AND('Cambios Auto'!J12&gt;0,'Indices Auto'!K12&lt;100),"A",IF(AND('Cambios Auto'!J12&lt;0,'Indices Auto'!K12&gt;100),"N",IF(AND('Cambios Auto'!J12&lt;0,'Indices Auto'!K12&lt;100),"R","NULL"))))</f>
        <v>N</v>
      </c>
      <c r="K12" s="2" t="str">
        <f>IF(AND('Cambios Auto'!K12&gt;0,'Indices Auto'!L12&gt;100),"V",IF(AND('Cambios Auto'!K12&gt;0,'Indices Auto'!L12&lt;100),"A",IF(AND('Cambios Auto'!K12&lt;0,'Indices Auto'!L12&gt;100),"N",IF(AND('Cambios Auto'!K12&lt;0,'Indices Auto'!L12&lt;100),"R","NULL"))))</f>
        <v>R</v>
      </c>
      <c r="L12" s="2" t="str">
        <f>IF(AND('Cambios Auto'!L12&gt;0,'Indices Auto'!M12&gt;100),"V",IF(AND('Cambios Auto'!L12&gt;0,'Indices Auto'!M12&lt;100),"A",IF(AND('Cambios Auto'!L12&lt;0,'Indices Auto'!M12&gt;100),"N",IF(AND('Cambios Auto'!L12&lt;0,'Indices Auto'!M12&lt;100),"R","NULL"))))</f>
        <v>R</v>
      </c>
      <c r="M12" s="2" t="str">
        <f>IF(AND('Cambios Auto'!M12&gt;0,'Indices Auto'!N12&gt;100),"V",IF(AND('Cambios Auto'!M12&gt;0,'Indices Auto'!N12&lt;100),"A",IF(AND('Cambios Auto'!M12&lt;0,'Indices Auto'!N12&gt;100),"N",IF(AND('Cambios Auto'!M12&lt;0,'Indices Auto'!N12&lt;100),"R","NULL"))))</f>
        <v>R</v>
      </c>
      <c r="N12" s="2" t="str">
        <f>IF(AND('Cambios Auto'!N12&gt;0,'Indices Auto'!O12&gt;100),"V",IF(AND('Cambios Auto'!N12&gt;0,'Indices Auto'!O12&lt;100),"A",IF(AND('Cambios Auto'!N12&lt;0,'Indices Auto'!O12&gt;100),"N",IF(AND('Cambios Auto'!N12&lt;0,'Indices Auto'!O12&lt;100),"R","NULL"))))</f>
        <v>R</v>
      </c>
      <c r="O12" s="2" t="str">
        <f>IF(AND('Cambios Auto'!O12&gt;0,'Indices Auto'!P12&gt;100),"V",IF(AND('Cambios Auto'!O12&gt;0,'Indices Auto'!P12&lt;100),"A",IF(AND('Cambios Auto'!O12&lt;0,'Indices Auto'!P12&gt;100),"N",IF(AND('Cambios Auto'!O12&lt;0,'Indices Auto'!P12&lt;100),"R","NULL"))))</f>
        <v>R</v>
      </c>
      <c r="P12" s="2" t="str">
        <f>IF(AND('Cambios Auto'!P12&gt;0,'Indices Auto'!Q12&gt;100),"V",IF(AND('Cambios Auto'!P12&gt;0,'Indices Auto'!Q12&lt;100),"A",IF(AND('Cambios Auto'!P12&lt;0,'Indices Auto'!Q12&gt;100),"N",IF(AND('Cambios Auto'!P12&lt;0,'Indices Auto'!Q12&lt;100),"R","NULL"))))</f>
        <v>R</v>
      </c>
      <c r="Q12" s="2" t="str">
        <f>IF(AND('Cambios Auto'!Q12&gt;0,'Indices Auto'!R12&gt;100),"V",IF(AND('Cambios Auto'!Q12&gt;0,'Indices Auto'!R12&lt;100),"A",IF(AND('Cambios Auto'!Q12&lt;0,'Indices Auto'!R12&gt;100),"N",IF(AND('Cambios Auto'!Q12&lt;0,'Indices Auto'!R12&lt;100),"R","NULL"))))</f>
        <v>R</v>
      </c>
      <c r="R12" s="2" t="str">
        <f>IF(AND('Cambios Auto'!R12&gt;0,'Indices Auto'!S12&gt;100),"V",IF(AND('Cambios Auto'!R12&gt;0,'Indices Auto'!S12&lt;100),"A",IF(AND('Cambios Auto'!R12&lt;0,'Indices Auto'!S12&gt;100),"N",IF(AND('Cambios Auto'!R12&lt;0,'Indices Auto'!S12&lt;100),"R","NULL"))))</f>
        <v>R</v>
      </c>
      <c r="S12" s="2" t="str">
        <f>IF(AND('Cambios Auto'!S12&gt;0,'Indices Auto'!T12&gt;100),"V",IF(AND('Cambios Auto'!S12&gt;0,'Indices Auto'!T12&lt;100),"A",IF(AND('Cambios Auto'!S12&lt;0,'Indices Auto'!T12&gt;100),"N",IF(AND('Cambios Auto'!S12&lt;0,'Indices Auto'!T12&lt;100),"R","NULL"))))</f>
        <v>A</v>
      </c>
      <c r="T12" s="2" t="str">
        <f>IF(AND('Cambios Auto'!T12&gt;0,'Indices Auto'!U12&gt;100),"V",IF(AND('Cambios Auto'!T12&gt;0,'Indices Auto'!U12&lt;100),"A",IF(AND('Cambios Auto'!T12&lt;0,'Indices Auto'!U12&gt;100),"N",IF(AND('Cambios Auto'!T12&lt;0,'Indices Auto'!U12&lt;100),"R","NULL"))))</f>
        <v>A</v>
      </c>
      <c r="U12" s="2" t="str">
        <f>IF(AND('Cambios Auto'!U12&gt;0,'Indices Auto'!V12&gt;100),"V",IF(AND('Cambios Auto'!U12&gt;0,'Indices Auto'!V12&lt;100),"A",IF(AND('Cambios Auto'!U12&lt;0,'Indices Auto'!V12&gt;100),"N",IF(AND('Cambios Auto'!U12&lt;0,'Indices Auto'!V12&lt;100),"R","NULL"))))</f>
        <v>A</v>
      </c>
      <c r="V12" s="2" t="str">
        <f>IF(AND('Cambios Auto'!V12&gt;0,'Indices Auto'!W12&gt;100),"V",IF(AND('Cambios Auto'!V12&gt;0,'Indices Auto'!W12&lt;100),"A",IF(AND('Cambios Auto'!V12&lt;0,'Indices Auto'!W12&gt;100),"N",IF(AND('Cambios Auto'!V12&lt;0,'Indices Auto'!W12&lt;100),"R","NULL"))))</f>
        <v>R</v>
      </c>
      <c r="W12" s="2" t="str">
        <f>IF(AND('Cambios Auto'!W12&gt;0,'Indices Auto'!X12&gt;100),"V",IF(AND('Cambios Auto'!W12&gt;0,'Indices Auto'!X12&lt;100),"A",IF(AND('Cambios Auto'!W12&lt;0,'Indices Auto'!X12&gt;100),"N",IF(AND('Cambios Auto'!W12&lt;0,'Indices Auto'!X12&lt;100),"R","NULL"))))</f>
        <v>A</v>
      </c>
      <c r="X12" s="2" t="str">
        <f>IF(AND('Cambios Auto'!X12&gt;0,'Indices Auto'!Y12&gt;100),"V",IF(AND('Cambios Auto'!X12&gt;0,'Indices Auto'!Y12&lt;100),"A",IF(AND('Cambios Auto'!X12&lt;0,'Indices Auto'!Y12&gt;100),"N",IF(AND('Cambios Auto'!X12&lt;0,'Indices Auto'!Y12&lt;100),"R","NULL"))))</f>
        <v>A</v>
      </c>
      <c r="Y12" s="2" t="str">
        <f>IF(AND('Cambios Auto'!Y12&gt;0,'Indices Auto'!Z12&gt;100),"V",IF(AND('Cambios Auto'!Y12&gt;0,'Indices Auto'!Z12&lt;100),"A",IF(AND('Cambios Auto'!Y12&lt;0,'Indices Auto'!Z12&gt;100),"N",IF(AND('Cambios Auto'!Y12&lt;0,'Indices Auto'!Z12&lt;100),"R","NULL"))))</f>
        <v>A</v>
      </c>
      <c r="Z12" s="2" t="str">
        <f>IF(AND('Cambios Auto'!Z12&gt;0,'Indices Auto'!AA12&gt;100),"V",IF(AND('Cambios Auto'!Z12&gt;0,'Indices Auto'!AA12&lt;100),"A",IF(AND('Cambios Auto'!Z12&lt;0,'Indices Auto'!AA12&gt;100),"N",IF(AND('Cambios Auto'!Z12&lt;0,'Indices Auto'!AA12&lt;100),"R","NULL"))))</f>
        <v>A</v>
      </c>
      <c r="AA12" s="2" t="str">
        <f>IF(AND('Cambios Auto'!AA12&gt;0,'Indices Auto'!AB12&gt;100),"V",IF(AND('Cambios Auto'!AA12&gt;0,'Indices Auto'!AB12&lt;100),"A",IF(AND('Cambios Auto'!AA12&lt;0,'Indices Auto'!AB12&gt;100),"N",IF(AND('Cambios Auto'!AA12&lt;0,'Indices Auto'!AB12&lt;100),"R","NULL"))))</f>
        <v>A</v>
      </c>
      <c r="AB12" s="2" t="str">
        <f>IF(AND('Cambios Auto'!AB12&gt;0,'Indices Auto'!AC12&gt;100),"V",IF(AND('Cambios Auto'!AB12&gt;0,'Indices Auto'!AC12&lt;100),"A",IF(AND('Cambios Auto'!AB12&lt;0,'Indices Auto'!AC12&gt;100),"N",IF(AND('Cambios Auto'!AB12&lt;0,'Indices Auto'!AC12&lt;100),"R","NULL"))))</f>
        <v>A</v>
      </c>
      <c r="AC12" s="2" t="str">
        <f>IF(AND('Cambios Auto'!AC12&gt;0,'Indices Auto'!AD12&gt;100),"V",IF(AND('Cambios Auto'!AC12&gt;0,'Indices Auto'!AD12&lt;100),"A",IF(AND('Cambios Auto'!AC12&lt;0,'Indices Auto'!AD12&gt;100),"N",IF(AND('Cambios Auto'!AC12&lt;0,'Indices Auto'!AD12&lt;100),"R","NULL"))))</f>
        <v>A</v>
      </c>
      <c r="AD12" s="2" t="str">
        <f>IF(AND('Cambios Auto'!AD12&gt;0,'Indices Auto'!AE12&gt;100),"V",IF(AND('Cambios Auto'!AD12&gt;0,'Indices Auto'!AE12&lt;100),"A",IF(AND('Cambios Auto'!AD12&lt;0,'Indices Auto'!AE12&gt;100),"N",IF(AND('Cambios Auto'!AD12&lt;0,'Indices Auto'!AE12&lt;100),"R","NULL"))))</f>
        <v>R</v>
      </c>
      <c r="AE12" s="2" t="str">
        <f>IF(AND('Cambios Auto'!AE12&gt;0,'Indices Auto'!AF12&gt;100),"V",IF(AND('Cambios Auto'!AE12&gt;0,'Indices Auto'!AF12&lt;100),"A",IF(AND('Cambios Auto'!AE12&lt;0,'Indices Auto'!AF12&gt;100),"N",IF(AND('Cambios Auto'!AE12&lt;0,'Indices Auto'!AF12&lt;100),"R","NULL"))))</f>
        <v>R</v>
      </c>
      <c r="AF12" s="2" t="str">
        <f>IF(AND('Cambios Auto'!AF12&gt;0,'Indices Auto'!AG12&gt;100),"V",IF(AND('Cambios Auto'!AF12&gt;0,'Indices Auto'!AG12&lt;100),"A",IF(AND('Cambios Auto'!AF12&lt;0,'Indices Auto'!AG12&gt;100),"N",IF(AND('Cambios Auto'!AF12&lt;0,'Indices Auto'!AG12&lt;100),"R","NULL"))))</f>
        <v>R</v>
      </c>
      <c r="AG12" s="2" t="str">
        <f>IF(AND('Cambios Auto'!AG12&gt;0,'Indices Auto'!AH12&gt;100),"V",IF(AND('Cambios Auto'!AG12&gt;0,'Indices Auto'!AH12&lt;100),"A",IF(AND('Cambios Auto'!AG12&lt;0,'Indices Auto'!AH12&gt;100),"N",IF(AND('Cambios Auto'!AG12&lt;0,'Indices Auto'!AH12&lt;100),"R","NULL"))))</f>
        <v>R</v>
      </c>
      <c r="AH12" s="2" t="str">
        <f>IF(AND('Cambios Auto'!AH12&gt;0,'Indices Auto'!AI12&gt;100),"V",IF(AND('Cambios Auto'!AH12&gt;0,'Indices Auto'!AI12&lt;100),"A",IF(AND('Cambios Auto'!AH12&lt;0,'Indices Auto'!AI12&gt;100),"N",IF(AND('Cambios Auto'!AH12&lt;0,'Indices Auto'!AI12&lt;100),"R","NULL"))))</f>
        <v>R</v>
      </c>
      <c r="AI12" s="2" t="str">
        <f>IF(AND('Cambios Auto'!AI12&gt;0,'Indices Auto'!AJ12&gt;100),"V",IF(AND('Cambios Auto'!AI12&gt;0,'Indices Auto'!AJ12&lt;100),"A",IF(AND('Cambios Auto'!AI12&lt;0,'Indices Auto'!AJ12&gt;100),"N",IF(AND('Cambios Auto'!AI12&lt;0,'Indices Auto'!AJ12&lt;100),"R","NULL"))))</f>
        <v>R</v>
      </c>
      <c r="AJ12" s="2" t="str">
        <f>IF(AND('Cambios Auto'!AJ12&gt;0,'Indices Auto'!AK12&gt;100),"V",IF(AND('Cambios Auto'!AJ12&gt;0,'Indices Auto'!AK12&lt;100),"A",IF(AND('Cambios Auto'!AJ12&lt;0,'Indices Auto'!AK12&gt;100),"N",IF(AND('Cambios Auto'!AJ12&lt;0,'Indices Auto'!AK12&lt;100),"R","NULL"))))</f>
        <v>R</v>
      </c>
      <c r="AK12" s="2" t="str">
        <f>IF(AND('Cambios Auto'!AK12&gt;0,'Indices Auto'!AL12&gt;100),"V",IF(AND('Cambios Auto'!AK12&gt;0,'Indices Auto'!AL12&lt;100),"A",IF(AND('Cambios Auto'!AK12&lt;0,'Indices Auto'!AL12&gt;100),"N",IF(AND('Cambios Auto'!AK12&lt;0,'Indices Auto'!AL12&lt;100),"R","NULL"))))</f>
        <v>R</v>
      </c>
      <c r="AL12" s="2" t="str">
        <f>IF(AND('Cambios Auto'!AL12&gt;0,'Indices Auto'!AM12&gt;100),"V",IF(AND('Cambios Auto'!AL12&gt;0,'Indices Auto'!AM12&lt;100),"A",IF(AND('Cambios Auto'!AL12&lt;0,'Indices Auto'!AM12&gt;100),"N",IF(AND('Cambios Auto'!AL12&lt;0,'Indices Auto'!AM12&lt;100),"R","NULL"))))</f>
        <v>R</v>
      </c>
      <c r="AM12" s="2" t="str">
        <f>IF(AND('Cambios Auto'!AM12&gt;0,'Indices Auto'!AN12&gt;100),"V",IF(AND('Cambios Auto'!AM12&gt;0,'Indices Auto'!AN12&lt;100),"A",IF(AND('Cambios Auto'!AM12&lt;0,'Indices Auto'!AN12&gt;100),"N",IF(AND('Cambios Auto'!AM12&lt;0,'Indices Auto'!AN12&lt;100),"R","NULL"))))</f>
        <v>R</v>
      </c>
      <c r="AN12" s="2" t="str">
        <f>IF(AND('Cambios Auto'!AN12&gt;0,'Indices Auto'!AO12&gt;100),"V",IF(AND('Cambios Auto'!AN12&gt;0,'Indices Auto'!AO12&lt;100),"A",IF(AND('Cambios Auto'!AN12&lt;0,'Indices Auto'!AO12&gt;100),"N",IF(AND('Cambios Auto'!AN12&lt;0,'Indices Auto'!AO12&lt;100),"R","NULL"))))</f>
        <v>R</v>
      </c>
      <c r="AO12" s="2" t="str">
        <f>IF(AND('Cambios Auto'!AO12&gt;0,'Indices Auto'!AP12&gt;100),"V",IF(AND('Cambios Auto'!AO12&gt;0,'Indices Auto'!AP12&lt;100),"A",IF(AND('Cambios Auto'!AO12&lt;0,'Indices Auto'!AP12&gt;100),"N",IF(AND('Cambios Auto'!AO12&lt;0,'Indices Auto'!AP12&lt;100),"R","NULL"))))</f>
        <v>A</v>
      </c>
      <c r="AP12" s="2" t="str">
        <f>IF(AND('Cambios Auto'!AP12&gt;0,'Indices Auto'!AQ12&gt;100),"V",IF(AND('Cambios Auto'!AP12&gt;0,'Indices Auto'!AQ12&lt;100),"A",IF(AND('Cambios Auto'!AP12&lt;0,'Indices Auto'!AQ12&gt;100),"N",IF(AND('Cambios Auto'!AP12&lt;0,'Indices Auto'!AQ12&lt;100),"R","NULL"))))</f>
        <v>A</v>
      </c>
      <c r="AQ12" s="2" t="str">
        <f>IF(AND('Cambios Auto'!AQ12&gt;0,'Indices Auto'!AR12&gt;100),"V",IF(AND('Cambios Auto'!AQ12&gt;0,'Indices Auto'!AR12&lt;100),"A",IF(AND('Cambios Auto'!AQ12&lt;0,'Indices Auto'!AR12&gt;100),"N",IF(AND('Cambios Auto'!AQ12&lt;0,'Indices Auto'!AR12&lt;100),"R","NULL"))))</f>
        <v>A</v>
      </c>
      <c r="AR12" s="2" t="str">
        <f>IF(AND('Cambios Auto'!AR12&gt;0,'Indices Auto'!AS12&gt;100),"V",IF(AND('Cambios Auto'!AR12&gt;0,'Indices Auto'!AS12&lt;100),"A",IF(AND('Cambios Auto'!AR12&lt;0,'Indices Auto'!AS12&gt;100),"N",IF(AND('Cambios Auto'!AR12&lt;0,'Indices Auto'!AS12&lt;100),"R","NULL"))))</f>
        <v>A</v>
      </c>
      <c r="AS12" s="2" t="str">
        <f>IF(AND('Cambios Auto'!AS12&gt;0,'Indices Auto'!AT12&gt;100),"V",IF(AND('Cambios Auto'!AS12&gt;0,'Indices Auto'!AT12&lt;100),"A",IF(AND('Cambios Auto'!AS12&lt;0,'Indices Auto'!AT12&gt;100),"N",IF(AND('Cambios Auto'!AS12&lt;0,'Indices Auto'!AT12&lt;100),"R","NULL"))))</f>
        <v>A</v>
      </c>
      <c r="AT12" s="2" t="str">
        <f>IF(AND('Cambios Auto'!AT12&gt;0,'Indices Auto'!AU12&gt;100),"V",IF(AND('Cambios Auto'!AT12&gt;0,'Indices Auto'!AU12&lt;100),"A",IF(AND('Cambios Auto'!AT12&lt;0,'Indices Auto'!AU12&gt;100),"N",IF(AND('Cambios Auto'!AT12&lt;0,'Indices Auto'!AU12&lt;100),"R","NULL"))))</f>
        <v>A</v>
      </c>
      <c r="AU12" s="2" t="str">
        <f>IF(AND('Cambios Auto'!AU12&gt;0,'Indices Auto'!AV12&gt;100),"V",IF(AND('Cambios Auto'!AU12&gt;0,'Indices Auto'!AV12&lt;100),"A",IF(AND('Cambios Auto'!AU12&lt;0,'Indices Auto'!AV12&gt;100),"N",IF(AND('Cambios Auto'!AU12&lt;0,'Indices Auto'!AV12&lt;100),"R","NULL"))))</f>
        <v>V</v>
      </c>
      <c r="AV12" s="2" t="str">
        <f>IF(AND('Cambios Auto'!AV12&gt;0,'Indices Auto'!AW12&gt;100),"V",IF(AND('Cambios Auto'!AV12&gt;0,'Indices Auto'!AW12&lt;100),"A",IF(AND('Cambios Auto'!AV12&lt;0,'Indices Auto'!AW12&gt;100),"N",IF(AND('Cambios Auto'!AV12&lt;0,'Indices Auto'!AW12&lt;100),"R","NULL"))))</f>
        <v>V</v>
      </c>
      <c r="AW12" s="2" t="str">
        <f>IF(AND('Cambios Auto'!AW12&gt;0,'Indices Auto'!AX12&gt;100),"V",IF(AND('Cambios Auto'!AW12&gt;0,'Indices Auto'!AX12&lt;100),"A",IF(AND('Cambios Auto'!AW12&lt;0,'Indices Auto'!AX12&gt;100),"N",IF(AND('Cambios Auto'!AW12&lt;0,'Indices Auto'!AX12&lt;100),"R","NULL"))))</f>
        <v>V</v>
      </c>
      <c r="AX12" s="2" t="str">
        <f>IF(AND('Cambios Auto'!AX12&gt;0,'Indices Auto'!AY12&gt;100),"V",IF(AND('Cambios Auto'!AX12&gt;0,'Indices Auto'!AY12&lt;100),"A",IF(AND('Cambios Auto'!AX12&lt;0,'Indices Auto'!AY12&gt;100),"N",IF(AND('Cambios Auto'!AX12&lt;0,'Indices Auto'!AY12&lt;100),"R","NULL"))))</f>
        <v>V</v>
      </c>
      <c r="AY12" s="2" t="str">
        <f>IF(AND('Cambios Auto'!AY12&gt;0,'Indices Auto'!AZ12&gt;100),"V",IF(AND('Cambios Auto'!AY12&gt;0,'Indices Auto'!AZ12&lt;100),"A",IF(AND('Cambios Auto'!AY12&lt;0,'Indices Auto'!AZ12&gt;100),"N",IF(AND('Cambios Auto'!AY12&lt;0,'Indices Auto'!AZ12&lt;100),"R","NULL"))))</f>
        <v>V</v>
      </c>
      <c r="AZ12" s="2" t="str">
        <f>IF(AND('Cambios Auto'!AZ12&gt;0,'Indices Auto'!BA12&gt;100),"V",IF(AND('Cambios Auto'!AZ12&gt;0,'Indices Auto'!BA12&lt;100),"A",IF(AND('Cambios Auto'!AZ12&lt;0,'Indices Auto'!BA12&gt;100),"N",IF(AND('Cambios Auto'!AZ12&lt;0,'Indices Auto'!BA12&lt;100),"R","NULL"))))</f>
        <v>V</v>
      </c>
      <c r="BA12" s="2" t="str">
        <f>IF(AND('Cambios Auto'!BA12&gt;0,'Indices Auto'!BB12&gt;100),"V",IF(AND('Cambios Auto'!BA12&gt;0,'Indices Auto'!BB12&lt;100),"A",IF(AND('Cambios Auto'!BA12&lt;0,'Indices Auto'!BB12&gt;100),"N",IF(AND('Cambios Auto'!BA12&lt;0,'Indices Auto'!BB12&lt;100),"R","NULL"))))</f>
        <v>V</v>
      </c>
      <c r="BB12" s="2" t="str">
        <f>IF(AND('Cambios Auto'!BB12&gt;0,'Indices Auto'!BC12&gt;100),"V",IF(AND('Cambios Auto'!BB12&gt;0,'Indices Auto'!BC12&lt;100),"A",IF(AND('Cambios Auto'!BB12&lt;0,'Indices Auto'!BC12&gt;100),"N",IF(AND('Cambios Auto'!BB12&lt;0,'Indices Auto'!BC12&lt;100),"R","NULL"))))</f>
        <v>N</v>
      </c>
      <c r="BC12" s="2" t="str">
        <f>IF(AND('Cambios Auto'!BC12&gt;0,'Indices Auto'!BD12&gt;100),"V",IF(AND('Cambios Auto'!BC12&gt;0,'Indices Auto'!BD12&lt;100),"A",IF(AND('Cambios Auto'!BC12&lt;0,'Indices Auto'!BD12&gt;100),"N",IF(AND('Cambios Auto'!BC12&lt;0,'Indices Auto'!BD12&lt;100),"R","NULL"))))</f>
        <v>N</v>
      </c>
      <c r="BD12" s="2" t="str">
        <f>IF(AND('Cambios Auto'!BD12&gt;0,'Indices Auto'!BE12&gt;100),"V",IF(AND('Cambios Auto'!BD12&gt;0,'Indices Auto'!BE12&lt;100),"A",IF(AND('Cambios Auto'!BD12&lt;0,'Indices Auto'!BE12&gt;100),"N",IF(AND('Cambios Auto'!BD12&lt;0,'Indices Auto'!BE12&lt;100),"R","NULL"))))</f>
        <v>N</v>
      </c>
      <c r="BE12" s="2" t="str">
        <f>IF(AND('Cambios Auto'!BE12&gt;0,'Indices Auto'!BF12&gt;100),"V",IF(AND('Cambios Auto'!BE12&gt;0,'Indices Auto'!BF12&lt;100),"A",IF(AND('Cambios Auto'!BE12&lt;0,'Indices Auto'!BF12&gt;100),"N",IF(AND('Cambios Auto'!BE12&lt;0,'Indices Auto'!BF12&lt;100),"R","NULL"))))</f>
        <v>N</v>
      </c>
      <c r="BF12" s="2" t="str">
        <f>IF(AND('Cambios Auto'!BF12&gt;0,'Indices Auto'!BG12&gt;100),"V",IF(AND('Cambios Auto'!BF12&gt;0,'Indices Auto'!BG12&lt;100),"A",IF(AND('Cambios Auto'!BF12&lt;0,'Indices Auto'!BG12&gt;100),"N",IF(AND('Cambios Auto'!BF12&lt;0,'Indices Auto'!BG12&lt;100),"R","NULL"))))</f>
        <v>N</v>
      </c>
      <c r="BG12" s="2" t="str">
        <f>IF(AND('Cambios Auto'!BG12&gt;0,'Indices Auto'!BH12&gt;100),"V",IF(AND('Cambios Auto'!BG12&gt;0,'Indices Auto'!BH12&lt;100),"A",IF(AND('Cambios Auto'!BG12&lt;0,'Indices Auto'!BH12&gt;100),"N",IF(AND('Cambios Auto'!BG12&lt;0,'Indices Auto'!BH12&lt;100),"R","NULL"))))</f>
        <v>N</v>
      </c>
      <c r="BH12" s="2" t="str">
        <f>IF(AND('Cambios Auto'!BH12&gt;0,'Indices Auto'!BI12&gt;100),"V",IF(AND('Cambios Auto'!BH12&gt;0,'Indices Auto'!BI12&lt;100),"A",IF(AND('Cambios Auto'!BH12&lt;0,'Indices Auto'!BI12&gt;100),"N",IF(AND('Cambios Auto'!BH12&lt;0,'Indices Auto'!BI12&lt;100),"R","NULL"))))</f>
        <v>N</v>
      </c>
      <c r="BI12" s="2" t="str">
        <f>IF(AND('Cambios Auto'!BI12&gt;0,'Indices Auto'!BJ12&gt;100),"V",IF(AND('Cambios Auto'!BI12&gt;0,'Indices Auto'!BJ12&lt;100),"A",IF(AND('Cambios Auto'!BI12&lt;0,'Indices Auto'!BJ12&gt;100),"N",IF(AND('Cambios Auto'!BI12&lt;0,'Indices Auto'!BJ12&lt;100),"R","NULL"))))</f>
        <v>N</v>
      </c>
      <c r="BJ12" s="2" t="str">
        <f>IF(AND('Cambios Auto'!BJ12&gt;0,'Indices Auto'!BK12&gt;100),"V",IF(AND('Cambios Auto'!BJ12&gt;0,'Indices Auto'!BK12&lt;100),"A",IF(AND('Cambios Auto'!BJ12&lt;0,'Indices Auto'!BK12&gt;100),"N",IF(AND('Cambios Auto'!BJ12&lt;0,'Indices Auto'!BK12&lt;100),"R","NULL"))))</f>
        <v>N</v>
      </c>
      <c r="BK12" s="2" t="str">
        <f>IF(AND('Cambios Auto'!BK12&gt;0,'Indices Auto'!BL12&gt;100),"V",IF(AND('Cambios Auto'!BK12&gt;0,'Indices Auto'!BL12&lt;100),"A",IF(AND('Cambios Auto'!BK12&lt;0,'Indices Auto'!BL12&gt;100),"N",IF(AND('Cambios Auto'!BK12&lt;0,'Indices Auto'!BL12&lt;100),"R","NULL"))))</f>
        <v>N</v>
      </c>
      <c r="BL12" s="2" t="str">
        <f>IF(AND('Cambios Auto'!BL12&gt;0,'Indices Auto'!BM12&gt;100),"V",IF(AND('Cambios Auto'!BL12&gt;0,'Indices Auto'!BM12&lt;100),"A",IF(AND('Cambios Auto'!BL12&lt;0,'Indices Auto'!BM12&gt;100),"N",IF(AND('Cambios Auto'!BL12&lt;0,'Indices Auto'!BM12&lt;100),"R","NULL"))))</f>
        <v>R</v>
      </c>
      <c r="BM12" s="2" t="str">
        <f>IF(AND('Cambios Auto'!BM12&gt;0,'Indices Auto'!BN12&gt;100),"V",IF(AND('Cambios Auto'!BM12&gt;0,'Indices Auto'!BN12&lt;100),"A",IF(AND('Cambios Auto'!BM12&lt;0,'Indices Auto'!BN12&gt;100),"N",IF(AND('Cambios Auto'!BM12&lt;0,'Indices Auto'!BN12&lt;100),"R","NULL"))))</f>
        <v>R</v>
      </c>
      <c r="BN12" s="2" t="str">
        <f>IF(AND('Cambios Auto'!BN12&gt;0,'Indices Auto'!BO12&gt;100),"V",IF(AND('Cambios Auto'!BN12&gt;0,'Indices Auto'!BO12&lt;100),"A",IF(AND('Cambios Auto'!BN12&lt;0,'Indices Auto'!BO12&gt;100),"N",IF(AND('Cambios Auto'!BN12&lt;0,'Indices Auto'!BO12&lt;100),"R","NULL"))))</f>
        <v>R</v>
      </c>
      <c r="BO12" s="2" t="str">
        <f>IF(AND('Cambios Auto'!BO12&gt;0,'Indices Auto'!BP12&gt;100),"V",IF(AND('Cambios Auto'!BO12&gt;0,'Indices Auto'!BP12&lt;100),"A",IF(AND('Cambios Auto'!BO12&lt;0,'Indices Auto'!BP12&gt;100),"N",IF(AND('Cambios Auto'!BO12&lt;0,'Indices Auto'!BP12&lt;100),"R","NULL"))))</f>
        <v>R</v>
      </c>
      <c r="BP12" s="2" t="str">
        <f>IF(AND('Cambios Auto'!BP12&gt;0,'Indices Auto'!BQ12&gt;100),"V",IF(AND('Cambios Auto'!BP12&gt;0,'Indices Auto'!BQ12&lt;100),"A",IF(AND('Cambios Auto'!BP12&lt;0,'Indices Auto'!BQ12&gt;100),"N",IF(AND('Cambios Auto'!BP12&lt;0,'Indices Auto'!BQ12&lt;100),"R","NULL"))))</f>
        <v>A</v>
      </c>
      <c r="BQ12" s="2" t="str">
        <f>IF(AND('Cambios Auto'!BQ12&gt;0,'Indices Auto'!BR12&gt;100),"V",IF(AND('Cambios Auto'!BQ12&gt;0,'Indices Auto'!BR12&lt;100),"A",IF(AND('Cambios Auto'!BQ12&lt;0,'Indices Auto'!BR12&gt;100),"N",IF(AND('Cambios Auto'!BQ12&lt;0,'Indices Auto'!BR12&lt;100),"R","NULL"))))</f>
        <v>V</v>
      </c>
      <c r="BR12" s="2" t="str">
        <f>IF(AND('Cambios Auto'!BR12&gt;0,'Indices Auto'!BS12&gt;100),"V",IF(AND('Cambios Auto'!BR12&gt;0,'Indices Auto'!BS12&lt;100),"A",IF(AND('Cambios Auto'!BR12&lt;0,'Indices Auto'!BS12&gt;100),"N",IF(AND('Cambios Auto'!BR12&lt;0,'Indices Auto'!BS12&lt;100),"R","NULL"))))</f>
        <v>V</v>
      </c>
      <c r="BS12" s="2" t="str">
        <f>IF(AND('Cambios Auto'!BS12&gt;0,'Indices Auto'!BT12&gt;100),"V",IF(AND('Cambios Auto'!BS12&gt;0,'Indices Auto'!BT12&lt;100),"A",IF(AND('Cambios Auto'!BS12&lt;0,'Indices Auto'!BT12&gt;100),"N",IF(AND('Cambios Auto'!BS12&lt;0,'Indices Auto'!BT12&lt;100),"R","NULL"))))</f>
        <v>V</v>
      </c>
      <c r="BT12" s="2" t="str">
        <f>IF(AND('Cambios Auto'!BT12&gt;0,'Indices Auto'!BU12&gt;100),"V",IF(AND('Cambios Auto'!BT12&gt;0,'Indices Auto'!BU12&lt;100),"A",IF(AND('Cambios Auto'!BT12&lt;0,'Indices Auto'!BU12&gt;100),"N",IF(AND('Cambios Auto'!BT12&lt;0,'Indices Auto'!BU12&lt;100),"R","NULL"))))</f>
        <v>V</v>
      </c>
      <c r="BU12" s="2" t="str">
        <f>IF(AND('Cambios Auto'!BU12&gt;0,'Indices Auto'!BV12&gt;100),"V",IF(AND('Cambios Auto'!BU12&gt;0,'Indices Auto'!BV12&lt;100),"A",IF(AND('Cambios Auto'!BU12&lt;0,'Indices Auto'!BV12&gt;100),"N",IF(AND('Cambios Auto'!BU12&lt;0,'Indices Auto'!BV12&lt;100),"R","NULL"))))</f>
        <v>V</v>
      </c>
      <c r="BV12" s="2" t="str">
        <f>IF(AND('Cambios Auto'!BV12&gt;0,'Indices Auto'!BW12&gt;100),"V",IF(AND('Cambios Auto'!BV12&gt;0,'Indices Auto'!BW12&lt;100),"A",IF(AND('Cambios Auto'!BV12&lt;0,'Indices Auto'!BW12&gt;100),"N",IF(AND('Cambios Auto'!BV12&lt;0,'Indices Auto'!BW12&lt;100),"R","NULL"))))</f>
        <v>V</v>
      </c>
      <c r="BW12" s="2" t="str">
        <f>IF(AND('Cambios Auto'!BW12&gt;0,'Indices Auto'!BX12&gt;100),"V",IF(AND('Cambios Auto'!BW12&gt;0,'Indices Auto'!BX12&lt;100),"A",IF(AND('Cambios Auto'!BW12&lt;0,'Indices Auto'!BX12&gt;100),"N",IF(AND('Cambios Auto'!BW12&lt;0,'Indices Auto'!BX12&lt;100),"R","NULL"))))</f>
        <v>V</v>
      </c>
      <c r="BX12" s="2" t="str">
        <f>IF(AND('Cambios Auto'!BX12&gt;0,'Indices Auto'!BY12&gt;100),"V",IF(AND('Cambios Auto'!BX12&gt;0,'Indices Auto'!BY12&lt;100),"A",IF(AND('Cambios Auto'!BX12&lt;0,'Indices Auto'!BY12&gt;100),"N",IF(AND('Cambios Auto'!BX12&lt;0,'Indices Auto'!BY12&lt;100),"R","NULL"))))</f>
        <v>V</v>
      </c>
      <c r="BY12" s="2" t="str">
        <f>IF(AND('Cambios Auto'!BY12&gt;0,'Indices Auto'!BZ12&gt;100),"V",IF(AND('Cambios Auto'!BY12&gt;0,'Indices Auto'!BZ12&lt;100),"A",IF(AND('Cambios Auto'!BY12&lt;0,'Indices Auto'!BZ12&gt;100),"N",IF(AND('Cambios Auto'!BY12&lt;0,'Indices Auto'!BZ12&lt;100),"R","NULL"))))</f>
        <v>V</v>
      </c>
      <c r="BZ12" s="2" t="str">
        <f>IF(AND('Cambios Auto'!BZ12&gt;0,'Indices Auto'!CA12&gt;100),"V",IF(AND('Cambios Auto'!BZ12&gt;0,'Indices Auto'!CA12&lt;100),"A",IF(AND('Cambios Auto'!BZ12&lt;0,'Indices Auto'!CA12&gt;100),"N",IF(AND('Cambios Auto'!BZ12&lt;0,'Indices Auto'!CA12&lt;100),"R","NULL"))))</f>
        <v>V</v>
      </c>
      <c r="CA12" s="2" t="str">
        <f>IF(AND('Cambios Auto'!CA12&gt;0,'Indices Auto'!CB12&gt;100),"V",IF(AND('Cambios Auto'!CA12&gt;0,'Indices Auto'!CB12&lt;100),"A",IF(AND('Cambios Auto'!CA12&lt;0,'Indices Auto'!CB12&gt;100),"N",IF(AND('Cambios Auto'!CA12&lt;0,'Indices Auto'!CB12&lt;100),"R","NULL"))))</f>
        <v>V</v>
      </c>
      <c r="CB12" s="2" t="str">
        <f>IF(AND('Cambios Auto'!CB12&gt;0,'Indices Auto'!CC12&gt;100),"V",IF(AND('Cambios Auto'!CB12&gt;0,'Indices Auto'!CC12&lt;100),"A",IF(AND('Cambios Auto'!CB12&lt;0,'Indices Auto'!CC12&gt;100),"N",IF(AND('Cambios Auto'!CB12&lt;0,'Indices Auto'!CC12&lt;100),"R","NULL"))))</f>
        <v>N</v>
      </c>
      <c r="CC12" s="2" t="str">
        <f>IF(AND('Cambios Auto'!CC12&gt;0,'Indices Auto'!CD12&gt;100),"V",IF(AND('Cambios Auto'!CC12&gt;0,'Indices Auto'!CD12&lt;100),"A",IF(AND('Cambios Auto'!CC12&lt;0,'Indices Auto'!CD12&gt;100),"N",IF(AND('Cambios Auto'!CC12&lt;0,'Indices Auto'!CD12&lt;100),"R","NULL"))))</f>
        <v>N</v>
      </c>
      <c r="CD12" s="2" t="str">
        <f>IF(AND('Cambios Auto'!CD12&gt;0,'Indices Auto'!CE12&gt;100),"V",IF(AND('Cambios Auto'!CD12&gt;0,'Indices Auto'!CE12&lt;100),"A",IF(AND('Cambios Auto'!CD12&lt;0,'Indices Auto'!CE12&gt;100),"N",IF(AND('Cambios Auto'!CD12&lt;0,'Indices Auto'!CE12&lt;100),"R","NULL"))))</f>
        <v>N</v>
      </c>
      <c r="CE12" s="2" t="str">
        <f>IF(AND('Cambios Auto'!CE12&gt;0,'Indices Auto'!CF12&gt;100),"V",IF(AND('Cambios Auto'!CE12&gt;0,'Indices Auto'!CF12&lt;100),"A",IF(AND('Cambios Auto'!CE12&lt;0,'Indices Auto'!CF12&gt;100),"N",IF(AND('Cambios Auto'!CE12&lt;0,'Indices Auto'!CF12&lt;100),"R","NULL"))))</f>
        <v>N</v>
      </c>
      <c r="CF12" s="2" t="str">
        <f>IF(AND('Cambios Auto'!CF12&gt;0,'Indices Auto'!CG12&gt;100),"V",IF(AND('Cambios Auto'!CF12&gt;0,'Indices Auto'!CG12&lt;100),"A",IF(AND('Cambios Auto'!CF12&lt;0,'Indices Auto'!CG12&gt;100),"N",IF(AND('Cambios Auto'!CF12&lt;0,'Indices Auto'!CG12&lt;100),"R","NULL"))))</f>
        <v>N</v>
      </c>
      <c r="CG12" s="2" t="str">
        <f>IF(AND('Cambios Auto'!CG12&gt;0,'Indices Auto'!CH12&gt;100),"V",IF(AND('Cambios Auto'!CG12&gt;0,'Indices Auto'!CH12&lt;100),"A",IF(AND('Cambios Auto'!CG12&lt;0,'Indices Auto'!CH12&gt;100),"N",IF(AND('Cambios Auto'!CG12&lt;0,'Indices Auto'!CH12&lt;100),"R","NULL"))))</f>
        <v>N</v>
      </c>
      <c r="CH12" s="2" t="str">
        <f>IF(AND('Cambios Auto'!CH12&gt;0,'Indices Auto'!CI12&gt;100),"V",IF(AND('Cambios Auto'!CH12&gt;0,'Indices Auto'!CI12&lt;100),"A",IF(AND('Cambios Auto'!CH12&lt;0,'Indices Auto'!CI12&gt;100),"N",IF(AND('Cambios Auto'!CH12&lt;0,'Indices Auto'!CI12&lt;100),"R","NULL"))))</f>
        <v>N</v>
      </c>
      <c r="CI12" s="2" t="str">
        <f>IF(AND('Cambios Auto'!CI12&gt;0,'Indices Auto'!CJ12&gt;100),"V",IF(AND('Cambios Auto'!CI12&gt;0,'Indices Auto'!CJ12&lt;100),"A",IF(AND('Cambios Auto'!CI12&lt;0,'Indices Auto'!CJ12&gt;100),"N",IF(AND('Cambios Auto'!CI12&lt;0,'Indices Auto'!CJ12&lt;100),"R","NULL"))))</f>
        <v>V</v>
      </c>
      <c r="CJ12" s="2" t="str">
        <f>IF(AND('Cambios Auto'!CJ12&gt;0,'Indices Auto'!CK12&gt;100),"V",IF(AND('Cambios Auto'!CJ12&gt;0,'Indices Auto'!CK12&lt;100),"A",IF(AND('Cambios Auto'!CJ12&lt;0,'Indices Auto'!CK12&gt;100),"N",IF(AND('Cambios Auto'!CJ12&lt;0,'Indices Auto'!CK12&lt;100),"R","NULL"))))</f>
        <v>V</v>
      </c>
      <c r="CK12" s="2" t="str">
        <f>IF(AND('Cambios Auto'!CK12&gt;0,'Indices Auto'!CL12&gt;100),"V",IF(AND('Cambios Auto'!CK12&gt;0,'Indices Auto'!CL12&lt;100),"A",IF(AND('Cambios Auto'!CK12&lt;0,'Indices Auto'!CL12&gt;100),"N",IF(AND('Cambios Auto'!CK12&lt;0,'Indices Auto'!CL12&lt;100),"R","NULL"))))</f>
        <v>V</v>
      </c>
      <c r="CL12" s="2" t="str">
        <f>IF(AND('Cambios Auto'!CL12&gt;0,'Indices Auto'!CM12&gt;100),"V",IF(AND('Cambios Auto'!CL12&gt;0,'Indices Auto'!CM12&lt;100),"A",IF(AND('Cambios Auto'!CL12&lt;0,'Indices Auto'!CM12&gt;100),"N",IF(AND('Cambios Auto'!CL12&lt;0,'Indices Auto'!CM12&lt;100),"R","NULL"))))</f>
        <v>V</v>
      </c>
      <c r="CM12" s="2" t="str">
        <f>IF(AND('Cambios Auto'!CM12&gt;0,'Indices Auto'!CN12&gt;100),"V",IF(AND('Cambios Auto'!CM12&gt;0,'Indices Auto'!CN12&lt;100),"A",IF(AND('Cambios Auto'!CM12&lt;0,'Indices Auto'!CN12&gt;100),"N",IF(AND('Cambios Auto'!CM12&lt;0,'Indices Auto'!CN12&lt;100),"R","NULL"))))</f>
        <v>V</v>
      </c>
      <c r="CN12" s="2" t="str">
        <f>IF(AND('Cambios Auto'!CN12&gt;0,'Indices Auto'!CO12&gt;100),"V",IF(AND('Cambios Auto'!CN12&gt;0,'Indices Auto'!CO12&lt;100),"A",IF(AND('Cambios Auto'!CN12&lt;0,'Indices Auto'!CO12&gt;100),"N",IF(AND('Cambios Auto'!CN12&lt;0,'Indices Auto'!CO12&lt;100),"R","NULL"))))</f>
        <v>V</v>
      </c>
      <c r="CO12" s="2" t="str">
        <f>IF(AND('Cambios Auto'!CO12&gt;0,'Indices Auto'!CP12&gt;100),"V",IF(AND('Cambios Auto'!CO12&gt;0,'Indices Auto'!CP12&lt;100),"A",IF(AND('Cambios Auto'!CO12&lt;0,'Indices Auto'!CP12&gt;100),"N",IF(AND('Cambios Auto'!CO12&lt;0,'Indices Auto'!CP12&lt;100),"R","NULL"))))</f>
        <v>V</v>
      </c>
      <c r="CP12" s="2" t="str">
        <f>IF(AND('Cambios Auto'!CP12&gt;0,'Indices Auto'!CQ12&gt;100),"V",IF(AND('Cambios Auto'!CP12&gt;0,'Indices Auto'!CQ12&lt;100),"A",IF(AND('Cambios Auto'!CP12&lt;0,'Indices Auto'!CQ12&gt;100),"N",IF(AND('Cambios Auto'!CP12&lt;0,'Indices Auto'!CQ12&lt;100),"R","NULL"))))</f>
        <v>V</v>
      </c>
      <c r="CQ12" s="2" t="str">
        <f>IF(AND('Cambios Auto'!CQ12&gt;0,'Indices Auto'!CR12&gt;100),"V",IF(AND('Cambios Auto'!CQ12&gt;0,'Indices Auto'!CR12&lt;100),"A",IF(AND('Cambios Auto'!CQ12&lt;0,'Indices Auto'!CR12&gt;100),"N",IF(AND('Cambios Auto'!CQ12&lt;0,'Indices Auto'!CR12&lt;100),"R","NULL"))))</f>
        <v>N</v>
      </c>
      <c r="CR12" s="2" t="str">
        <f>IF(AND('Cambios Auto'!CR12&gt;0,'Indices Auto'!CS12&gt;100),"V",IF(AND('Cambios Auto'!CR12&gt;0,'Indices Auto'!CS12&lt;100),"A",IF(AND('Cambios Auto'!CR12&lt;0,'Indices Auto'!CS12&gt;100),"N",IF(AND('Cambios Auto'!CR12&lt;0,'Indices Auto'!CS12&lt;100),"R","NULL"))))</f>
        <v>N</v>
      </c>
      <c r="CS12" s="2" t="str">
        <f>IF(AND('Cambios Auto'!CS12&gt;0,'Indices Auto'!CT12&gt;100),"V",IF(AND('Cambios Auto'!CS12&gt;0,'Indices Auto'!CT12&lt;100),"A",IF(AND('Cambios Auto'!CS12&lt;0,'Indices Auto'!CT12&gt;100),"N",IF(AND('Cambios Auto'!CS12&lt;0,'Indices Auto'!CT12&lt;100),"R","NULL"))))</f>
        <v>N</v>
      </c>
      <c r="CT12" s="2" t="str">
        <f>IF(AND('Cambios Auto'!CT12&gt;0,'Indices Auto'!CU12&gt;100),"V",IF(AND('Cambios Auto'!CT12&gt;0,'Indices Auto'!CU12&lt;100),"A",IF(AND('Cambios Auto'!CT12&lt;0,'Indices Auto'!CU12&gt;100),"N",IF(AND('Cambios Auto'!CT12&lt;0,'Indices Auto'!CU12&lt;100),"R","NULL"))))</f>
        <v>N</v>
      </c>
      <c r="CU12" s="2" t="str">
        <f>IF(AND('Cambios Auto'!CU12&gt;0,'Indices Auto'!CV12&gt;100),"V",IF(AND('Cambios Auto'!CU12&gt;0,'Indices Auto'!CV12&lt;100),"A",IF(AND('Cambios Auto'!CU12&lt;0,'Indices Auto'!CV12&gt;100),"N",IF(AND('Cambios Auto'!CU12&lt;0,'Indices Auto'!CV12&lt;100),"R","NULL"))))</f>
        <v>N</v>
      </c>
      <c r="CV12" s="2" t="str">
        <f>IF(AND('Cambios Auto'!CV12&gt;0,'Indices Auto'!CW12&gt;100),"V",IF(AND('Cambios Auto'!CV12&gt;0,'Indices Auto'!CW12&lt;100),"A",IF(AND('Cambios Auto'!CV12&lt;0,'Indices Auto'!CW12&gt;100),"N",IF(AND('Cambios Auto'!CV12&lt;0,'Indices Auto'!CW12&lt;100),"R","NULL"))))</f>
        <v>R</v>
      </c>
      <c r="CW12" s="2" t="str">
        <f>IF(AND('Cambios Auto'!CW12&gt;0,'Indices Auto'!CX12&gt;100),"V",IF(AND('Cambios Auto'!CW12&gt;0,'Indices Auto'!CX12&lt;100),"A",IF(AND('Cambios Auto'!CW12&lt;0,'Indices Auto'!CX12&gt;100),"N",IF(AND('Cambios Auto'!CW12&lt;0,'Indices Auto'!CX12&lt;100),"R","NULL"))))</f>
        <v>R</v>
      </c>
      <c r="CX12" s="2" t="str">
        <f>IF(AND('Cambios Auto'!CX12&gt;0,'Indices Auto'!CY12&gt;100),"V",IF(AND('Cambios Auto'!CX12&gt;0,'Indices Auto'!CY12&lt;100),"A",IF(AND('Cambios Auto'!CX12&lt;0,'Indices Auto'!CY12&gt;100),"N",IF(AND('Cambios Auto'!CX12&lt;0,'Indices Auto'!CY12&lt;100),"R","NULL"))))</f>
        <v>R</v>
      </c>
      <c r="CY12" s="2" t="str">
        <f>IF(AND('Cambios Auto'!CY12&gt;0,'Indices Auto'!CZ12&gt;100),"V",IF(AND('Cambios Auto'!CY12&gt;0,'Indices Auto'!CZ12&lt;100),"A",IF(AND('Cambios Auto'!CY12&lt;0,'Indices Auto'!CZ12&gt;100),"N",IF(AND('Cambios Auto'!CY12&lt;0,'Indices Auto'!CZ12&lt;100),"R","NULL"))))</f>
        <v>R</v>
      </c>
      <c r="CZ12" s="2" t="str">
        <f>IF(AND('Cambios Auto'!CZ12&gt;0,'Indices Auto'!DA12&gt;100),"V",IF(AND('Cambios Auto'!CZ12&gt;0,'Indices Auto'!DA12&lt;100),"A",IF(AND('Cambios Auto'!CZ12&lt;0,'Indices Auto'!DA12&gt;100),"N",IF(AND('Cambios Auto'!CZ12&lt;0,'Indices Auto'!DA12&lt;100),"R","NULL"))))</f>
        <v>R</v>
      </c>
      <c r="DA12" s="2" t="str">
        <f>IF(AND('Cambios Auto'!DA12&gt;0,'Indices Auto'!DB12&gt;100),"V",IF(AND('Cambios Auto'!DA12&gt;0,'Indices Auto'!DB12&lt;100),"A",IF(AND('Cambios Auto'!DA12&lt;0,'Indices Auto'!DB12&gt;100),"N",IF(AND('Cambios Auto'!DA12&lt;0,'Indices Auto'!DB12&lt;100),"R","NULL"))))</f>
        <v>R</v>
      </c>
      <c r="DB12" s="2" t="str">
        <f>IF(AND('Cambios Auto'!DB12&gt;0,'Indices Auto'!DC12&gt;100),"V",IF(AND('Cambios Auto'!DB12&gt;0,'Indices Auto'!DC12&lt;100),"A",IF(AND('Cambios Auto'!DB12&lt;0,'Indices Auto'!DC12&gt;100),"N",IF(AND('Cambios Auto'!DB12&lt;0,'Indices Auto'!DC12&lt;100),"R","NULL"))))</f>
        <v>R</v>
      </c>
      <c r="DC12" s="2" t="str">
        <f>IF(AND('Cambios Auto'!DC12&gt;0,'Indices Auto'!DD12&gt;100),"V",IF(AND('Cambios Auto'!DC12&gt;0,'Indices Auto'!DD12&lt;100),"A",IF(AND('Cambios Auto'!DC12&lt;0,'Indices Auto'!DD12&gt;100),"N",IF(AND('Cambios Auto'!DC12&lt;0,'Indices Auto'!DD12&lt;100),"R","NULL"))))</f>
        <v>R</v>
      </c>
      <c r="DD12" s="2" t="str">
        <f>IF(AND('Cambios Auto'!DD12&gt;0,'Indices Auto'!DE12&gt;100),"V",IF(AND('Cambios Auto'!DD12&gt;0,'Indices Auto'!DE12&lt;100),"A",IF(AND('Cambios Auto'!DD12&lt;0,'Indices Auto'!DE12&gt;100),"N",IF(AND('Cambios Auto'!DD12&lt;0,'Indices Auto'!DE12&lt;100),"R","NULL"))))</f>
        <v>R</v>
      </c>
      <c r="DE12" s="2" t="str">
        <f>IF(AND('Cambios Auto'!DE12&gt;0,'Indices Auto'!DF12&gt;100),"V",IF(AND('Cambios Auto'!DE12&gt;0,'Indices Auto'!DF12&lt;100),"A",IF(AND('Cambios Auto'!DE12&lt;0,'Indices Auto'!DF12&gt;100),"N",IF(AND('Cambios Auto'!DE12&lt;0,'Indices Auto'!DF12&lt;100),"R","NULL"))))</f>
        <v>R</v>
      </c>
      <c r="DF12" s="2" t="str">
        <f>IF(AND('Cambios Auto'!DF12&gt;0,'Indices Auto'!DG12&gt;100),"V",IF(AND('Cambios Auto'!DF12&gt;0,'Indices Auto'!DG12&lt;100),"A",IF(AND('Cambios Auto'!DF12&lt;0,'Indices Auto'!DG12&gt;100),"N",IF(AND('Cambios Auto'!DF12&lt;0,'Indices Auto'!DG12&lt;100),"R","NULL"))))</f>
        <v>R</v>
      </c>
      <c r="DG12" s="2" t="str">
        <f>IF(AND('Cambios Auto'!DG12&gt;0,'Indices Auto'!DH12&gt;100),"V",IF(AND('Cambios Auto'!DG12&gt;0,'Indices Auto'!DH12&lt;100),"A",IF(AND('Cambios Auto'!DG12&lt;0,'Indices Auto'!DH12&gt;100),"N",IF(AND('Cambios Auto'!DG12&lt;0,'Indices Auto'!DH12&lt;100),"R","NULL"))))</f>
        <v>R</v>
      </c>
      <c r="DH12" s="2" t="str">
        <f>IF(AND('Cambios Auto'!DH12&gt;0,'Indices Auto'!DI12&gt;100),"V",IF(AND('Cambios Auto'!DH12&gt;0,'Indices Auto'!DI12&lt;100),"A",IF(AND('Cambios Auto'!DH12&lt;0,'Indices Auto'!DI12&gt;100),"N",IF(AND('Cambios Auto'!DH12&lt;0,'Indices Auto'!DI12&lt;100),"R","NULL"))))</f>
        <v>R</v>
      </c>
      <c r="DI12" s="2" t="str">
        <f>IF(AND('Cambios Auto'!DI12&gt;0,'Indices Auto'!DJ12&gt;100),"V",IF(AND('Cambios Auto'!DI12&gt;0,'Indices Auto'!DJ12&lt;100),"A",IF(AND('Cambios Auto'!DI12&lt;0,'Indices Auto'!DJ12&gt;100),"N",IF(AND('Cambios Auto'!DI12&lt;0,'Indices Auto'!DJ12&lt;100),"R","NULL"))))</f>
        <v>A</v>
      </c>
      <c r="DJ12" s="2" t="str">
        <f>IF(AND('Cambios Auto'!DJ12&gt;0,'Indices Auto'!DK12&gt;100),"V",IF(AND('Cambios Auto'!DJ12&gt;0,'Indices Auto'!DK12&lt;100),"A",IF(AND('Cambios Auto'!DJ12&lt;0,'Indices Auto'!DK12&gt;100),"N",IF(AND('Cambios Auto'!DJ12&lt;0,'Indices Auto'!DK12&lt;100),"R","NULL"))))</f>
        <v>A</v>
      </c>
      <c r="DK12" s="2" t="str">
        <f>IF(AND('Cambios Auto'!DK12&gt;0,'Indices Auto'!DL12&gt;100),"V",IF(AND('Cambios Auto'!DK12&gt;0,'Indices Auto'!DL12&lt;100),"A",IF(AND('Cambios Auto'!DK12&lt;0,'Indices Auto'!DL12&gt;100),"N",IF(AND('Cambios Auto'!DK12&lt;0,'Indices Auto'!DL12&lt;100),"R","NULL"))))</f>
        <v>A</v>
      </c>
      <c r="DL12" s="2" t="str">
        <f>IF(AND('Cambios Auto'!DL12&gt;0,'Indices Auto'!DM12&gt;100),"V",IF(AND('Cambios Auto'!DL12&gt;0,'Indices Auto'!DM12&lt;100),"A",IF(AND('Cambios Auto'!DL12&lt;0,'Indices Auto'!DM12&gt;100),"N",IF(AND('Cambios Auto'!DL12&lt;0,'Indices Auto'!DM12&lt;100),"R","NULL"))))</f>
        <v>A</v>
      </c>
      <c r="DM12" s="2" t="str">
        <f>IF(AND('Cambios Auto'!DM12&gt;0,'Indices Auto'!DN12&gt;100),"V",IF(AND('Cambios Auto'!DM12&gt;0,'Indices Auto'!DN12&lt;100),"A",IF(AND('Cambios Auto'!DM12&lt;0,'Indices Auto'!DN12&gt;100),"N",IF(AND('Cambios Auto'!DM12&lt;0,'Indices Auto'!DN12&lt;100),"R","NULL"))))</f>
        <v>A</v>
      </c>
      <c r="DN12" s="2" t="str">
        <f>IF(AND('Cambios Auto'!DN12&gt;0,'Indices Auto'!DO12&gt;100),"V",IF(AND('Cambios Auto'!DN12&gt;0,'Indices Auto'!DO12&lt;100),"A",IF(AND('Cambios Auto'!DN12&lt;0,'Indices Auto'!DO12&gt;100),"N",IF(AND('Cambios Auto'!DN12&lt;0,'Indices Auto'!DO12&lt;100),"R","NULL"))))</f>
        <v>V</v>
      </c>
      <c r="DO12" s="2" t="str">
        <f>IF(AND('Cambios Auto'!DO12&gt;0,'Indices Auto'!DP12&gt;100),"V",IF(AND('Cambios Auto'!DO12&gt;0,'Indices Auto'!DP12&lt;100),"A",IF(AND('Cambios Auto'!DO12&lt;0,'Indices Auto'!DP12&gt;100),"N",IF(AND('Cambios Auto'!DO12&lt;0,'Indices Auto'!DP12&lt;100),"R","NULL"))))</f>
        <v>V</v>
      </c>
      <c r="DP12" s="2" t="str">
        <f>IF(AND('Cambios Auto'!DP12&gt;0,'Indices Auto'!DQ12&gt;100),"V",IF(AND('Cambios Auto'!DP12&gt;0,'Indices Auto'!DQ12&lt;100),"A",IF(AND('Cambios Auto'!DP12&lt;0,'Indices Auto'!DQ12&gt;100),"N",IF(AND('Cambios Auto'!DP12&lt;0,'Indices Auto'!DQ12&lt;100),"R","NULL"))))</f>
        <v>V</v>
      </c>
      <c r="DQ12" s="2" t="str">
        <f>IF(AND('Cambios Auto'!DQ12&gt;0,'Indices Auto'!DR12&gt;100),"V",IF(AND('Cambios Auto'!DQ12&gt;0,'Indices Auto'!DR12&lt;100),"A",IF(AND('Cambios Auto'!DQ12&lt;0,'Indices Auto'!DR12&gt;100),"N",IF(AND('Cambios Auto'!DQ12&lt;0,'Indices Auto'!DR12&lt;100),"R","NULL"))))</f>
        <v>V</v>
      </c>
      <c r="DR12" s="2" t="str">
        <f>IF(AND('Cambios Auto'!DR12&gt;0,'Indices Auto'!DS12&gt;100),"V",IF(AND('Cambios Auto'!DR12&gt;0,'Indices Auto'!DS12&lt;100),"A",IF(AND('Cambios Auto'!DR12&lt;0,'Indices Auto'!DS12&gt;100),"N",IF(AND('Cambios Auto'!DR12&lt;0,'Indices Auto'!DS12&lt;100),"R","NULL"))))</f>
        <v>V</v>
      </c>
      <c r="DS12" s="2" t="str">
        <f>IF(AND('Cambios Auto'!DS12&gt;0,'Indices Auto'!DT12&gt;100),"V",IF(AND('Cambios Auto'!DS12&gt;0,'Indices Auto'!DT12&lt;100),"A",IF(AND('Cambios Auto'!DS12&lt;0,'Indices Auto'!DT12&gt;100),"N",IF(AND('Cambios Auto'!DS12&lt;0,'Indices Auto'!DT12&lt;100),"R","NULL"))))</f>
        <v>V</v>
      </c>
      <c r="DT12" s="2" t="str">
        <f>IF(AND('Cambios Auto'!DT12&gt;0,'Indices Auto'!DU12&gt;100),"V",IF(AND('Cambios Auto'!DT12&gt;0,'Indices Auto'!DU12&lt;100),"A",IF(AND('Cambios Auto'!DT12&lt;0,'Indices Auto'!DU12&gt;100),"N",IF(AND('Cambios Auto'!DT12&lt;0,'Indices Auto'!DU12&lt;100),"R","NULL"))))</f>
        <v>V</v>
      </c>
      <c r="DU12" s="2" t="str">
        <f>IF(AND('Cambios Auto'!DU12&gt;0,'Indices Auto'!DV12&gt;100),"V",IF(AND('Cambios Auto'!DU12&gt;0,'Indices Auto'!DV12&lt;100),"A",IF(AND('Cambios Auto'!DU12&lt;0,'Indices Auto'!DV12&gt;100),"N",IF(AND('Cambios Auto'!DU12&lt;0,'Indices Auto'!DV12&lt;100),"R","NULL"))))</f>
        <v>V</v>
      </c>
      <c r="DV12" s="2" t="str">
        <f>IF(AND('Cambios Auto'!DV12&gt;0,'Indices Auto'!DW12&gt;100),"V",IF(AND('Cambios Auto'!DV12&gt;0,'Indices Auto'!DW12&lt;100),"A",IF(AND('Cambios Auto'!DV12&lt;0,'Indices Auto'!DW12&gt;100),"N",IF(AND('Cambios Auto'!DV12&lt;0,'Indices Auto'!DW12&lt;100),"R","NULL"))))</f>
        <v>V</v>
      </c>
      <c r="DW12" s="2" t="str">
        <f>IF(AND('Cambios Auto'!DW12&gt;0,'Indices Auto'!DX12&gt;100),"V",IF(AND('Cambios Auto'!DW12&gt;0,'Indices Auto'!DX12&lt;100),"A",IF(AND('Cambios Auto'!DW12&lt;0,'Indices Auto'!DX12&gt;100),"N",IF(AND('Cambios Auto'!DW12&lt;0,'Indices Auto'!DX12&lt;100),"R","NULL"))))</f>
        <v>N</v>
      </c>
      <c r="DX12" s="2" t="str">
        <f>IF(AND('Cambios Auto'!DX12&gt;0,'Indices Auto'!DY12&gt;100),"V",IF(AND('Cambios Auto'!DX12&gt;0,'Indices Auto'!DY12&lt;100),"A",IF(AND('Cambios Auto'!DX12&lt;0,'Indices Auto'!DY12&gt;100),"N",IF(AND('Cambios Auto'!DX12&lt;0,'Indices Auto'!DY12&lt;100),"R","NULL"))))</f>
        <v>N</v>
      </c>
      <c r="DY12" s="2" t="str">
        <f>IF(AND('Cambios Auto'!DY12&gt;0,'Indices Auto'!DZ12&gt;100),"V",IF(AND('Cambios Auto'!DY12&gt;0,'Indices Auto'!DZ12&lt;100),"A",IF(AND('Cambios Auto'!DY12&lt;0,'Indices Auto'!DZ12&gt;100),"N",IF(AND('Cambios Auto'!DY12&lt;0,'Indices Auto'!DZ12&lt;100),"R","NULL"))))</f>
        <v>N</v>
      </c>
      <c r="DZ12" s="2" t="str">
        <f>IF(AND('Cambios Auto'!DZ12&gt;0,'Indices Auto'!EA12&gt;100),"V",IF(AND('Cambios Auto'!DZ12&gt;0,'Indices Auto'!EA12&lt;100),"A",IF(AND('Cambios Auto'!DZ12&lt;0,'Indices Auto'!EA12&gt;100),"N",IF(AND('Cambios Auto'!DZ12&lt;0,'Indices Auto'!EA12&lt;100),"R","NULL"))))</f>
        <v>N</v>
      </c>
      <c r="EA12" s="2" t="str">
        <f>IF(AND('Cambios Auto'!EA12&gt;0,'Indices Auto'!EB12&gt;100),"V",IF(AND('Cambios Auto'!EA12&gt;0,'Indices Auto'!EB12&lt;100),"A",IF(AND('Cambios Auto'!EA12&lt;0,'Indices Auto'!EB12&gt;100),"N",IF(AND('Cambios Auto'!EA12&lt;0,'Indices Auto'!EB12&lt;100),"R","NULL"))))</f>
        <v>N</v>
      </c>
      <c r="EB12" s="2" t="str">
        <f>IF(AND('Cambios Auto'!EB12&gt;0,'Indices Auto'!EC12&gt;100),"V",IF(AND('Cambios Auto'!EB12&gt;0,'Indices Auto'!EC12&lt;100),"A",IF(AND('Cambios Auto'!EB12&lt;0,'Indices Auto'!EC12&gt;100),"N",IF(AND('Cambios Auto'!EB12&lt;0,'Indices Auto'!EC12&lt;100),"R","NULL"))))</f>
        <v>N</v>
      </c>
      <c r="EC12" s="2" t="str">
        <f>IF(AND('Cambios Auto'!EC12&gt;0,'Indices Auto'!ED12&gt;100),"V",IF(AND('Cambios Auto'!EC12&gt;0,'Indices Auto'!ED12&lt;100),"A",IF(AND('Cambios Auto'!EC12&lt;0,'Indices Auto'!ED12&gt;100),"N",IF(AND('Cambios Auto'!EC12&lt;0,'Indices Auto'!ED12&lt;100),"R","NULL"))))</f>
        <v>N</v>
      </c>
      <c r="ED12" s="2" t="str">
        <f>IF(AND('Cambios Auto'!ED12&gt;0,'Indices Auto'!EE12&gt;100),"V",IF(AND('Cambios Auto'!ED12&gt;0,'Indices Auto'!EE12&lt;100),"A",IF(AND('Cambios Auto'!ED12&lt;0,'Indices Auto'!EE12&gt;100),"N",IF(AND('Cambios Auto'!ED12&lt;0,'Indices Auto'!EE12&lt;100),"R","NULL"))))</f>
        <v>N</v>
      </c>
      <c r="EE12" s="2" t="str">
        <f>IF(AND('Cambios Auto'!EE12&gt;0,'Indices Auto'!EF12&gt;100),"V",IF(AND('Cambios Auto'!EE12&gt;0,'Indices Auto'!EF12&lt;100),"A",IF(AND('Cambios Auto'!EE12&lt;0,'Indices Auto'!EF12&gt;100),"N",IF(AND('Cambios Auto'!EE12&lt;0,'Indices Auto'!EF12&lt;100),"R","NULL"))))</f>
        <v>N</v>
      </c>
      <c r="EF12" s="2" t="str">
        <f>IF(AND('Cambios Auto'!EF12&gt;0,'Indices Auto'!EG12&gt;100),"V",IF(AND('Cambios Auto'!EF12&gt;0,'Indices Auto'!EG12&lt;100),"A",IF(AND('Cambios Auto'!EF12&lt;0,'Indices Auto'!EG12&gt;100),"N",IF(AND('Cambios Auto'!EF12&lt;0,'Indices Auto'!EG12&lt;100),"R","NULL"))))</f>
        <v>V</v>
      </c>
      <c r="EG12" s="2" t="str">
        <f>IF(AND('Cambios Auto'!EG12&gt;0,'Indices Auto'!EH12&gt;100),"V",IF(AND('Cambios Auto'!EG12&gt;0,'Indices Auto'!EH12&lt;100),"A",IF(AND('Cambios Auto'!EG12&lt;0,'Indices Auto'!EH12&gt;100),"N",IF(AND('Cambios Auto'!EG12&lt;0,'Indices Auto'!EH12&lt;100),"R","NULL"))))</f>
        <v>V</v>
      </c>
      <c r="EH12" s="2" t="str">
        <f>IF(AND('Cambios Auto'!EH12&gt;0,'Indices Auto'!EI12&gt;100),"V",IF(AND('Cambios Auto'!EH12&gt;0,'Indices Auto'!EI12&lt;100),"A",IF(AND('Cambios Auto'!EH12&lt;0,'Indices Auto'!EI12&gt;100),"N",IF(AND('Cambios Auto'!EH12&lt;0,'Indices Auto'!EI12&lt;100),"R","NULL"))))</f>
        <v>V</v>
      </c>
      <c r="EI12" s="2" t="str">
        <f>IF(AND('Cambios Auto'!EI12&gt;0,'Indices Auto'!EJ12&gt;100),"V",IF(AND('Cambios Auto'!EI12&gt;0,'Indices Auto'!EJ12&lt;100),"A",IF(AND('Cambios Auto'!EI12&lt;0,'Indices Auto'!EJ12&gt;100),"N",IF(AND('Cambios Auto'!EI12&lt;0,'Indices Auto'!EJ12&lt;100),"R","NULL"))))</f>
        <v>V</v>
      </c>
      <c r="EJ12" s="2" t="str">
        <f>IF(AND('Cambios Auto'!EJ12&gt;0,'Indices Auto'!EK12&gt;100),"V",IF(AND('Cambios Auto'!EJ12&gt;0,'Indices Auto'!EK12&lt;100),"A",IF(AND('Cambios Auto'!EJ12&lt;0,'Indices Auto'!EK12&gt;100),"N",IF(AND('Cambios Auto'!EJ12&lt;0,'Indices Auto'!EK12&lt;100),"R","NULL"))))</f>
        <v>N</v>
      </c>
      <c r="EK12" s="2" t="str">
        <f>IF(AND('Cambios Auto'!EK12&gt;0,'Indices Auto'!EL12&gt;100),"V",IF(AND('Cambios Auto'!EK12&gt;0,'Indices Auto'!EL12&lt;100),"A",IF(AND('Cambios Auto'!EK12&lt;0,'Indices Auto'!EL12&gt;100),"N",IF(AND('Cambios Auto'!EK12&lt;0,'Indices Auto'!EL12&lt;100),"R","NULL"))))</f>
        <v>V</v>
      </c>
      <c r="EL12" s="2" t="str">
        <f>IF(AND('Cambios Auto'!EL12&gt;0,'Indices Auto'!EM12&gt;100),"V",IF(AND('Cambios Auto'!EL12&gt;0,'Indices Auto'!EM12&lt;100),"A",IF(AND('Cambios Auto'!EL12&lt;0,'Indices Auto'!EM12&gt;100),"N",IF(AND('Cambios Auto'!EL12&lt;0,'Indices Auto'!EM12&lt;100),"R","NULL"))))</f>
        <v>V</v>
      </c>
      <c r="EM12" s="2" t="str">
        <f>IF(AND('Cambios Auto'!EM12&gt;0,'Indices Auto'!EN12&gt;100),"V",IF(AND('Cambios Auto'!EM12&gt;0,'Indices Auto'!EN12&lt;100),"A",IF(AND('Cambios Auto'!EM12&lt;0,'Indices Auto'!EN12&gt;100),"N",IF(AND('Cambios Auto'!EM12&lt;0,'Indices Auto'!EN12&lt;100),"R","NULL"))))</f>
        <v>V</v>
      </c>
      <c r="EN12" s="2" t="str">
        <f>IF(AND('Cambios Auto'!EN12&gt;0,'Indices Auto'!EO12&gt;100),"V",IF(AND('Cambios Auto'!EN12&gt;0,'Indices Auto'!EO12&lt;100),"A",IF(AND('Cambios Auto'!EN12&lt;0,'Indices Auto'!EO12&gt;100),"N",IF(AND('Cambios Auto'!EN12&lt;0,'Indices Auto'!EO12&lt;100),"R","NULL"))))</f>
        <v>V</v>
      </c>
      <c r="EO12" s="2" t="str">
        <f>IF(AND('Cambios Auto'!EO12&gt;0,'Indices Auto'!EP12&gt;100),"V",IF(AND('Cambios Auto'!EO12&gt;0,'Indices Auto'!EP12&lt;100),"A",IF(AND('Cambios Auto'!EO12&lt;0,'Indices Auto'!EP12&gt;100),"N",IF(AND('Cambios Auto'!EO12&lt;0,'Indices Auto'!EP12&lt;100),"R","NULL"))))</f>
        <v>V</v>
      </c>
      <c r="EP12" s="2" t="str">
        <f>IF(AND('Cambios Auto'!EP12&gt;0,'Indices Auto'!EQ12&gt;100),"V",IF(AND('Cambios Auto'!EP12&gt;0,'Indices Auto'!EQ12&lt;100),"A",IF(AND('Cambios Auto'!EP12&lt;0,'Indices Auto'!EQ12&gt;100),"N",IF(AND('Cambios Auto'!EP12&lt;0,'Indices Auto'!EQ12&lt;100),"R","NULL"))))</f>
        <v>V</v>
      </c>
      <c r="EQ12" s="2" t="str">
        <f>IF(AND('Cambios Auto'!EQ12&gt;0,'Indices Auto'!ER12&gt;100),"V",IF(AND('Cambios Auto'!EQ12&gt;0,'Indices Auto'!ER12&lt;100),"A",IF(AND('Cambios Auto'!EQ12&lt;0,'Indices Auto'!ER12&gt;100),"N",IF(AND('Cambios Auto'!EQ12&lt;0,'Indices Auto'!ER12&lt;100),"R","NULL"))))</f>
        <v>V</v>
      </c>
      <c r="ER12" s="2" t="str">
        <f>IF(AND('Cambios Auto'!ER12&gt;0,'Indices Auto'!ES12&gt;100),"V",IF(AND('Cambios Auto'!ER12&gt;0,'Indices Auto'!ES12&lt;100),"A",IF(AND('Cambios Auto'!ER12&lt;0,'Indices Auto'!ES12&gt;100),"N",IF(AND('Cambios Auto'!ER12&lt;0,'Indices Auto'!ES12&lt;100),"R","NULL"))))</f>
        <v>N</v>
      </c>
      <c r="ES12" s="2" t="str">
        <f>IF(AND('Cambios Auto'!ES12&gt;0,'Indices Auto'!ET12&gt;100),"V",IF(AND('Cambios Auto'!ES12&gt;0,'Indices Auto'!ET12&lt;100),"A",IF(AND('Cambios Auto'!ES12&lt;0,'Indices Auto'!ET12&gt;100),"N",IF(AND('Cambios Auto'!ES12&lt;0,'Indices Auto'!ET12&lt;100),"R","NULL"))))</f>
        <v>N</v>
      </c>
      <c r="ET12" s="2" t="str">
        <f>IF(AND('Cambios Auto'!ET12&gt;0,'Indices Auto'!EU12&gt;100),"V",IF(AND('Cambios Auto'!ET12&gt;0,'Indices Auto'!EU12&lt;100),"A",IF(AND('Cambios Auto'!ET12&lt;0,'Indices Auto'!EU12&gt;100),"N",IF(AND('Cambios Auto'!ET12&lt;0,'Indices Auto'!EU12&lt;100),"R","NULL"))))</f>
        <v>N</v>
      </c>
      <c r="EU12" s="2" t="str">
        <f>IF(AND('Cambios Auto'!EU12&gt;0,'Indices Auto'!EV12&gt;100),"V",IF(AND('Cambios Auto'!EU12&gt;0,'Indices Auto'!EV12&lt;100),"A",IF(AND('Cambios Auto'!EU12&lt;0,'Indices Auto'!EV12&gt;100),"N",IF(AND('Cambios Auto'!EU12&lt;0,'Indices Auto'!EV12&lt;100),"R","NULL"))))</f>
        <v>N</v>
      </c>
      <c r="EV12" s="2" t="str">
        <f>IF(AND('Cambios Auto'!EV12&gt;0,'Indices Auto'!EW12&gt;100),"V",IF(AND('Cambios Auto'!EV12&gt;0,'Indices Auto'!EW12&lt;100),"A",IF(AND('Cambios Auto'!EV12&lt;0,'Indices Auto'!EW12&gt;100),"N",IF(AND('Cambios Auto'!EV12&lt;0,'Indices Auto'!EW12&lt;100),"R","NULL"))))</f>
        <v>N</v>
      </c>
      <c r="EW12" s="2" t="str">
        <f>IF(AND('Cambios Auto'!EW12&gt;0,'Indices Auto'!EX12&gt;100),"V",IF(AND('Cambios Auto'!EW12&gt;0,'Indices Auto'!EX12&lt;100),"A",IF(AND('Cambios Auto'!EW12&lt;0,'Indices Auto'!EX12&gt;100),"N",IF(AND('Cambios Auto'!EW12&lt;0,'Indices Auto'!EX12&lt;100),"R","NULL"))))</f>
        <v>N</v>
      </c>
      <c r="EX12" s="2" t="str">
        <f>IF(AND('Cambios Auto'!EX12&gt;0,'Indices Auto'!EY12&gt;100),"V",IF(AND('Cambios Auto'!EX12&gt;0,'Indices Auto'!EY12&lt;100),"A",IF(AND('Cambios Auto'!EX12&lt;0,'Indices Auto'!EY12&gt;100),"N",IF(AND('Cambios Auto'!EX12&lt;0,'Indices Auto'!EY12&lt;100),"R","NULL"))))</f>
        <v>N</v>
      </c>
      <c r="EY12" s="2" t="str">
        <f>IF(AND('Cambios Auto'!EY12&gt;0,'Indices Auto'!EZ12&gt;100),"V",IF(AND('Cambios Auto'!EY12&gt;0,'Indices Auto'!EZ12&lt;100),"A",IF(AND('Cambios Auto'!EY12&lt;0,'Indices Auto'!EZ12&gt;100),"N",IF(AND('Cambios Auto'!EY12&lt;0,'Indices Auto'!EZ12&lt;100),"R","NULL"))))</f>
        <v>V</v>
      </c>
      <c r="EZ12" s="2" t="str">
        <f>IF(AND('Cambios Auto'!EZ12&gt;0,'Indices Auto'!FA12&gt;100),"V",IF(AND('Cambios Auto'!EZ12&gt;0,'Indices Auto'!FA12&lt;100),"A",IF(AND('Cambios Auto'!EZ12&lt;0,'Indices Auto'!FA12&gt;100),"N",IF(AND('Cambios Auto'!EZ12&lt;0,'Indices Auto'!FA12&lt;100),"R","NULL"))))</f>
        <v>V</v>
      </c>
      <c r="FA12" s="2" t="str">
        <f>IF(AND('Cambios Auto'!FA12&gt;0,'Indices Auto'!FB12&gt;100),"V",IF(AND('Cambios Auto'!FA12&gt;0,'Indices Auto'!FB12&lt;100),"A",IF(AND('Cambios Auto'!FA12&lt;0,'Indices Auto'!FB12&gt;100),"N",IF(AND('Cambios Auto'!FA12&lt;0,'Indices Auto'!FB12&lt;100),"R","NULL"))))</f>
        <v>V</v>
      </c>
      <c r="FB12" s="2" t="str">
        <f>IF(AND('Cambios Auto'!FB12&gt;0,'Indices Auto'!FC12&gt;100),"V",IF(AND('Cambios Auto'!FB12&gt;0,'Indices Auto'!FC12&lt;100),"A",IF(AND('Cambios Auto'!FB12&lt;0,'Indices Auto'!FC12&gt;100),"N",IF(AND('Cambios Auto'!FB12&lt;0,'Indices Auto'!FC12&lt;100),"R","NULL"))))</f>
        <v>N</v>
      </c>
      <c r="FC12" s="2" t="str">
        <f>IF(AND('Cambios Auto'!FC12&gt;0,'Indices Auto'!FD12&gt;100),"V",IF(AND('Cambios Auto'!FC12&gt;0,'Indices Auto'!FD12&lt;100),"A",IF(AND('Cambios Auto'!FC12&lt;0,'Indices Auto'!FD12&gt;100),"N",IF(AND('Cambios Auto'!FC12&lt;0,'Indices Auto'!FD12&lt;100),"R","NULL"))))</f>
        <v>R</v>
      </c>
      <c r="FD12" s="2" t="str">
        <f>IF(AND('Cambios Auto'!FD12&gt;0,'Indices Auto'!FE12&gt;100),"V",IF(AND('Cambios Auto'!FD12&gt;0,'Indices Auto'!FE12&lt;100),"A",IF(AND('Cambios Auto'!FD12&lt;0,'Indices Auto'!FE12&gt;100),"N",IF(AND('Cambios Auto'!FD12&lt;0,'Indices Auto'!FE12&lt;100),"R","NULL"))))</f>
        <v>R</v>
      </c>
      <c r="FE12" s="2" t="str">
        <f>IF(AND('Cambios Auto'!FE12&gt;0,'Indices Auto'!FF12&gt;100),"V",IF(AND('Cambios Auto'!FE12&gt;0,'Indices Auto'!FF12&lt;100),"A",IF(AND('Cambios Auto'!FE12&lt;0,'Indices Auto'!FF12&gt;100),"N",IF(AND('Cambios Auto'!FE12&lt;0,'Indices Auto'!FF12&lt;100),"R","NULL"))))</f>
        <v>R</v>
      </c>
      <c r="FF12" s="2" t="str">
        <f>IF(AND('Cambios Auto'!FF12&gt;0,'Indices Auto'!FG12&gt;100),"V",IF(AND('Cambios Auto'!FF12&gt;0,'Indices Auto'!FG12&lt;100),"A",IF(AND('Cambios Auto'!FF12&lt;0,'Indices Auto'!FG12&gt;100),"N",IF(AND('Cambios Auto'!FF12&lt;0,'Indices Auto'!FG12&lt;100),"R","NULL"))))</f>
        <v>R</v>
      </c>
      <c r="FG12" s="2" t="str">
        <f>IF(AND('Cambios Auto'!FG12&gt;0,'Indices Auto'!FH12&gt;100),"V",IF(AND('Cambios Auto'!FG12&gt;0,'Indices Auto'!FH12&lt;100),"A",IF(AND('Cambios Auto'!FG12&lt;0,'Indices Auto'!FH12&gt;100),"N",IF(AND('Cambios Auto'!FG12&lt;0,'Indices Auto'!FH12&lt;100),"R","NULL"))))</f>
        <v>R</v>
      </c>
      <c r="FH12" s="2" t="str">
        <f>IF(AND('Cambios Auto'!FH12&gt;0,'Indices Auto'!FI12&gt;100),"V",IF(AND('Cambios Auto'!FH12&gt;0,'Indices Auto'!FI12&lt;100),"A",IF(AND('Cambios Auto'!FH12&lt;0,'Indices Auto'!FI12&gt;100),"N",IF(AND('Cambios Auto'!FH12&lt;0,'Indices Auto'!FI12&lt;100),"R","NULL"))))</f>
        <v>R</v>
      </c>
      <c r="FI12" s="2" t="str">
        <f>IF(AND('Cambios Auto'!FI12&gt;0,'Indices Auto'!FJ12&gt;100),"V",IF(AND('Cambios Auto'!FI12&gt;0,'Indices Auto'!FJ12&lt;100),"A",IF(AND('Cambios Auto'!FI12&lt;0,'Indices Auto'!FJ12&gt;100),"N",IF(AND('Cambios Auto'!FI12&lt;0,'Indices Auto'!FJ12&lt;100),"R","NULL"))))</f>
        <v>R</v>
      </c>
      <c r="FJ12" s="2" t="str">
        <f>IF(AND('Cambios Auto'!FJ12&gt;0,'Indices Auto'!FK12&gt;100),"V",IF(AND('Cambios Auto'!FJ12&gt;0,'Indices Auto'!FK12&lt;100),"A",IF(AND('Cambios Auto'!FJ12&lt;0,'Indices Auto'!FK12&gt;100),"N",IF(AND('Cambios Auto'!FJ12&lt;0,'Indices Auto'!FK12&lt;100),"R","NULL"))))</f>
        <v>A</v>
      </c>
      <c r="FK12" s="2" t="str">
        <f>IF(AND('Cambios Auto'!FK12&gt;0,'Indices Auto'!FL12&gt;100),"V",IF(AND('Cambios Auto'!FK12&gt;0,'Indices Auto'!FL12&lt;100),"A",IF(AND('Cambios Auto'!FK12&lt;0,'Indices Auto'!FL12&gt;100),"N",IF(AND('Cambios Auto'!FK12&lt;0,'Indices Auto'!FL12&lt;100),"R","NULL"))))</f>
        <v>A</v>
      </c>
      <c r="FL12" s="2" t="str">
        <f>IF(AND('Cambios Auto'!FL12&gt;0,'Indices Auto'!FM12&gt;100),"V",IF(AND('Cambios Auto'!FL12&gt;0,'Indices Auto'!FM12&lt;100),"A",IF(AND('Cambios Auto'!FL12&lt;0,'Indices Auto'!FM12&gt;100),"N",IF(AND('Cambios Auto'!FL12&lt;0,'Indices Auto'!FM12&lt;100),"R","NULL"))))</f>
        <v>A</v>
      </c>
      <c r="FM12" s="2" t="str">
        <f>IF(AND('Cambios Auto'!FM12&gt;0,'Indices Auto'!FN12&gt;100),"V",IF(AND('Cambios Auto'!FM12&gt;0,'Indices Auto'!FN12&lt;100),"A",IF(AND('Cambios Auto'!FM12&lt;0,'Indices Auto'!FN12&gt;100),"N",IF(AND('Cambios Auto'!FM12&lt;0,'Indices Auto'!FN12&lt;100),"R","NULL"))))</f>
        <v>A</v>
      </c>
      <c r="FN12" s="2" t="str">
        <f>IF(AND('Cambios Auto'!FN12&gt;0,'Indices Auto'!FO12&gt;100),"V",IF(AND('Cambios Auto'!FN12&gt;0,'Indices Auto'!FO12&lt;100),"A",IF(AND('Cambios Auto'!FN12&lt;0,'Indices Auto'!FO12&gt;100),"N",IF(AND('Cambios Auto'!FN12&lt;0,'Indices Auto'!FO12&lt;100),"R","NULL"))))</f>
        <v>R</v>
      </c>
      <c r="FO12" s="2" t="str">
        <f>IF(AND('Cambios Auto'!FO12&gt;0,'Indices Auto'!FP12&gt;100),"V",IF(AND('Cambios Auto'!FO12&gt;0,'Indices Auto'!FP12&lt;100),"A",IF(AND('Cambios Auto'!FO12&lt;0,'Indices Auto'!FP12&gt;100),"N",IF(AND('Cambios Auto'!FO12&lt;0,'Indices Auto'!FP12&lt;100),"R","NULL"))))</f>
        <v>R</v>
      </c>
      <c r="FP12" s="2" t="str">
        <f>IF(AND('Cambios Auto'!FP12&gt;0,'Indices Auto'!FQ12&gt;100),"V",IF(AND('Cambios Auto'!FP12&gt;0,'Indices Auto'!FQ12&lt;100),"A",IF(AND('Cambios Auto'!FP12&lt;0,'Indices Auto'!FQ12&gt;100),"N",IF(AND('Cambios Auto'!FP12&lt;0,'Indices Auto'!FQ12&lt;100),"R","NULL"))))</f>
        <v>R</v>
      </c>
      <c r="FQ12" s="2" t="str">
        <f>IF(AND('Cambios Auto'!FQ12&gt;0,'Indices Auto'!FR12&gt;100),"V",IF(AND('Cambios Auto'!FQ12&gt;0,'Indices Auto'!FR12&lt;100),"A",IF(AND('Cambios Auto'!FQ12&lt;0,'Indices Auto'!FR12&gt;100),"N",IF(AND('Cambios Auto'!FQ12&lt;0,'Indices Auto'!FR12&lt;100),"R","NULL"))))</f>
        <v>A</v>
      </c>
      <c r="FR12" s="2" t="str">
        <f>IF(AND('Cambios Auto'!FR12&gt;0,'Indices Auto'!FS12&gt;100),"V",IF(AND('Cambios Auto'!FR12&gt;0,'Indices Auto'!FS12&lt;100),"A",IF(AND('Cambios Auto'!FR12&lt;0,'Indices Auto'!FS12&gt;100),"N",IF(AND('Cambios Auto'!FR12&lt;0,'Indices Auto'!FS12&lt;100),"R","NULL"))))</f>
        <v>A</v>
      </c>
      <c r="FS12" s="2" t="str">
        <f>IF(AND('Cambios Auto'!FS12&gt;0,'Indices Auto'!FT12&gt;100),"V",IF(AND('Cambios Auto'!FS12&gt;0,'Indices Auto'!FT12&lt;100),"A",IF(AND('Cambios Auto'!FS12&lt;0,'Indices Auto'!FT12&gt;100),"N",IF(AND('Cambios Auto'!FS12&lt;0,'Indices Auto'!FT12&lt;100),"R","NULL"))))</f>
        <v>A</v>
      </c>
      <c r="FT12" s="2" t="str">
        <f>IF(AND('Cambios Auto'!FT12&gt;0,'Indices Auto'!FU12&gt;100),"V",IF(AND('Cambios Auto'!FT12&gt;0,'Indices Auto'!FU12&lt;100),"A",IF(AND('Cambios Auto'!FT12&lt;0,'Indices Auto'!FU12&gt;100),"N",IF(AND('Cambios Auto'!FT12&lt;0,'Indices Auto'!FU12&lt;100),"R","NULL"))))</f>
        <v>A</v>
      </c>
      <c r="FU12" s="2" t="str">
        <f>IF(AND('Cambios Auto'!FU12&gt;0,'Indices Auto'!FV12&gt;100),"V",IF(AND('Cambios Auto'!FU12&gt;0,'Indices Auto'!FV12&lt;100),"A",IF(AND('Cambios Auto'!FU12&lt;0,'Indices Auto'!FV12&gt;100),"N",IF(AND('Cambios Auto'!FU12&lt;0,'Indices Auto'!FV12&lt;100),"R","NULL"))))</f>
        <v>A</v>
      </c>
      <c r="FV12" s="2" t="str">
        <f>IF(AND('Cambios Auto'!FV12&gt;0,'Indices Auto'!FW12&gt;100),"V",IF(AND('Cambios Auto'!FV12&gt;0,'Indices Auto'!FW12&lt;100),"A",IF(AND('Cambios Auto'!FV12&lt;0,'Indices Auto'!FW12&gt;100),"N",IF(AND('Cambios Auto'!FV12&lt;0,'Indices Auto'!FW12&lt;100),"R","NULL"))))</f>
        <v>A</v>
      </c>
      <c r="FW12" s="2" t="str">
        <f>IF(AND('Cambios Auto'!FW12&gt;0,'Indices Auto'!FX12&gt;100),"V",IF(AND('Cambios Auto'!FW12&gt;0,'Indices Auto'!FX12&lt;100),"A",IF(AND('Cambios Auto'!FW12&lt;0,'Indices Auto'!FX12&gt;100),"N",IF(AND('Cambios Auto'!FW12&lt;0,'Indices Auto'!FX12&lt;100),"R","NULL"))))</f>
        <v>A</v>
      </c>
      <c r="FX12" s="2" t="str">
        <f>IF(AND('Cambios Auto'!FX12&gt;0,'Indices Auto'!FY12&gt;100),"V",IF(AND('Cambios Auto'!FX12&gt;0,'Indices Auto'!FY12&lt;100),"A",IF(AND('Cambios Auto'!FX12&lt;0,'Indices Auto'!FY12&gt;100),"N",IF(AND('Cambios Auto'!FX12&lt;0,'Indices Auto'!FY12&lt;100),"R","NULL"))))</f>
        <v>R</v>
      </c>
      <c r="FY12" s="2" t="str">
        <f>IF(AND('Cambios Auto'!FY12&gt;0,'Indices Auto'!FZ12&gt;100),"V",IF(AND('Cambios Auto'!FY12&gt;0,'Indices Auto'!FZ12&lt;100),"A",IF(AND('Cambios Auto'!FY12&lt;0,'Indices Auto'!FZ12&gt;100),"N",IF(AND('Cambios Auto'!FY12&lt;0,'Indices Auto'!FZ12&lt;100),"R","NULL"))))</f>
        <v>A</v>
      </c>
      <c r="FZ12" s="2" t="str">
        <f>IF(AND('Cambios Auto'!FZ12&gt;0,'Indices Auto'!GA12&gt;100),"V",IF(AND('Cambios Auto'!FZ12&gt;0,'Indices Auto'!GA12&lt;100),"A",IF(AND('Cambios Auto'!FZ12&lt;0,'Indices Auto'!GA12&gt;100),"N",IF(AND('Cambios Auto'!FZ12&lt;0,'Indices Auto'!GA12&lt;100),"R","NULL"))))</f>
        <v>A</v>
      </c>
      <c r="GA12" s="2" t="str">
        <f>IF(AND('Cambios Auto'!GA12&gt;0,'Indices Auto'!GB12&gt;100),"V",IF(AND('Cambios Auto'!GA12&gt;0,'Indices Auto'!GB12&lt;100),"A",IF(AND('Cambios Auto'!GA12&lt;0,'Indices Auto'!GB12&gt;100),"N",IF(AND('Cambios Auto'!GA12&lt;0,'Indices Auto'!GB12&lt;100),"R","NULL"))))</f>
        <v>A</v>
      </c>
      <c r="GB12" s="2" t="str">
        <f>IF(AND('Cambios Auto'!GB12&gt;0,'Indices Auto'!GC12&gt;100),"V",IF(AND('Cambios Auto'!GB12&gt;0,'Indices Auto'!GC12&lt;100),"A",IF(AND('Cambios Auto'!GB12&lt;0,'Indices Auto'!GC12&gt;100),"N",IF(AND('Cambios Auto'!GB12&lt;0,'Indices Auto'!GC12&lt;100),"R","NULL"))))</f>
        <v>A</v>
      </c>
      <c r="GC12" s="2" t="str">
        <f>IF(AND('Cambios Auto'!GC12&gt;0,'Indices Auto'!GD12&gt;100),"V",IF(AND('Cambios Auto'!GC12&gt;0,'Indices Auto'!GD12&lt;100),"A",IF(AND('Cambios Auto'!GC12&lt;0,'Indices Auto'!GD12&gt;100),"N",IF(AND('Cambios Auto'!GC12&lt;0,'Indices Auto'!GD12&lt;100),"R","NULL"))))</f>
        <v>A</v>
      </c>
      <c r="GD12" s="2" t="str">
        <f>IF(AND('Cambios Auto'!GD12&gt;0,'Indices Auto'!GE12&gt;100),"V",IF(AND('Cambios Auto'!GD12&gt;0,'Indices Auto'!GE12&lt;100),"A",IF(AND('Cambios Auto'!GD12&lt;0,'Indices Auto'!GE12&gt;100),"N",IF(AND('Cambios Auto'!GD12&lt;0,'Indices Auto'!GE12&lt;100),"R","NULL"))))</f>
        <v>V</v>
      </c>
      <c r="GE12" s="2" t="str">
        <f>IF(AND('Cambios Auto'!GE12&gt;0,'Indices Auto'!GF12&gt;100),"V",IF(AND('Cambios Auto'!GE12&gt;0,'Indices Auto'!GF12&lt;100),"A",IF(AND('Cambios Auto'!GE12&lt;0,'Indices Auto'!GF12&gt;100),"N",IF(AND('Cambios Auto'!GE12&lt;0,'Indices Auto'!GF12&lt;100),"R","NULL"))))</f>
        <v>V</v>
      </c>
      <c r="GF12" s="2" t="str">
        <f>IF(AND('Cambios Auto'!GF12&gt;0,'Indices Auto'!GG12&gt;100),"V",IF(AND('Cambios Auto'!GF12&gt;0,'Indices Auto'!GG12&lt;100),"A",IF(AND('Cambios Auto'!GF12&lt;0,'Indices Auto'!GG12&gt;100),"N",IF(AND('Cambios Auto'!GF12&lt;0,'Indices Auto'!GG12&lt;100),"R","NULL"))))</f>
        <v>V</v>
      </c>
      <c r="GG12" s="2" t="str">
        <f>IF(AND('Cambios Auto'!GG12&gt;0,'Indices Auto'!GH12&gt;100),"V",IF(AND('Cambios Auto'!GG12&gt;0,'Indices Auto'!GH12&lt;100),"A",IF(AND('Cambios Auto'!GG12&lt;0,'Indices Auto'!GH12&gt;100),"N",IF(AND('Cambios Auto'!GG12&lt;0,'Indices Auto'!GH12&lt;100),"R","NULL"))))</f>
        <v>V</v>
      </c>
      <c r="GH12" s="2" t="str">
        <f>IF(AND('Cambios Auto'!GH12&gt;0,'Indices Auto'!GR12&gt;100),"V",IF(AND('Cambios Auto'!GH12&gt;0,'Indices Auto'!GR12&lt;100),"A",IF(AND('Cambios Auto'!GH12&lt;0,'Indices Auto'!GR12&gt;100),"N",IF(AND('Cambios Auto'!GH12&lt;0,'Indices Auto'!GR12&lt;100),"R","NULL"))))</f>
        <v>V</v>
      </c>
      <c r="GI12" s="2" t="str">
        <f>IF(AND('Cambios Auto'!GI12&gt;0,'Indices Auto'!GS12&gt;100),"V",IF(AND('Cambios Auto'!GI12&gt;0,'Indices Auto'!GS12&lt;100),"A",IF(AND('Cambios Auto'!GI12&lt;0,'Indices Auto'!GS12&gt;100),"N",IF(AND('Cambios Auto'!GI12&lt;0,'Indices Auto'!GS12&lt;100),"R","NULL"))))</f>
        <v>V</v>
      </c>
      <c r="GJ12" s="2" t="str">
        <f>IF(AND('Cambios Auto'!GJ12&gt;0,'Indices Auto'!GT12&gt;100),"V",IF(AND('Cambios Auto'!GJ12&gt;0,'Indices Auto'!GT12&lt;100),"A",IF(AND('Cambios Auto'!GJ12&lt;0,'Indices Auto'!GT12&gt;100),"N",IF(AND('Cambios Auto'!GJ12&lt;0,'Indices Auto'!GT12&lt;100),"R","NULL"))))</f>
        <v>V</v>
      </c>
      <c r="GK12" s="2" t="str">
        <f>IF(AND('Cambios Auto'!GK12&gt;0,'Indices Auto'!GU12&gt;100),"V",IF(AND('Cambios Auto'!GK12&gt;0,'Indices Auto'!GU12&lt;100),"A",IF(AND('Cambios Auto'!GK12&lt;0,'Indices Auto'!GU12&gt;100),"N",IF(AND('Cambios Auto'!GK12&lt;0,'Indices Auto'!GU12&lt;100),"R","NULL"))))</f>
        <v>N</v>
      </c>
      <c r="GL12" s="2" t="str">
        <f>IF(AND('Cambios Auto'!GL12&gt;0,'Indices Auto'!GV12&gt;100),"V",IF(AND('Cambios Auto'!GL12&gt;0,'Indices Auto'!GV12&lt;100),"A",IF(AND('Cambios Auto'!GL12&lt;0,'Indices Auto'!GV12&gt;100),"N",IF(AND('Cambios Auto'!GL12&lt;0,'Indices Auto'!GV12&lt;100),"R","NULL"))))</f>
        <v>R</v>
      </c>
      <c r="GM12" s="2" t="str">
        <f>IF(AND('Cambios Auto'!GM12&gt;0,'Indices Auto'!GW12&gt;100),"V",IF(AND('Cambios Auto'!GM12&gt;0,'Indices Auto'!GW12&lt;100),"A",IF(AND('Cambios Auto'!GM12&lt;0,'Indices Auto'!GW12&gt;100),"N",IF(AND('Cambios Auto'!GM12&lt;0,'Indices Auto'!GW12&lt;100),"R","NULL"))))</f>
        <v>R</v>
      </c>
      <c r="GN12" s="2" t="str">
        <f>IF(AND('Cambios Auto'!GN12&gt;0,'Indices Auto'!GX12&gt;100),"V",IF(AND('Cambios Auto'!GN12&gt;0,'Indices Auto'!GX12&lt;100),"A",IF(AND('Cambios Auto'!GN12&lt;0,'Indices Auto'!GX12&gt;100),"N",IF(AND('Cambios Auto'!GN12&lt;0,'Indices Auto'!GX12&lt;100),"R","NULL"))))</f>
        <v>R</v>
      </c>
      <c r="GO12" s="2" t="str">
        <f>IF(AND('Cambios Auto'!GO12&gt;0,'Indices Auto'!GY12&gt;100),"V",IF(AND('Cambios Auto'!GO12&gt;0,'Indices Auto'!GY12&lt;100),"A",IF(AND('Cambios Auto'!GO12&lt;0,'Indices Auto'!GY12&gt;100),"N",IF(AND('Cambios Auto'!GO12&lt;0,'Indices Auto'!GY12&lt;100),"R","NULL"))))</f>
        <v>R</v>
      </c>
      <c r="GP12" s="2" t="str">
        <f>IF(AND('Cambios Auto'!GP12&gt;0,'Indices Auto'!GZ12&gt;100),"V",IF(AND('Cambios Auto'!GP12&gt;0,'Indices Auto'!GZ12&lt;100),"A",IF(AND('Cambios Auto'!GP12&lt;0,'Indices Auto'!GZ12&gt;100),"N",IF(AND('Cambios Auto'!GP12&lt;0,'Indices Auto'!GZ12&lt;100),"R","NULL"))))</f>
        <v>R</v>
      </c>
      <c r="GQ12" s="2" t="str">
        <f>IF(AND('Cambios Auto'!GQ12&gt;0,'Indices Auto'!HA12&gt;100),"V",IF(AND('Cambios Auto'!GQ12&gt;0,'Indices Auto'!HA12&lt;100),"A",IF(AND('Cambios Auto'!GQ12&lt;0,'Indices Auto'!HA12&gt;100),"N",IF(AND('Cambios Auto'!GQ12&lt;0,'Indices Auto'!HA12&lt;100),"R","NULL"))))</f>
        <v>NULL</v>
      </c>
      <c r="GR12" s="2" t="str">
        <f>IF(AND('Cambios Auto'!GR12&gt;0,'Indices Auto'!HB12&gt;100),"V",IF(AND('Cambios Auto'!GR12&gt;0,'Indices Auto'!HB12&lt;100),"A",IF(AND('Cambios Auto'!GR12&lt;0,'Indices Auto'!HB12&gt;100),"N",IF(AND('Cambios Auto'!GR12&lt;0,'Indices Auto'!HB12&lt;100),"R","NULL"))))</f>
        <v>NULL</v>
      </c>
      <c r="GS12" s="2" t="str">
        <f>IF(AND('Cambios Auto'!GS12&gt;0,'Indices Auto'!HC12&gt;100),"V",IF(AND('Cambios Auto'!GS12&gt;0,'Indices Auto'!HC12&lt;100),"A",IF(AND('Cambios Auto'!GS12&lt;0,'Indices Auto'!HC12&gt;100),"N",IF(AND('Cambios Auto'!GS12&lt;0,'Indices Auto'!HC12&lt;100),"R","NULL"))))</f>
        <v>NULL</v>
      </c>
      <c r="GT12" s="2" t="str">
        <f>IF(AND('Cambios Auto'!GT12&gt;0,'Indices Auto'!HD12&gt;100),"V",IF(AND('Cambios Auto'!GT12&gt;0,'Indices Auto'!HD12&lt;100),"A",IF(AND('Cambios Auto'!GT12&lt;0,'Indices Auto'!HD12&gt;100),"N",IF(AND('Cambios Auto'!GT12&lt;0,'Indices Auto'!HD12&lt;100),"R","NULL"))))</f>
        <v>NULL</v>
      </c>
      <c r="GU12" s="2" t="str">
        <f>IF(AND('Cambios Auto'!GU12&gt;0,'Indices Auto'!HE12&gt;100),"V",IF(AND('Cambios Auto'!GU12&gt;0,'Indices Auto'!HE12&lt;100),"A",IF(AND('Cambios Auto'!GU12&lt;0,'Indices Auto'!HE12&gt;100),"N",IF(AND('Cambios Auto'!GU12&lt;0,'Indices Auto'!HE12&lt;100),"R","NULL"))))</f>
        <v>NULL</v>
      </c>
      <c r="GV12" s="2" t="str">
        <f>IF(AND('Cambios Auto'!GV12&gt;0,'Indices Auto'!HF12&gt;100),"V",IF(AND('Cambios Auto'!GV12&gt;0,'Indices Auto'!HF12&lt;100),"A",IF(AND('Cambios Auto'!GV12&lt;0,'Indices Auto'!HF12&gt;100),"N",IF(AND('Cambios Auto'!GV12&lt;0,'Indices Auto'!HF12&lt;100),"R","NULL"))))</f>
        <v>NULL</v>
      </c>
      <c r="GW12" s="2" t="str">
        <f>IF(AND('Cambios Auto'!GW12&gt;0,'Indices Auto'!HG12&gt;100),"V",IF(AND('Cambios Auto'!GW12&gt;0,'Indices Auto'!HG12&lt;100),"A",IF(AND('Cambios Auto'!GW12&lt;0,'Indices Auto'!HG12&gt;100),"N",IF(AND('Cambios Auto'!GW12&lt;0,'Indices Auto'!HG12&lt;100),"R","NULL"))))</f>
        <v>NULL</v>
      </c>
      <c r="GX12" s="2" t="str">
        <f>IF(AND('Cambios Auto'!GX12&gt;0,'Indices Auto'!HH12&gt;100),"V",IF(AND('Cambios Auto'!GX12&gt;0,'Indices Auto'!HH12&lt;100),"A",IF(AND('Cambios Auto'!GX12&lt;0,'Indices Auto'!HH12&gt;100),"N",IF(AND('Cambios Auto'!GX12&lt;0,'Indices Auto'!HH12&lt;100),"R","NULL"))))</f>
        <v>NULL</v>
      </c>
      <c r="GY12" s="2" t="str">
        <f>IF(AND('Cambios Auto'!GY12&gt;0,'Indices Auto'!HI12&gt;100),"V",IF(AND('Cambios Auto'!GY12&gt;0,'Indices Auto'!HI12&lt;100),"A",IF(AND('Cambios Auto'!GY12&lt;0,'Indices Auto'!HI12&gt;100),"N",IF(AND('Cambios Auto'!GY12&lt;0,'Indices Auto'!HI12&lt;100),"R","NULL"))))</f>
        <v>NULL</v>
      </c>
      <c r="GZ12" s="2" t="str">
        <f>IF(AND('Cambios Auto'!GZ12&gt;0,'Indices Auto'!HJ12&gt;100),"V",IF(AND('Cambios Auto'!GZ12&gt;0,'Indices Auto'!HJ12&lt;100),"A",IF(AND('Cambios Auto'!GZ12&lt;0,'Indices Auto'!HJ12&gt;100),"N",IF(AND('Cambios Auto'!GZ12&lt;0,'Indices Auto'!HJ12&lt;100),"R","NULL"))))</f>
        <v>NULL</v>
      </c>
      <c r="HA12" s="2" t="str">
        <f>IF(AND('Cambios Auto'!HA12&gt;0,'Indices Auto'!HK12&gt;100),"V",IF(AND('Cambios Auto'!HA12&gt;0,'Indices Auto'!HK12&lt;100),"A",IF(AND('Cambios Auto'!HA12&lt;0,'Indices Auto'!HK12&gt;100),"N",IF(AND('Cambios Auto'!HA12&lt;0,'Indices Auto'!HK12&lt;100),"R","NULL"))))</f>
        <v>NULL</v>
      </c>
      <c r="HB12" s="2" t="str">
        <f>IF(AND('Cambios Auto'!HB12&gt;0,'Indices Auto'!HL12&gt;100),"V",IF(AND('Cambios Auto'!HB12&gt;0,'Indices Auto'!HL12&lt;100),"A",IF(AND('Cambios Auto'!HB12&lt;0,'Indices Auto'!HL12&gt;100),"N",IF(AND('Cambios Auto'!HB12&lt;0,'Indices Auto'!HL12&lt;100),"R","NULL"))))</f>
        <v>NULL</v>
      </c>
      <c r="HC12" s="2" t="str">
        <f>IF(AND('Cambios Auto'!HC12&gt;0,'Indices Auto'!HM12&gt;100),"V",IF(AND('Cambios Auto'!HC12&gt;0,'Indices Auto'!HM12&lt;100),"A",IF(AND('Cambios Auto'!HC12&lt;0,'Indices Auto'!HM12&gt;100),"N",IF(AND('Cambios Auto'!HC12&lt;0,'Indices Auto'!HM12&lt;100),"R","NULL"))))</f>
        <v>NULL</v>
      </c>
      <c r="HD12" s="2" t="str">
        <f>IF(AND('Cambios Auto'!HD12&gt;0,'Indices Auto'!HN12&gt;100),"V",IF(AND('Cambios Auto'!HD12&gt;0,'Indices Auto'!HN12&lt;100),"A",IF(AND('Cambios Auto'!HD12&lt;0,'Indices Auto'!HN12&gt;100),"N",IF(AND('Cambios Auto'!HD12&lt;0,'Indices Auto'!HN12&lt;100),"R","NULL"))))</f>
        <v>NULL</v>
      </c>
      <c r="HE12" s="2" t="str">
        <f>IF(AND('Cambios Auto'!HE12&gt;0,'Indices Auto'!HO12&gt;100),"V",IF(AND('Cambios Auto'!HE12&gt;0,'Indices Auto'!HO12&lt;100),"A",IF(AND('Cambios Auto'!HE12&lt;0,'Indices Auto'!HO12&gt;100),"N",IF(AND('Cambios Auto'!HE12&lt;0,'Indices Auto'!HO12&lt;100),"R","NULL"))))</f>
        <v>NULL</v>
      </c>
      <c r="HF12" s="2" t="str">
        <f>IF(AND('Cambios Auto'!HF12&gt;0,'Indices Auto'!HP12&gt;100),"V",IF(AND('Cambios Auto'!HF12&gt;0,'Indices Auto'!HP12&lt;100),"A",IF(AND('Cambios Auto'!HF12&lt;0,'Indices Auto'!HP12&gt;100),"N",IF(AND('Cambios Auto'!HF12&lt;0,'Indices Auto'!HP12&lt;100),"R","NULL"))))</f>
        <v>NULL</v>
      </c>
      <c r="HG12" s="2" t="str">
        <f>IF(AND('Cambios Auto'!HG12&gt;0,'Indices Auto'!HQ12&gt;100),"V",IF(AND('Cambios Auto'!HG12&gt;0,'Indices Auto'!HQ12&lt;100),"A",IF(AND('Cambios Auto'!HG12&lt;0,'Indices Auto'!HQ12&gt;100),"N",IF(AND('Cambios Auto'!HG12&lt;0,'Indices Auto'!HQ12&lt;100),"R","NULL"))))</f>
        <v>NULL</v>
      </c>
      <c r="HH12" s="2" t="str">
        <f>IF(AND('Cambios Auto'!HH12&gt;0,'Indices Auto'!HR12&gt;100),"V",IF(AND('Cambios Auto'!HH12&gt;0,'Indices Auto'!HR12&lt;100),"A",IF(AND('Cambios Auto'!HH12&lt;0,'Indices Auto'!HR12&gt;100),"N",IF(AND('Cambios Auto'!HH12&lt;0,'Indices Auto'!HR12&lt;100),"R","NULL"))))</f>
        <v>NULL</v>
      </c>
      <c r="HI12" s="2" t="str">
        <f>IF(AND('Cambios Auto'!HI12&gt;0,'Indices Auto'!HS12&gt;100),"V",IF(AND('Cambios Auto'!HI12&gt;0,'Indices Auto'!HS12&lt;100),"A",IF(AND('Cambios Auto'!HI12&lt;0,'Indices Auto'!HS12&gt;100),"N",IF(AND('Cambios Auto'!HI12&lt;0,'Indices Auto'!HS12&lt;100),"R","NULL"))))</f>
        <v>NULL</v>
      </c>
      <c r="HJ12" s="2" t="str">
        <f>IF(AND('Cambios Auto'!HJ12&gt;0,'Indices Auto'!HT12&gt;100),"V",IF(AND('Cambios Auto'!HJ12&gt;0,'Indices Auto'!HT12&lt;100),"A",IF(AND('Cambios Auto'!HJ12&lt;0,'Indices Auto'!HT12&gt;100),"N",IF(AND('Cambios Auto'!HJ12&lt;0,'Indices Auto'!HT12&lt;100),"R","NULL"))))</f>
        <v>NULL</v>
      </c>
      <c r="HK12" s="2" t="str">
        <f>IF(AND('Cambios Auto'!HK12&gt;0,'Indices Auto'!HU12&gt;100),"V",IF(AND('Cambios Auto'!HK12&gt;0,'Indices Auto'!HU12&lt;100),"A",IF(AND('Cambios Auto'!HK12&lt;0,'Indices Auto'!HU12&gt;100),"N",IF(AND('Cambios Auto'!HK12&lt;0,'Indices Auto'!HU12&lt;100),"R","NULL"))))</f>
        <v>NULL</v>
      </c>
      <c r="HL12" s="2" t="str">
        <f>IF(AND('Cambios Auto'!HL12&gt;0,'Indices Auto'!HV12&gt;100),"V",IF(AND('Cambios Auto'!HL12&gt;0,'Indices Auto'!HV12&lt;100),"A",IF(AND('Cambios Auto'!HL12&lt;0,'Indices Auto'!HV12&gt;100),"N",IF(AND('Cambios Auto'!HL12&lt;0,'Indices Auto'!HV12&lt;100),"R","NULL"))))</f>
        <v>NULL</v>
      </c>
      <c r="HM12" s="2" t="str">
        <f>IF(AND('Cambios Auto'!HM12&gt;0,'Indices Auto'!HW12&gt;100),"V",IF(AND('Cambios Auto'!HM12&gt;0,'Indices Auto'!HW12&lt;100),"A",IF(AND('Cambios Auto'!HM12&lt;0,'Indices Auto'!HW12&gt;100),"N",IF(AND('Cambios Auto'!HM12&lt;0,'Indices Auto'!HW12&lt;100),"R","NULL"))))</f>
        <v>NULL</v>
      </c>
      <c r="HN12" s="2" t="str">
        <f>IF(AND('Cambios Auto'!HN12&gt;0,'Indices Auto'!HX12&gt;100),"V",IF(AND('Cambios Auto'!HN12&gt;0,'Indices Auto'!HX12&lt;100),"A",IF(AND('Cambios Auto'!HN12&lt;0,'Indices Auto'!HX12&gt;100),"N",IF(AND('Cambios Auto'!HN12&lt;0,'Indices Auto'!HX12&lt;100),"R","NULL"))))</f>
        <v>NULL</v>
      </c>
      <c r="HO12" s="2" t="str">
        <f>IF(AND('Cambios Auto'!HO12&gt;0,'Indices Auto'!HY12&gt;100),"V",IF(AND('Cambios Auto'!HO12&gt;0,'Indices Auto'!HY12&lt;100),"A",IF(AND('Cambios Auto'!HO12&lt;0,'Indices Auto'!HY12&gt;100),"N",IF(AND('Cambios Auto'!HO12&lt;0,'Indices Auto'!HY12&lt;100),"R","NULL"))))</f>
        <v>NULL</v>
      </c>
      <c r="HP12" s="2" t="str">
        <f>IF(AND('Cambios Auto'!HP12&gt;0,'Indices Auto'!HZ12&gt;100),"V",IF(AND('Cambios Auto'!HP12&gt;0,'Indices Auto'!HZ12&lt;100),"A",IF(AND('Cambios Auto'!HP12&lt;0,'Indices Auto'!HZ12&gt;100),"N",IF(AND('Cambios Auto'!HP12&lt;0,'Indices Auto'!HZ12&lt;100),"R","NULL"))))</f>
        <v>NULL</v>
      </c>
      <c r="HQ12" s="2" t="str">
        <f>IF(AND('Cambios Auto'!HQ12&gt;0,'Indices Auto'!IA12&gt;100),"V",IF(AND('Cambios Auto'!HQ12&gt;0,'Indices Auto'!IA12&lt;100),"A",IF(AND('Cambios Auto'!HQ12&lt;0,'Indices Auto'!IA12&gt;100),"N",IF(AND('Cambios Auto'!HQ12&lt;0,'Indices Auto'!IA12&lt;100),"R","NULL"))))</f>
        <v>NULL</v>
      </c>
      <c r="HR12" s="2" t="str">
        <f>IF(AND('Cambios Auto'!HR12&gt;0,'Indices Auto'!IB12&gt;100),"V",IF(AND('Cambios Auto'!HR12&gt;0,'Indices Auto'!IB12&lt;100),"A",IF(AND('Cambios Auto'!HR12&lt;0,'Indices Auto'!IB12&gt;100),"N",IF(AND('Cambios Auto'!HR12&lt;0,'Indices Auto'!IB12&lt;100),"R","NULL"))))</f>
        <v>NULL</v>
      </c>
      <c r="HS12" s="2" t="str">
        <f>IF(AND('Cambios Auto'!HS12&gt;0,'Indices Auto'!IC12&gt;100),"V",IF(AND('Cambios Auto'!HS12&gt;0,'Indices Auto'!IC12&lt;100),"A",IF(AND('Cambios Auto'!HS12&lt;0,'Indices Auto'!IC12&gt;100),"N",IF(AND('Cambios Auto'!HS12&lt;0,'Indices Auto'!IC12&lt;100),"R","NULL"))))</f>
        <v>NULL</v>
      </c>
      <c r="HT12" s="2" t="str">
        <f>IF(AND('Cambios Auto'!HT12&gt;0,'Indices Auto'!ID12&gt;100),"V",IF(AND('Cambios Auto'!HT12&gt;0,'Indices Auto'!ID12&lt;100),"A",IF(AND('Cambios Auto'!HT12&lt;0,'Indices Auto'!ID12&gt;100),"N",IF(AND('Cambios Auto'!HT12&lt;0,'Indices Auto'!ID12&lt;100),"R","NULL"))))</f>
        <v>NULL</v>
      </c>
      <c r="HU12" s="2" t="str">
        <f>IF(AND('Cambios Auto'!HU12&gt;0,'Indices Auto'!IE12&gt;100),"V",IF(AND('Cambios Auto'!HU12&gt;0,'Indices Auto'!IE12&lt;100),"A",IF(AND('Cambios Auto'!HU12&lt;0,'Indices Auto'!IE12&gt;100),"N",IF(AND('Cambios Auto'!HU12&lt;0,'Indices Auto'!IE12&lt;100),"R","NULL"))))</f>
        <v>NULL</v>
      </c>
      <c r="HV12" s="2" t="str">
        <f>IF(AND('Cambios Auto'!HV12&gt;0,'Indices Auto'!IF12&gt;100),"V",IF(AND('Cambios Auto'!HV12&gt;0,'Indices Auto'!IF12&lt;100),"A",IF(AND('Cambios Auto'!HV12&lt;0,'Indices Auto'!IF12&gt;100),"N",IF(AND('Cambios Auto'!HV12&lt;0,'Indices Auto'!IF12&lt;100),"R","NULL"))))</f>
        <v>NULL</v>
      </c>
      <c r="HW12" s="2" t="str">
        <f>IF(AND('Cambios Auto'!HW12&gt;0,'Indices Auto'!IG12&gt;100),"V",IF(AND('Cambios Auto'!HW12&gt;0,'Indices Auto'!IG12&lt;100),"A",IF(AND('Cambios Auto'!HW12&lt;0,'Indices Auto'!IG12&gt;100),"N",IF(AND('Cambios Auto'!HW12&lt;0,'Indices Auto'!IG12&lt;100),"R","NULL"))))</f>
        <v>NULL</v>
      </c>
      <c r="HX12" s="2" t="str">
        <f>IF(AND('Cambios Auto'!HX12&gt;0,'Indices Auto'!IH12&gt;100),"V",IF(AND('Cambios Auto'!HX12&gt;0,'Indices Auto'!IH12&lt;100),"A",IF(AND('Cambios Auto'!HX12&lt;0,'Indices Auto'!IH12&gt;100),"N",IF(AND('Cambios Auto'!HX12&lt;0,'Indices Auto'!IH12&lt;100),"R","NULL"))))</f>
        <v>NULL</v>
      </c>
      <c r="HY12" s="2" t="str">
        <f>IF(AND('Cambios Auto'!HY12&gt;0,'Indices Auto'!II12&gt;100),"V",IF(AND('Cambios Auto'!HY12&gt;0,'Indices Auto'!II12&lt;100),"A",IF(AND('Cambios Auto'!HY12&lt;0,'Indices Auto'!II12&gt;100),"N",IF(AND('Cambios Auto'!HY12&lt;0,'Indices Auto'!II12&lt;100),"R","NULL"))))</f>
        <v>NULL</v>
      </c>
      <c r="HZ12" s="2" t="str">
        <f>IF(AND('Cambios Auto'!HZ12&gt;0,'Indices Auto'!IJ12&gt;100),"V",IF(AND('Cambios Auto'!HZ12&gt;0,'Indices Auto'!IJ12&lt;100),"A",IF(AND('Cambios Auto'!HZ12&lt;0,'Indices Auto'!IJ12&gt;100),"N",IF(AND('Cambios Auto'!HZ12&lt;0,'Indices Auto'!IJ12&lt;100),"R","NULL"))))</f>
        <v>NULL</v>
      </c>
      <c r="IA12" s="2" t="str">
        <f>IF(AND('Cambios Auto'!IA12&gt;0,'Indices Auto'!IK12&gt;100),"V",IF(AND('Cambios Auto'!IA12&gt;0,'Indices Auto'!IK12&lt;100),"A",IF(AND('Cambios Auto'!IA12&lt;0,'Indices Auto'!IK12&gt;100),"N",IF(AND('Cambios Auto'!IA12&lt;0,'Indices Auto'!IK12&lt;100),"R","NULL"))))</f>
        <v>NULL</v>
      </c>
      <c r="IB12" s="2" t="str">
        <f>IF(AND('Cambios Auto'!IB12&gt;0,'Indices Auto'!IL12&gt;100),"V",IF(AND('Cambios Auto'!IB12&gt;0,'Indices Auto'!IL12&lt;100),"A",IF(AND('Cambios Auto'!IB12&lt;0,'Indices Auto'!IL12&gt;100),"N",IF(AND('Cambios Auto'!IB12&lt;0,'Indices Auto'!IL12&lt;100),"R","NULL"))))</f>
        <v>NULL</v>
      </c>
      <c r="IC12" s="2" t="str">
        <f>IF(AND('Cambios Auto'!IC12&gt;0,'Indices Auto'!IM12&gt;100),"V",IF(AND('Cambios Auto'!IC12&gt;0,'Indices Auto'!IM12&lt;100),"A",IF(AND('Cambios Auto'!IC12&lt;0,'Indices Auto'!IM12&gt;100),"N",IF(AND('Cambios Auto'!IC12&lt;0,'Indices Auto'!IM12&lt;100),"R","NULL"))))</f>
        <v>NULL</v>
      </c>
      <c r="ID12" s="2" t="str">
        <f>IF(AND('Cambios Auto'!ID12&gt;0,'Indices Auto'!IN12&gt;100),"V",IF(AND('Cambios Auto'!ID12&gt;0,'Indices Auto'!IN12&lt;100),"A",IF(AND('Cambios Auto'!ID12&lt;0,'Indices Auto'!IN12&gt;100),"N",IF(AND('Cambios Auto'!ID12&lt;0,'Indices Auto'!IN12&lt;100),"R","NULL"))))</f>
        <v>NULL</v>
      </c>
      <c r="IE12" s="2" t="str">
        <f>IF(AND('Cambios Auto'!IE12&gt;0,'Indices Auto'!IO12&gt;100),"V",IF(AND('Cambios Auto'!IE12&gt;0,'Indices Auto'!IO12&lt;100),"A",IF(AND('Cambios Auto'!IE12&lt;0,'Indices Auto'!IO12&gt;100),"N",IF(AND('Cambios Auto'!IE12&lt;0,'Indices Auto'!IO12&lt;100),"R","NULL"))))</f>
        <v>NULL</v>
      </c>
      <c r="IF12" s="2" t="str">
        <f>IF(AND('Cambios Auto'!IF12&gt;0,'Indices Auto'!IP12&gt;100),"V",IF(AND('Cambios Auto'!IF12&gt;0,'Indices Auto'!IP12&lt;100),"A",IF(AND('Cambios Auto'!IF12&lt;0,'Indices Auto'!IP12&gt;100),"N",IF(AND('Cambios Auto'!IF12&lt;0,'Indices Auto'!IP12&lt;100),"R","NULL"))))</f>
        <v>NULL</v>
      </c>
      <c r="IG12" s="2" t="str">
        <f>IF(AND('Cambios Auto'!IG12&gt;0,'Indices Auto'!IQ12&gt;100),"V",IF(AND('Cambios Auto'!IG12&gt;0,'Indices Auto'!IQ12&lt;100),"A",IF(AND('Cambios Auto'!IG12&lt;0,'Indices Auto'!IQ12&gt;100),"N",IF(AND('Cambios Auto'!IG12&lt;0,'Indices Auto'!IQ12&lt;100),"R","NULL"))))</f>
        <v>NULL</v>
      </c>
      <c r="IH12" s="2" t="str">
        <f>IF(AND('Cambios Auto'!IH12&gt;0,'Indices Auto'!IR12&gt;100),"V",IF(AND('Cambios Auto'!IH12&gt;0,'Indices Auto'!IR12&lt;100),"A",IF(AND('Cambios Auto'!IH12&lt;0,'Indices Auto'!IR12&gt;100),"N",IF(AND('Cambios Auto'!IH12&lt;0,'Indices Auto'!IR12&lt;100),"R","NULL"))))</f>
        <v>NULL</v>
      </c>
      <c r="II12" s="2" t="str">
        <f>IF(AND('Cambios Auto'!II12&gt;0,'Indices Auto'!IS12&gt;100),"V",IF(AND('Cambios Auto'!II12&gt;0,'Indices Auto'!IS12&lt;100),"A",IF(AND('Cambios Auto'!II12&lt;0,'Indices Auto'!IS12&gt;100),"N",IF(AND('Cambios Auto'!II12&lt;0,'Indices Auto'!IS12&lt;100),"R","NULL"))))</f>
        <v>NULL</v>
      </c>
      <c r="IJ12" s="2" t="str">
        <f>IF(AND('Cambios Auto'!IJ12&gt;0,'Indices Auto'!IT12&gt;100),"V",IF(AND('Cambios Auto'!IJ12&gt;0,'Indices Auto'!IT12&lt;100),"A",IF(AND('Cambios Auto'!IJ12&lt;0,'Indices Auto'!IT12&gt;100),"N",IF(AND('Cambios Auto'!IJ12&lt;0,'Indices Auto'!IT12&lt;100),"R","NULL"))))</f>
        <v>NULL</v>
      </c>
      <c r="IK12" s="2" t="str">
        <f>IF(AND('Cambios Auto'!IK12&gt;0,'Indices Auto'!IU12&gt;100),"V",IF(AND('Cambios Auto'!IK12&gt;0,'Indices Auto'!IU12&lt;100),"A",IF(AND('Cambios Auto'!IK12&lt;0,'Indices Auto'!IU12&gt;100),"N",IF(AND('Cambios Auto'!IK12&lt;0,'Indices Auto'!IU12&lt;100),"R","NULL"))))</f>
        <v>NULL</v>
      </c>
      <c r="IL12" s="2" t="str">
        <f>IF(AND('Cambios Auto'!IL12&gt;0,'Indices Auto'!IV12&gt;100),"V",IF(AND('Cambios Auto'!IL12&gt;0,'Indices Auto'!IV12&lt;100),"A",IF(AND('Cambios Auto'!IL12&lt;0,'Indices Auto'!IV12&gt;100),"N",IF(AND('Cambios Auto'!IL12&lt;0,'Indices Auto'!IV12&lt;100),"R","NULL"))))</f>
        <v>NULL</v>
      </c>
      <c r="IM12" s="2" t="str">
        <f>IF(AND('Cambios Auto'!IM12&gt;0,'Indices Auto'!IW12&gt;100),"V",IF(AND('Cambios Auto'!IM12&gt;0,'Indices Auto'!IW12&lt;100),"A",IF(AND('Cambios Auto'!IM12&lt;0,'Indices Auto'!IW12&gt;100),"N",IF(AND('Cambios Auto'!IM12&lt;0,'Indices Auto'!IW12&lt;100),"R","NULL"))))</f>
        <v>NULL</v>
      </c>
      <c r="IN12" s="2" t="str">
        <f>IF(AND('Cambios Auto'!IN12&gt;0,'Indices Auto'!IX12&gt;100),"V",IF(AND('Cambios Auto'!IN12&gt;0,'Indices Auto'!IX12&lt;100),"A",IF(AND('Cambios Auto'!IN12&lt;0,'Indices Auto'!IX12&gt;100),"N",IF(AND('Cambios Auto'!IN12&lt;0,'Indices Auto'!IX12&lt;100),"R","NULL"))))</f>
        <v>NULL</v>
      </c>
      <c r="IO12" s="2" t="str">
        <f>IF(AND('Cambios Auto'!IO12&gt;0,'Indices Auto'!IY12&gt;100),"V",IF(AND('Cambios Auto'!IO12&gt;0,'Indices Auto'!IY12&lt;100),"A",IF(AND('Cambios Auto'!IO12&lt;0,'Indices Auto'!IY12&gt;100),"N",IF(AND('Cambios Auto'!IO12&lt;0,'Indices Auto'!IY12&lt;100),"R","NULL"))))</f>
        <v>NULL</v>
      </c>
      <c r="IP12" s="2" t="str">
        <f>IF(AND('Cambios Auto'!IP12&gt;0,'Indices Auto'!IZ12&gt;100),"V",IF(AND('Cambios Auto'!IP12&gt;0,'Indices Auto'!IZ12&lt;100),"A",IF(AND('Cambios Auto'!IP12&lt;0,'Indices Auto'!IZ12&gt;100),"N",IF(AND('Cambios Auto'!IP12&lt;0,'Indices Auto'!IZ12&lt;100),"R","NULL"))))</f>
        <v>NULL</v>
      </c>
      <c r="IQ12" s="2" t="str">
        <f>IF(AND('Cambios Auto'!IQ12&gt;0,'Indices Auto'!JA12&gt;100),"V",IF(AND('Cambios Auto'!IQ12&gt;0,'Indices Auto'!JA12&lt;100),"A",IF(AND('Cambios Auto'!IQ12&lt;0,'Indices Auto'!JA12&gt;100),"N",IF(AND('Cambios Auto'!IQ12&lt;0,'Indices Auto'!JA12&lt;100),"R","NULL"))))</f>
        <v>NULL</v>
      </c>
      <c r="IR12" s="2" t="str">
        <f>IF(AND('Cambios Auto'!IR12&gt;0,'Indices Auto'!JB12&gt;100),"V",IF(AND('Cambios Auto'!IR12&gt;0,'Indices Auto'!JB12&lt;100),"A",IF(AND('Cambios Auto'!IR12&lt;0,'Indices Auto'!JB12&gt;100),"N",IF(AND('Cambios Auto'!IR12&lt;0,'Indices Auto'!JB12&lt;100),"R","NULL"))))</f>
        <v>NULL</v>
      </c>
      <c r="IS12" s="2" t="str">
        <f>IF(AND('Cambios Auto'!IS12&gt;0,'Indices Auto'!JC12&gt;100),"V",IF(AND('Cambios Auto'!IS12&gt;0,'Indices Auto'!JC12&lt;100),"A",IF(AND('Cambios Auto'!IS12&lt;0,'Indices Auto'!JC12&gt;100),"N",IF(AND('Cambios Auto'!IS12&lt;0,'Indices Auto'!JC12&lt;100),"R","NULL"))))</f>
        <v>NULL</v>
      </c>
      <c r="IT12" s="14"/>
    </row>
    <row r="13" spans="1:254" ht="15.75" customHeight="1" x14ac:dyDescent="0.25">
      <c r="A13" s="6" t="s">
        <v>199</v>
      </c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 t="str">
        <f>IF(AND('Cambios Auto'!AY13&gt;0,'Indices Auto'!AZ13&gt;100),"V",IF(AND('Cambios Auto'!AY13&gt;0,'Indices Auto'!AZ13&lt;100),"A",IF(AND('Cambios Auto'!AY13&lt;0,'Indices Auto'!AZ13&gt;100),"N",IF(AND('Cambios Auto'!AY13&lt;0,'Indices Auto'!AZ13&lt;100),"R","NULL"))))</f>
        <v>A</v>
      </c>
      <c r="AZ13" s="2" t="str">
        <f>IF(AND('Cambios Auto'!AZ13&gt;0,'Indices Auto'!BA13&gt;100),"V",IF(AND('Cambios Auto'!AZ13&gt;0,'Indices Auto'!BA13&lt;100),"A",IF(AND('Cambios Auto'!AZ13&lt;0,'Indices Auto'!BA13&gt;100),"N",IF(AND('Cambios Auto'!AZ13&lt;0,'Indices Auto'!BA13&lt;100),"R","NULL"))))</f>
        <v>A</v>
      </c>
      <c r="BA13" s="2" t="str">
        <f>IF(AND('Cambios Auto'!BA13&gt;0,'Indices Auto'!BB13&gt;100),"V",IF(AND('Cambios Auto'!BA13&gt;0,'Indices Auto'!BB13&lt;100),"A",IF(AND('Cambios Auto'!BA13&lt;0,'Indices Auto'!BB13&gt;100),"N",IF(AND('Cambios Auto'!BA13&lt;0,'Indices Auto'!BB13&lt;100),"R","NULL"))))</f>
        <v>A</v>
      </c>
      <c r="BB13" s="2" t="str">
        <f>IF(AND('Cambios Auto'!BB13&gt;0,'Indices Auto'!BC13&gt;100),"V",IF(AND('Cambios Auto'!BB13&gt;0,'Indices Auto'!BC13&lt;100),"A",IF(AND('Cambios Auto'!BB13&lt;0,'Indices Auto'!BC13&gt;100),"N",IF(AND('Cambios Auto'!BB13&lt;0,'Indices Auto'!BC13&lt;100),"R","NULL"))))</f>
        <v>A</v>
      </c>
      <c r="BC13" s="2" t="str">
        <f>IF(AND('Cambios Auto'!BC13&gt;0,'Indices Auto'!BD13&gt;100),"V",IF(AND('Cambios Auto'!BC13&gt;0,'Indices Auto'!BD13&lt;100),"A",IF(AND('Cambios Auto'!BC13&lt;0,'Indices Auto'!BD13&gt;100),"N",IF(AND('Cambios Auto'!BC13&lt;0,'Indices Auto'!BD13&lt;100),"R","NULL"))))</f>
        <v>A</v>
      </c>
      <c r="BD13" s="2" t="str">
        <f>IF(AND('Cambios Auto'!BD13&gt;0,'Indices Auto'!BE13&gt;100),"V",IF(AND('Cambios Auto'!BD13&gt;0,'Indices Auto'!BE13&lt;100),"A",IF(AND('Cambios Auto'!BD13&lt;0,'Indices Auto'!BE13&gt;100),"N",IF(AND('Cambios Auto'!BD13&lt;0,'Indices Auto'!BE13&lt;100),"R","NULL"))))</f>
        <v>A</v>
      </c>
      <c r="BE13" s="2" t="str">
        <f>IF(AND('Cambios Auto'!BE13&gt;0,'Indices Auto'!BF13&gt;100),"V",IF(AND('Cambios Auto'!BE13&gt;0,'Indices Auto'!BF13&lt;100),"A",IF(AND('Cambios Auto'!BE13&lt;0,'Indices Auto'!BF13&gt;100),"N",IF(AND('Cambios Auto'!BE13&lt;0,'Indices Auto'!BF13&lt;100),"R","NULL"))))</f>
        <v>A</v>
      </c>
      <c r="BF13" s="2" t="str">
        <f>IF(AND('Cambios Auto'!BF13&gt;0,'Indices Auto'!BG13&gt;100),"V",IF(AND('Cambios Auto'!BF13&gt;0,'Indices Auto'!BG13&lt;100),"A",IF(AND('Cambios Auto'!BF13&lt;0,'Indices Auto'!BG13&gt;100),"N",IF(AND('Cambios Auto'!BF13&lt;0,'Indices Auto'!BG13&lt;100),"R","NULL"))))</f>
        <v>A</v>
      </c>
      <c r="BG13" s="2" t="str">
        <f>IF(AND('Cambios Auto'!BG13&gt;0,'Indices Auto'!BH13&gt;100),"V",IF(AND('Cambios Auto'!BG13&gt;0,'Indices Auto'!BH13&lt;100),"A",IF(AND('Cambios Auto'!BG13&lt;0,'Indices Auto'!BH13&gt;100),"N",IF(AND('Cambios Auto'!BG13&lt;0,'Indices Auto'!BH13&lt;100),"R","NULL"))))</f>
        <v>A</v>
      </c>
      <c r="BH13" s="2" t="str">
        <f>IF(AND('Cambios Auto'!BH13&gt;0,'Indices Auto'!BI13&gt;100),"V",IF(AND('Cambios Auto'!BH13&gt;0,'Indices Auto'!BI13&lt;100),"A",IF(AND('Cambios Auto'!BH13&lt;0,'Indices Auto'!BI13&gt;100),"N",IF(AND('Cambios Auto'!BH13&lt;0,'Indices Auto'!BI13&lt;100),"R","NULL"))))</f>
        <v>A</v>
      </c>
      <c r="BI13" s="2" t="str">
        <f>IF(AND('Cambios Auto'!BI13&gt;0,'Indices Auto'!BJ13&gt;100),"V",IF(AND('Cambios Auto'!BI13&gt;0,'Indices Auto'!BJ13&lt;100),"A",IF(AND('Cambios Auto'!BI13&lt;0,'Indices Auto'!BJ13&gt;100),"N",IF(AND('Cambios Auto'!BI13&lt;0,'Indices Auto'!BJ13&lt;100),"R","NULL"))))</f>
        <v>A</v>
      </c>
      <c r="BJ13" s="2" t="str">
        <f>IF(AND('Cambios Auto'!BJ13&gt;0,'Indices Auto'!BK13&gt;100),"V",IF(AND('Cambios Auto'!BJ13&gt;0,'Indices Auto'!BK13&lt;100),"A",IF(AND('Cambios Auto'!BJ13&lt;0,'Indices Auto'!BK13&gt;100),"N",IF(AND('Cambios Auto'!BJ13&lt;0,'Indices Auto'!BK13&lt;100),"R","NULL"))))</f>
        <v>A</v>
      </c>
      <c r="BK13" s="2" t="str">
        <f>IF(AND('Cambios Auto'!BK13&gt;0,'Indices Auto'!BL13&gt;100),"V",IF(AND('Cambios Auto'!BK13&gt;0,'Indices Auto'!BL13&lt;100),"A",IF(AND('Cambios Auto'!BK13&lt;0,'Indices Auto'!BL13&gt;100),"N",IF(AND('Cambios Auto'!BK13&lt;0,'Indices Auto'!BL13&lt;100),"R","NULL"))))</f>
        <v>A</v>
      </c>
      <c r="BL13" s="2" t="str">
        <f>IF(AND('Cambios Auto'!BL13&gt;0,'Indices Auto'!BM13&gt;100),"V",IF(AND('Cambios Auto'!BL13&gt;0,'Indices Auto'!BM13&lt;100),"A",IF(AND('Cambios Auto'!BL13&lt;0,'Indices Auto'!BM13&gt;100),"N",IF(AND('Cambios Auto'!BL13&lt;0,'Indices Auto'!BM13&lt;100),"R","NULL"))))</f>
        <v>V</v>
      </c>
      <c r="BM13" s="2" t="str">
        <f>IF(AND('Cambios Auto'!BM13&gt;0,'Indices Auto'!BN13&gt;100),"V",IF(AND('Cambios Auto'!BM13&gt;0,'Indices Auto'!BN13&lt;100),"A",IF(AND('Cambios Auto'!BM13&lt;0,'Indices Auto'!BN13&gt;100),"N",IF(AND('Cambios Auto'!BM13&lt;0,'Indices Auto'!BN13&lt;100),"R","NULL"))))</f>
        <v>V</v>
      </c>
      <c r="BN13" s="2" t="str">
        <f>IF(AND('Cambios Auto'!BN13&gt;0,'Indices Auto'!BO13&gt;100),"V",IF(AND('Cambios Auto'!BN13&gt;0,'Indices Auto'!BO13&lt;100),"A",IF(AND('Cambios Auto'!BN13&lt;0,'Indices Auto'!BO13&gt;100),"N",IF(AND('Cambios Auto'!BN13&lt;0,'Indices Auto'!BO13&lt;100),"R","NULL"))))</f>
        <v>V</v>
      </c>
      <c r="BO13" s="2" t="str">
        <f>IF(AND('Cambios Auto'!BO13&gt;0,'Indices Auto'!BP13&gt;100),"V",IF(AND('Cambios Auto'!BO13&gt;0,'Indices Auto'!BP13&lt;100),"A",IF(AND('Cambios Auto'!BO13&lt;0,'Indices Auto'!BP13&gt;100),"N",IF(AND('Cambios Auto'!BO13&lt;0,'Indices Auto'!BP13&lt;100),"R","NULL"))))</f>
        <v>V</v>
      </c>
      <c r="BP13" s="2" t="str">
        <f>IF(AND('Cambios Auto'!BP13&gt;0,'Indices Auto'!BQ13&gt;100),"V",IF(AND('Cambios Auto'!BP13&gt;0,'Indices Auto'!BQ13&lt;100),"A",IF(AND('Cambios Auto'!BP13&lt;0,'Indices Auto'!BQ13&gt;100),"N",IF(AND('Cambios Auto'!BP13&lt;0,'Indices Auto'!BQ13&lt;100),"R","NULL"))))</f>
        <v>V</v>
      </c>
      <c r="BQ13" s="2" t="str">
        <f>IF(AND('Cambios Auto'!BQ13&gt;0,'Indices Auto'!BR13&gt;100),"V",IF(AND('Cambios Auto'!BQ13&gt;0,'Indices Auto'!BR13&lt;100),"A",IF(AND('Cambios Auto'!BQ13&lt;0,'Indices Auto'!BR13&gt;100),"N",IF(AND('Cambios Auto'!BQ13&lt;0,'Indices Auto'!BR13&lt;100),"R","NULL"))))</f>
        <v>V</v>
      </c>
      <c r="BR13" s="2" t="str">
        <f>IF(AND('Cambios Auto'!BR13&gt;0,'Indices Auto'!BS13&gt;100),"V",IF(AND('Cambios Auto'!BR13&gt;0,'Indices Auto'!BS13&lt;100),"A",IF(AND('Cambios Auto'!BR13&lt;0,'Indices Auto'!BS13&gt;100),"N",IF(AND('Cambios Auto'!BR13&lt;0,'Indices Auto'!BS13&lt;100),"R","NULL"))))</f>
        <v>V</v>
      </c>
      <c r="BS13" s="2" t="str">
        <f>IF(AND('Cambios Auto'!BS13&gt;0,'Indices Auto'!BT13&gt;100),"V",IF(AND('Cambios Auto'!BS13&gt;0,'Indices Auto'!BT13&lt;100),"A",IF(AND('Cambios Auto'!BS13&lt;0,'Indices Auto'!BT13&gt;100),"N",IF(AND('Cambios Auto'!BS13&lt;0,'Indices Auto'!BT13&lt;100),"R","NULL"))))</f>
        <v>V</v>
      </c>
      <c r="BT13" s="2" t="str">
        <f>IF(AND('Cambios Auto'!BT13&gt;0,'Indices Auto'!BU13&gt;100),"V",IF(AND('Cambios Auto'!BT13&gt;0,'Indices Auto'!BU13&lt;100),"A",IF(AND('Cambios Auto'!BT13&lt;0,'Indices Auto'!BU13&gt;100),"N",IF(AND('Cambios Auto'!BT13&lt;0,'Indices Auto'!BU13&lt;100),"R","NULL"))))</f>
        <v>V</v>
      </c>
      <c r="BU13" s="2" t="str">
        <f>IF(AND('Cambios Auto'!BU13&gt;0,'Indices Auto'!BV13&gt;100),"V",IF(AND('Cambios Auto'!BU13&gt;0,'Indices Auto'!BV13&lt;100),"A",IF(AND('Cambios Auto'!BU13&lt;0,'Indices Auto'!BV13&gt;100),"N",IF(AND('Cambios Auto'!BU13&lt;0,'Indices Auto'!BV13&lt;100),"R","NULL"))))</f>
        <v>V</v>
      </c>
      <c r="BV13" s="2" t="str">
        <f>IF(AND('Cambios Auto'!BV13&gt;0,'Indices Auto'!BW13&gt;100),"V",IF(AND('Cambios Auto'!BV13&gt;0,'Indices Auto'!BW13&lt;100),"A",IF(AND('Cambios Auto'!BV13&lt;0,'Indices Auto'!BW13&gt;100),"N",IF(AND('Cambios Auto'!BV13&lt;0,'Indices Auto'!BW13&lt;100),"R","NULL"))))</f>
        <v>V</v>
      </c>
      <c r="BW13" s="2" t="str">
        <f>IF(AND('Cambios Auto'!BW13&gt;0,'Indices Auto'!BX13&gt;100),"V",IF(AND('Cambios Auto'!BW13&gt;0,'Indices Auto'!BX13&lt;100),"A",IF(AND('Cambios Auto'!BW13&lt;0,'Indices Auto'!BX13&gt;100),"N",IF(AND('Cambios Auto'!BW13&lt;0,'Indices Auto'!BX13&lt;100),"R","NULL"))))</f>
        <v>V</v>
      </c>
      <c r="BX13" s="2" t="str">
        <f>IF(AND('Cambios Auto'!BX13&gt;0,'Indices Auto'!BY13&gt;100),"V",IF(AND('Cambios Auto'!BX13&gt;0,'Indices Auto'!BY13&lt;100),"A",IF(AND('Cambios Auto'!BX13&lt;0,'Indices Auto'!BY13&gt;100),"N",IF(AND('Cambios Auto'!BX13&lt;0,'Indices Auto'!BY13&lt;100),"R","NULL"))))</f>
        <v>V</v>
      </c>
      <c r="BY13" s="2" t="str">
        <f>IF(AND('Cambios Auto'!BY13&gt;0,'Indices Auto'!BZ13&gt;100),"V",IF(AND('Cambios Auto'!BY13&gt;0,'Indices Auto'!BZ13&lt;100),"A",IF(AND('Cambios Auto'!BY13&lt;0,'Indices Auto'!BZ13&gt;100),"N",IF(AND('Cambios Auto'!BY13&lt;0,'Indices Auto'!BZ13&lt;100),"R","NULL"))))</f>
        <v>V</v>
      </c>
      <c r="BZ13" s="2" t="str">
        <f>IF(AND('Cambios Auto'!BZ13&gt;0,'Indices Auto'!CA13&gt;100),"V",IF(AND('Cambios Auto'!BZ13&gt;0,'Indices Auto'!CA13&lt;100),"A",IF(AND('Cambios Auto'!BZ13&lt;0,'Indices Auto'!CA13&gt;100),"N",IF(AND('Cambios Auto'!BZ13&lt;0,'Indices Auto'!CA13&lt;100),"R","NULL"))))</f>
        <v>V</v>
      </c>
      <c r="CA13" s="2" t="str">
        <f>IF(AND('Cambios Auto'!CA13&gt;0,'Indices Auto'!CB13&gt;100),"V",IF(AND('Cambios Auto'!CA13&gt;0,'Indices Auto'!CB13&lt;100),"A",IF(AND('Cambios Auto'!CA13&lt;0,'Indices Auto'!CB13&gt;100),"N",IF(AND('Cambios Auto'!CA13&lt;0,'Indices Auto'!CB13&lt;100),"R","NULL"))))</f>
        <v>V</v>
      </c>
      <c r="CB13" s="2" t="str">
        <f>IF(AND('Cambios Auto'!CB13&gt;0,'Indices Auto'!CC13&gt;100),"V",IF(AND('Cambios Auto'!CB13&gt;0,'Indices Auto'!CC13&lt;100),"A",IF(AND('Cambios Auto'!CB13&lt;0,'Indices Auto'!CC13&gt;100),"N",IF(AND('Cambios Auto'!CB13&lt;0,'Indices Auto'!CC13&lt;100),"R","NULL"))))</f>
        <v>V</v>
      </c>
      <c r="CC13" s="2" t="str">
        <f>IF(AND('Cambios Auto'!CC13&gt;0,'Indices Auto'!CD13&gt;100),"V",IF(AND('Cambios Auto'!CC13&gt;0,'Indices Auto'!CD13&lt;100),"A",IF(AND('Cambios Auto'!CC13&lt;0,'Indices Auto'!CD13&gt;100),"N",IF(AND('Cambios Auto'!CC13&lt;0,'Indices Auto'!CD13&lt;100),"R","NULL"))))</f>
        <v>V</v>
      </c>
      <c r="CD13" s="2" t="str">
        <f>IF(AND('Cambios Auto'!CD13&gt;0,'Indices Auto'!CE13&gt;100),"V",IF(AND('Cambios Auto'!CD13&gt;0,'Indices Auto'!CE13&lt;100),"A",IF(AND('Cambios Auto'!CD13&lt;0,'Indices Auto'!CE13&gt;100),"N",IF(AND('Cambios Auto'!CD13&lt;0,'Indices Auto'!CE13&lt;100),"R","NULL"))))</f>
        <v>V</v>
      </c>
      <c r="CE13" s="2" t="str">
        <f>IF(AND('Cambios Auto'!CE13&gt;0,'Indices Auto'!CF13&gt;100),"V",IF(AND('Cambios Auto'!CE13&gt;0,'Indices Auto'!CF13&lt;100),"A",IF(AND('Cambios Auto'!CE13&lt;0,'Indices Auto'!CF13&gt;100),"N",IF(AND('Cambios Auto'!CE13&lt;0,'Indices Auto'!CF13&lt;100),"R","NULL"))))</f>
        <v>V</v>
      </c>
      <c r="CF13" s="2" t="str">
        <f>IF(AND('Cambios Auto'!CF13&gt;0,'Indices Auto'!CG13&gt;100),"V",IF(AND('Cambios Auto'!CF13&gt;0,'Indices Auto'!CG13&lt;100),"A",IF(AND('Cambios Auto'!CF13&lt;0,'Indices Auto'!CG13&gt;100),"N",IF(AND('Cambios Auto'!CF13&lt;0,'Indices Auto'!CG13&lt;100),"R","NULL"))))</f>
        <v>V</v>
      </c>
      <c r="CG13" s="2" t="str">
        <f>IF(AND('Cambios Auto'!CG13&gt;0,'Indices Auto'!CH13&gt;100),"V",IF(AND('Cambios Auto'!CG13&gt;0,'Indices Auto'!CH13&lt;100),"A",IF(AND('Cambios Auto'!CG13&lt;0,'Indices Auto'!CH13&gt;100),"N",IF(AND('Cambios Auto'!CG13&lt;0,'Indices Auto'!CH13&lt;100),"R","NULL"))))</f>
        <v>V</v>
      </c>
      <c r="CH13" s="2" t="str">
        <f>IF(AND('Cambios Auto'!CH13&gt;0,'Indices Auto'!CI13&gt;100),"V",IF(AND('Cambios Auto'!CH13&gt;0,'Indices Auto'!CI13&lt;100),"A",IF(AND('Cambios Auto'!CH13&lt;0,'Indices Auto'!CI13&gt;100),"N",IF(AND('Cambios Auto'!CH13&lt;0,'Indices Auto'!CI13&lt;100),"R","NULL"))))</f>
        <v>V</v>
      </c>
      <c r="CI13" s="2" t="str">
        <f>IF(AND('Cambios Auto'!CI13&gt;0,'Indices Auto'!CJ13&gt;100),"V",IF(AND('Cambios Auto'!CI13&gt;0,'Indices Auto'!CJ13&lt;100),"A",IF(AND('Cambios Auto'!CI13&lt;0,'Indices Auto'!CJ13&gt;100),"N",IF(AND('Cambios Auto'!CI13&lt;0,'Indices Auto'!CJ13&lt;100),"R","NULL"))))</f>
        <v>V</v>
      </c>
      <c r="CJ13" s="2" t="str">
        <f>IF(AND('Cambios Auto'!CJ13&gt;0,'Indices Auto'!CK13&gt;100),"V",IF(AND('Cambios Auto'!CJ13&gt;0,'Indices Auto'!CK13&lt;100),"A",IF(AND('Cambios Auto'!CJ13&lt;0,'Indices Auto'!CK13&gt;100),"N",IF(AND('Cambios Auto'!CJ13&lt;0,'Indices Auto'!CK13&lt;100),"R","NULL"))))</f>
        <v>V</v>
      </c>
      <c r="CK13" s="2" t="str">
        <f>IF(AND('Cambios Auto'!CK13&gt;0,'Indices Auto'!CL13&gt;100),"V",IF(AND('Cambios Auto'!CK13&gt;0,'Indices Auto'!CL13&lt;100),"A",IF(AND('Cambios Auto'!CK13&lt;0,'Indices Auto'!CL13&gt;100),"N",IF(AND('Cambios Auto'!CK13&lt;0,'Indices Auto'!CL13&lt;100),"R","NULL"))))</f>
        <v>V</v>
      </c>
      <c r="CL13" s="2" t="str">
        <f>IF(AND('Cambios Auto'!CL13&gt;0,'Indices Auto'!CM13&gt;100),"V",IF(AND('Cambios Auto'!CL13&gt;0,'Indices Auto'!CM13&lt;100),"A",IF(AND('Cambios Auto'!CL13&lt;0,'Indices Auto'!CM13&gt;100),"N",IF(AND('Cambios Auto'!CL13&lt;0,'Indices Auto'!CM13&lt;100),"R","NULL"))))</f>
        <v>N</v>
      </c>
      <c r="CM13" s="2" t="str">
        <f>IF(AND('Cambios Auto'!CM13&gt;0,'Indices Auto'!CN13&gt;100),"V",IF(AND('Cambios Auto'!CM13&gt;0,'Indices Auto'!CN13&lt;100),"A",IF(AND('Cambios Auto'!CM13&lt;0,'Indices Auto'!CN13&gt;100),"N",IF(AND('Cambios Auto'!CM13&lt;0,'Indices Auto'!CN13&lt;100),"R","NULL"))))</f>
        <v>V</v>
      </c>
      <c r="CN13" s="2" t="str">
        <f>IF(AND('Cambios Auto'!CN13&gt;0,'Indices Auto'!CO13&gt;100),"V",IF(AND('Cambios Auto'!CN13&gt;0,'Indices Auto'!CO13&lt;100),"A",IF(AND('Cambios Auto'!CN13&lt;0,'Indices Auto'!CO13&gt;100),"N",IF(AND('Cambios Auto'!CN13&lt;0,'Indices Auto'!CO13&lt;100),"R","NULL"))))</f>
        <v>V</v>
      </c>
      <c r="CO13" s="2" t="str">
        <f>IF(AND('Cambios Auto'!CO13&gt;0,'Indices Auto'!CP13&gt;100),"V",IF(AND('Cambios Auto'!CO13&gt;0,'Indices Auto'!CP13&lt;100),"A",IF(AND('Cambios Auto'!CO13&lt;0,'Indices Auto'!CP13&gt;100),"N",IF(AND('Cambios Auto'!CO13&lt;0,'Indices Auto'!CP13&lt;100),"R","NULL"))))</f>
        <v>V</v>
      </c>
      <c r="CP13" s="2" t="str">
        <f>IF(AND('Cambios Auto'!CP13&gt;0,'Indices Auto'!CQ13&gt;100),"V",IF(AND('Cambios Auto'!CP13&gt;0,'Indices Auto'!CQ13&lt;100),"A",IF(AND('Cambios Auto'!CP13&lt;0,'Indices Auto'!CQ13&gt;100),"N",IF(AND('Cambios Auto'!CP13&lt;0,'Indices Auto'!CQ13&lt;100),"R","NULL"))))</f>
        <v>V</v>
      </c>
      <c r="CQ13" s="2" t="str">
        <f>IF(AND('Cambios Auto'!CQ13&gt;0,'Indices Auto'!CR13&gt;100),"V",IF(AND('Cambios Auto'!CQ13&gt;0,'Indices Auto'!CR13&lt;100),"A",IF(AND('Cambios Auto'!CQ13&lt;0,'Indices Auto'!CR13&gt;100),"N",IF(AND('Cambios Auto'!CQ13&lt;0,'Indices Auto'!CR13&lt;100),"R","NULL"))))</f>
        <v>V</v>
      </c>
      <c r="CR13" s="2" t="str">
        <f>IF(AND('Cambios Auto'!CR13&gt;0,'Indices Auto'!CS13&gt;100),"V",IF(AND('Cambios Auto'!CR13&gt;0,'Indices Auto'!CS13&lt;100),"A",IF(AND('Cambios Auto'!CR13&lt;0,'Indices Auto'!CS13&gt;100),"N",IF(AND('Cambios Auto'!CR13&lt;0,'Indices Auto'!CS13&lt;100),"R","NULL"))))</f>
        <v>V</v>
      </c>
      <c r="CS13" s="2" t="str">
        <f>IF(AND('Cambios Auto'!CS13&gt;0,'Indices Auto'!CT13&gt;100),"V",IF(AND('Cambios Auto'!CS13&gt;0,'Indices Auto'!CT13&lt;100),"A",IF(AND('Cambios Auto'!CS13&lt;0,'Indices Auto'!CT13&gt;100),"N",IF(AND('Cambios Auto'!CS13&lt;0,'Indices Auto'!CT13&lt;100),"R","NULL"))))</f>
        <v>N</v>
      </c>
      <c r="CT13" s="2" t="str">
        <f>IF(AND('Cambios Auto'!CT13&gt;0,'Indices Auto'!CU13&gt;100),"V",IF(AND('Cambios Auto'!CT13&gt;0,'Indices Auto'!CU13&lt;100),"A",IF(AND('Cambios Auto'!CT13&lt;0,'Indices Auto'!CU13&gt;100),"N",IF(AND('Cambios Auto'!CT13&lt;0,'Indices Auto'!CU13&lt;100),"R","NULL"))))</f>
        <v>N</v>
      </c>
      <c r="CU13" s="2" t="str">
        <f>IF(AND('Cambios Auto'!CU13&gt;0,'Indices Auto'!CV13&gt;100),"V",IF(AND('Cambios Auto'!CU13&gt;0,'Indices Auto'!CV13&lt;100),"A",IF(AND('Cambios Auto'!CU13&lt;0,'Indices Auto'!CV13&gt;100),"N",IF(AND('Cambios Auto'!CU13&lt;0,'Indices Auto'!CV13&lt;100),"R","NULL"))))</f>
        <v>N</v>
      </c>
      <c r="CV13" s="2" t="str">
        <f>IF(AND('Cambios Auto'!CV13&gt;0,'Indices Auto'!CW13&gt;100),"V",IF(AND('Cambios Auto'!CV13&gt;0,'Indices Auto'!CW13&lt;100),"A",IF(AND('Cambios Auto'!CV13&lt;0,'Indices Auto'!CW13&gt;100),"N",IF(AND('Cambios Auto'!CV13&lt;0,'Indices Auto'!CW13&lt;100),"R","NULL"))))</f>
        <v>N</v>
      </c>
      <c r="CW13" s="2" t="str">
        <f>IF(AND('Cambios Auto'!CW13&gt;0,'Indices Auto'!CX13&gt;100),"V",IF(AND('Cambios Auto'!CW13&gt;0,'Indices Auto'!CX13&lt;100),"A",IF(AND('Cambios Auto'!CW13&lt;0,'Indices Auto'!CX13&gt;100),"N",IF(AND('Cambios Auto'!CW13&lt;0,'Indices Auto'!CX13&lt;100),"R","NULL"))))</f>
        <v>N</v>
      </c>
      <c r="CX13" s="2" t="str">
        <f>IF(AND('Cambios Auto'!CX13&gt;0,'Indices Auto'!CY13&gt;100),"V",IF(AND('Cambios Auto'!CX13&gt;0,'Indices Auto'!CY13&lt;100),"A",IF(AND('Cambios Auto'!CX13&lt;0,'Indices Auto'!CY13&gt;100),"N",IF(AND('Cambios Auto'!CX13&lt;0,'Indices Auto'!CY13&lt;100),"R","NULL"))))</f>
        <v>N</v>
      </c>
      <c r="CY13" s="2" t="str">
        <f>IF(AND('Cambios Auto'!CY13&gt;0,'Indices Auto'!CZ13&gt;100),"V",IF(AND('Cambios Auto'!CY13&gt;0,'Indices Auto'!CZ13&lt;100),"A",IF(AND('Cambios Auto'!CY13&lt;0,'Indices Auto'!CZ13&gt;100),"N",IF(AND('Cambios Auto'!CY13&lt;0,'Indices Auto'!CZ13&lt;100),"R","NULL"))))</f>
        <v>R</v>
      </c>
      <c r="CZ13" s="2" t="str">
        <f>IF(AND('Cambios Auto'!CZ13&gt;0,'Indices Auto'!DA13&gt;100),"V",IF(AND('Cambios Auto'!CZ13&gt;0,'Indices Auto'!DA13&lt;100),"A",IF(AND('Cambios Auto'!CZ13&lt;0,'Indices Auto'!DA13&gt;100),"N",IF(AND('Cambios Auto'!CZ13&lt;0,'Indices Auto'!DA13&lt;100),"R","NULL"))))</f>
        <v>R</v>
      </c>
      <c r="DA13" s="2" t="str">
        <f>IF(AND('Cambios Auto'!DA13&gt;0,'Indices Auto'!DB13&gt;100),"V",IF(AND('Cambios Auto'!DA13&gt;0,'Indices Auto'!DB13&lt;100),"A",IF(AND('Cambios Auto'!DA13&lt;0,'Indices Auto'!DB13&gt;100),"N",IF(AND('Cambios Auto'!DA13&lt;0,'Indices Auto'!DB13&lt;100),"R","NULL"))))</f>
        <v>R</v>
      </c>
      <c r="DB13" s="2" t="str">
        <f>IF(AND('Cambios Auto'!DB13&gt;0,'Indices Auto'!DC13&gt;100),"V",IF(AND('Cambios Auto'!DB13&gt;0,'Indices Auto'!DC13&lt;100),"A",IF(AND('Cambios Auto'!DB13&lt;0,'Indices Auto'!DC13&gt;100),"N",IF(AND('Cambios Auto'!DB13&lt;0,'Indices Auto'!DC13&lt;100),"R","NULL"))))</f>
        <v>R</v>
      </c>
      <c r="DC13" s="2" t="str">
        <f>IF(AND('Cambios Auto'!DC13&gt;0,'Indices Auto'!DD13&gt;100),"V",IF(AND('Cambios Auto'!DC13&gt;0,'Indices Auto'!DD13&lt;100),"A",IF(AND('Cambios Auto'!DC13&lt;0,'Indices Auto'!DD13&gt;100),"N",IF(AND('Cambios Auto'!DC13&lt;0,'Indices Auto'!DD13&lt;100),"R","NULL"))))</f>
        <v>R</v>
      </c>
      <c r="DD13" s="2" t="str">
        <f>IF(AND('Cambios Auto'!DD13&gt;0,'Indices Auto'!DE13&gt;100),"V",IF(AND('Cambios Auto'!DD13&gt;0,'Indices Auto'!DE13&lt;100),"A",IF(AND('Cambios Auto'!DD13&lt;0,'Indices Auto'!DE13&gt;100),"N",IF(AND('Cambios Auto'!DD13&lt;0,'Indices Auto'!DE13&lt;100),"R","NULL"))))</f>
        <v>R</v>
      </c>
      <c r="DE13" s="2" t="str">
        <f>IF(AND('Cambios Auto'!DE13&gt;0,'Indices Auto'!DF13&gt;100),"V",IF(AND('Cambios Auto'!DE13&gt;0,'Indices Auto'!DF13&lt;100),"A",IF(AND('Cambios Auto'!DE13&lt;0,'Indices Auto'!DF13&gt;100),"N",IF(AND('Cambios Auto'!DE13&lt;0,'Indices Auto'!DF13&lt;100),"R","NULL"))))</f>
        <v>R</v>
      </c>
      <c r="DF13" s="2" t="str">
        <f>IF(AND('Cambios Auto'!DF13&gt;0,'Indices Auto'!DG13&gt;100),"V",IF(AND('Cambios Auto'!DF13&gt;0,'Indices Auto'!DG13&lt;100),"A",IF(AND('Cambios Auto'!DF13&lt;0,'Indices Auto'!DG13&gt;100),"N",IF(AND('Cambios Auto'!DF13&lt;0,'Indices Auto'!DG13&lt;100),"R","NULL"))))</f>
        <v>R</v>
      </c>
      <c r="DG13" s="2" t="str">
        <f>IF(AND('Cambios Auto'!DG13&gt;0,'Indices Auto'!DH13&gt;100),"V",IF(AND('Cambios Auto'!DG13&gt;0,'Indices Auto'!DH13&lt;100),"A",IF(AND('Cambios Auto'!DG13&lt;0,'Indices Auto'!DH13&gt;100),"N",IF(AND('Cambios Auto'!DG13&lt;0,'Indices Auto'!DH13&lt;100),"R","NULL"))))</f>
        <v>R</v>
      </c>
      <c r="DH13" s="2" t="str">
        <f>IF(AND('Cambios Auto'!DH13&gt;0,'Indices Auto'!DI13&gt;100),"V",IF(AND('Cambios Auto'!DH13&gt;0,'Indices Auto'!DI13&lt;100),"A",IF(AND('Cambios Auto'!DH13&lt;0,'Indices Auto'!DI13&gt;100),"N",IF(AND('Cambios Auto'!DH13&lt;0,'Indices Auto'!DI13&lt;100),"R","NULL"))))</f>
        <v>A</v>
      </c>
      <c r="DI13" s="2" t="str">
        <f>IF(AND('Cambios Auto'!DI13&gt;0,'Indices Auto'!DJ13&gt;100),"V",IF(AND('Cambios Auto'!DI13&gt;0,'Indices Auto'!DJ13&lt;100),"A",IF(AND('Cambios Auto'!DI13&lt;0,'Indices Auto'!DJ13&gt;100),"N",IF(AND('Cambios Auto'!DI13&lt;0,'Indices Auto'!DJ13&lt;100),"R","NULL"))))</f>
        <v>A</v>
      </c>
      <c r="DJ13" s="2" t="str">
        <f>IF(AND('Cambios Auto'!DJ13&gt;0,'Indices Auto'!DK13&gt;100),"V",IF(AND('Cambios Auto'!DJ13&gt;0,'Indices Auto'!DK13&lt;100),"A",IF(AND('Cambios Auto'!DJ13&lt;0,'Indices Auto'!DK13&gt;100),"N",IF(AND('Cambios Auto'!DJ13&lt;0,'Indices Auto'!DK13&lt;100),"R","NULL"))))</f>
        <v>A</v>
      </c>
      <c r="DK13" s="2" t="str">
        <f>IF(AND('Cambios Auto'!DK13&gt;0,'Indices Auto'!DL13&gt;100),"V",IF(AND('Cambios Auto'!DK13&gt;0,'Indices Auto'!DL13&lt;100),"A",IF(AND('Cambios Auto'!DK13&lt;0,'Indices Auto'!DL13&gt;100),"N",IF(AND('Cambios Auto'!DK13&lt;0,'Indices Auto'!DL13&lt;100),"R","NULL"))))</f>
        <v>A</v>
      </c>
      <c r="DL13" s="2" t="str">
        <f>IF(AND('Cambios Auto'!DL13&gt;0,'Indices Auto'!DM13&gt;100),"V",IF(AND('Cambios Auto'!DL13&gt;0,'Indices Auto'!DM13&lt;100),"A",IF(AND('Cambios Auto'!DL13&lt;0,'Indices Auto'!DM13&gt;100),"N",IF(AND('Cambios Auto'!DL13&lt;0,'Indices Auto'!DM13&lt;100),"R","NULL"))))</f>
        <v>A</v>
      </c>
      <c r="DM13" s="2" t="str">
        <f>IF(AND('Cambios Auto'!DM13&gt;0,'Indices Auto'!DN13&gt;100),"V",IF(AND('Cambios Auto'!DM13&gt;0,'Indices Auto'!DN13&lt;100),"A",IF(AND('Cambios Auto'!DM13&lt;0,'Indices Auto'!DN13&gt;100),"N",IF(AND('Cambios Auto'!DM13&lt;0,'Indices Auto'!DN13&lt;100),"R","NULL"))))</f>
        <v>A</v>
      </c>
      <c r="DN13" s="2" t="str">
        <f>IF(AND('Cambios Auto'!DN13&gt;0,'Indices Auto'!DO13&gt;100),"V",IF(AND('Cambios Auto'!DN13&gt;0,'Indices Auto'!DO13&lt;100),"A",IF(AND('Cambios Auto'!DN13&lt;0,'Indices Auto'!DO13&gt;100),"N",IF(AND('Cambios Auto'!DN13&lt;0,'Indices Auto'!DO13&lt;100),"R","NULL"))))</f>
        <v>A</v>
      </c>
      <c r="DO13" s="2" t="str">
        <f>IF(AND('Cambios Auto'!DO13&gt;0,'Indices Auto'!DP13&gt;100),"V",IF(AND('Cambios Auto'!DO13&gt;0,'Indices Auto'!DP13&lt;100),"A",IF(AND('Cambios Auto'!DO13&lt;0,'Indices Auto'!DP13&gt;100),"N",IF(AND('Cambios Auto'!DO13&lt;0,'Indices Auto'!DP13&lt;100),"R","NULL"))))</f>
        <v>A</v>
      </c>
      <c r="DP13" s="2" t="str">
        <f>IF(AND('Cambios Auto'!DP13&gt;0,'Indices Auto'!DQ13&gt;100),"V",IF(AND('Cambios Auto'!DP13&gt;0,'Indices Auto'!DQ13&lt;100),"A",IF(AND('Cambios Auto'!DP13&lt;0,'Indices Auto'!DQ13&gt;100),"N",IF(AND('Cambios Auto'!DP13&lt;0,'Indices Auto'!DQ13&lt;100),"R","NULL"))))</f>
        <v>A</v>
      </c>
      <c r="DQ13" s="2" t="str">
        <f>IF(AND('Cambios Auto'!DQ13&gt;0,'Indices Auto'!DR13&gt;100),"V",IF(AND('Cambios Auto'!DQ13&gt;0,'Indices Auto'!DR13&lt;100),"A",IF(AND('Cambios Auto'!DQ13&lt;0,'Indices Auto'!DR13&gt;100),"N",IF(AND('Cambios Auto'!DQ13&lt;0,'Indices Auto'!DR13&lt;100),"R","NULL"))))</f>
        <v>A</v>
      </c>
      <c r="DR13" s="2" t="str">
        <f>IF(AND('Cambios Auto'!DR13&gt;0,'Indices Auto'!DS13&gt;100),"V",IF(AND('Cambios Auto'!DR13&gt;0,'Indices Auto'!DS13&lt;100),"A",IF(AND('Cambios Auto'!DR13&lt;0,'Indices Auto'!DS13&gt;100),"N",IF(AND('Cambios Auto'!DR13&lt;0,'Indices Auto'!DS13&lt;100),"R","NULL"))))</f>
        <v>A</v>
      </c>
      <c r="DS13" s="2" t="str">
        <f>IF(AND('Cambios Auto'!DS13&gt;0,'Indices Auto'!DT13&gt;100),"V",IF(AND('Cambios Auto'!DS13&gt;0,'Indices Auto'!DT13&lt;100),"A",IF(AND('Cambios Auto'!DS13&lt;0,'Indices Auto'!DT13&gt;100),"N",IF(AND('Cambios Auto'!DS13&lt;0,'Indices Auto'!DT13&lt;100),"R","NULL"))))</f>
        <v>A</v>
      </c>
      <c r="DT13" s="2" t="str">
        <f>IF(AND('Cambios Auto'!DT13&gt;0,'Indices Auto'!DU13&gt;100),"V",IF(AND('Cambios Auto'!DT13&gt;0,'Indices Auto'!DU13&lt;100),"A",IF(AND('Cambios Auto'!DT13&lt;0,'Indices Auto'!DU13&gt;100),"N",IF(AND('Cambios Auto'!DT13&lt;0,'Indices Auto'!DU13&lt;100),"R","NULL"))))</f>
        <v>A</v>
      </c>
      <c r="DU13" s="2" t="str">
        <f>IF(AND('Cambios Auto'!DU13&gt;0,'Indices Auto'!DV13&gt;100),"V",IF(AND('Cambios Auto'!DU13&gt;0,'Indices Auto'!DV13&lt;100),"A",IF(AND('Cambios Auto'!DU13&lt;0,'Indices Auto'!DV13&gt;100),"N",IF(AND('Cambios Auto'!DU13&lt;0,'Indices Auto'!DV13&lt;100),"R","NULL"))))</f>
        <v>V</v>
      </c>
      <c r="DV13" s="2" t="str">
        <f>IF(AND('Cambios Auto'!DV13&gt;0,'Indices Auto'!DW13&gt;100),"V",IF(AND('Cambios Auto'!DV13&gt;0,'Indices Auto'!DW13&lt;100),"A",IF(AND('Cambios Auto'!DV13&lt;0,'Indices Auto'!DW13&gt;100),"N",IF(AND('Cambios Auto'!DV13&lt;0,'Indices Auto'!DW13&lt;100),"R","NULL"))))</f>
        <v>V</v>
      </c>
      <c r="DW13" s="2" t="str">
        <f>IF(AND('Cambios Auto'!DW13&gt;0,'Indices Auto'!DX13&gt;100),"V",IF(AND('Cambios Auto'!DW13&gt;0,'Indices Auto'!DX13&lt;100),"A",IF(AND('Cambios Auto'!DW13&lt;0,'Indices Auto'!DX13&gt;100),"N",IF(AND('Cambios Auto'!DW13&lt;0,'Indices Auto'!DX13&lt;100),"R","NULL"))))</f>
        <v>V</v>
      </c>
      <c r="DX13" s="2" t="str">
        <f>IF(AND('Cambios Auto'!DX13&gt;0,'Indices Auto'!DY13&gt;100),"V",IF(AND('Cambios Auto'!DX13&gt;0,'Indices Auto'!DY13&lt;100),"A",IF(AND('Cambios Auto'!DX13&lt;0,'Indices Auto'!DY13&gt;100),"N",IF(AND('Cambios Auto'!DX13&lt;0,'Indices Auto'!DY13&lt;100),"R","NULL"))))</f>
        <v>V</v>
      </c>
      <c r="DY13" s="2" t="str">
        <f>IF(AND('Cambios Auto'!DY13&gt;0,'Indices Auto'!DZ13&gt;100),"V",IF(AND('Cambios Auto'!DY13&gt;0,'Indices Auto'!DZ13&lt;100),"A",IF(AND('Cambios Auto'!DY13&lt;0,'Indices Auto'!DZ13&gt;100),"N",IF(AND('Cambios Auto'!DY13&lt;0,'Indices Auto'!DZ13&lt;100),"R","NULL"))))</f>
        <v>V</v>
      </c>
      <c r="DZ13" s="2" t="str">
        <f>IF(AND('Cambios Auto'!DZ13&gt;0,'Indices Auto'!EA13&gt;100),"V",IF(AND('Cambios Auto'!DZ13&gt;0,'Indices Auto'!EA13&lt;100),"A",IF(AND('Cambios Auto'!DZ13&lt;0,'Indices Auto'!EA13&gt;100),"N",IF(AND('Cambios Auto'!DZ13&lt;0,'Indices Auto'!EA13&lt;100),"R","NULL"))))</f>
        <v>V</v>
      </c>
      <c r="EA13" s="2" t="str">
        <f>IF(AND('Cambios Auto'!EA13&gt;0,'Indices Auto'!EB13&gt;100),"V",IF(AND('Cambios Auto'!EA13&gt;0,'Indices Auto'!EB13&lt;100),"A",IF(AND('Cambios Auto'!EA13&lt;0,'Indices Auto'!EB13&gt;100),"N",IF(AND('Cambios Auto'!EA13&lt;0,'Indices Auto'!EB13&lt;100),"R","NULL"))))</f>
        <v>V</v>
      </c>
      <c r="EB13" s="2" t="str">
        <f>IF(AND('Cambios Auto'!EB13&gt;0,'Indices Auto'!EC13&gt;100),"V",IF(AND('Cambios Auto'!EB13&gt;0,'Indices Auto'!EC13&lt;100),"A",IF(AND('Cambios Auto'!EB13&lt;0,'Indices Auto'!EC13&gt;100),"N",IF(AND('Cambios Auto'!EB13&lt;0,'Indices Auto'!EC13&lt;100),"R","NULL"))))</f>
        <v>V</v>
      </c>
      <c r="EC13" s="2" t="str">
        <f>IF(AND('Cambios Auto'!EC13&gt;0,'Indices Auto'!ED13&gt;100),"V",IF(AND('Cambios Auto'!EC13&gt;0,'Indices Auto'!ED13&lt;100),"A",IF(AND('Cambios Auto'!EC13&lt;0,'Indices Auto'!ED13&gt;100),"N",IF(AND('Cambios Auto'!EC13&lt;0,'Indices Auto'!ED13&lt;100),"R","NULL"))))</f>
        <v>V</v>
      </c>
      <c r="ED13" s="2" t="str">
        <f>IF(AND('Cambios Auto'!ED13&gt;0,'Indices Auto'!EE13&gt;100),"V",IF(AND('Cambios Auto'!ED13&gt;0,'Indices Auto'!EE13&lt;100),"A",IF(AND('Cambios Auto'!ED13&lt;0,'Indices Auto'!EE13&gt;100),"N",IF(AND('Cambios Auto'!ED13&lt;0,'Indices Auto'!EE13&lt;100),"R","NULL"))))</f>
        <v>V</v>
      </c>
      <c r="EE13" s="2" t="str">
        <f>IF(AND('Cambios Auto'!EE13&gt;0,'Indices Auto'!EF13&gt;100),"V",IF(AND('Cambios Auto'!EE13&gt;0,'Indices Auto'!EF13&lt;100),"A",IF(AND('Cambios Auto'!EE13&lt;0,'Indices Auto'!EF13&gt;100),"N",IF(AND('Cambios Auto'!EE13&lt;0,'Indices Auto'!EF13&lt;100),"R","NULL"))))</f>
        <v>V</v>
      </c>
      <c r="EF13" s="2" t="str">
        <f>IF(AND('Cambios Auto'!EF13&gt;0,'Indices Auto'!EG13&gt;100),"V",IF(AND('Cambios Auto'!EF13&gt;0,'Indices Auto'!EG13&lt;100),"A",IF(AND('Cambios Auto'!EF13&lt;0,'Indices Auto'!EG13&gt;100),"N",IF(AND('Cambios Auto'!EF13&lt;0,'Indices Auto'!EG13&lt;100),"R","NULL"))))</f>
        <v>N</v>
      </c>
      <c r="EG13" s="2" t="str">
        <f>IF(AND('Cambios Auto'!EG13&gt;0,'Indices Auto'!EH13&gt;100),"V",IF(AND('Cambios Auto'!EG13&gt;0,'Indices Auto'!EH13&lt;100),"A",IF(AND('Cambios Auto'!EG13&lt;0,'Indices Auto'!EH13&gt;100),"N",IF(AND('Cambios Auto'!EG13&lt;0,'Indices Auto'!EH13&lt;100),"R","NULL"))))</f>
        <v>N</v>
      </c>
      <c r="EH13" s="2" t="str">
        <f>IF(AND('Cambios Auto'!EH13&gt;0,'Indices Auto'!EI13&gt;100),"V",IF(AND('Cambios Auto'!EH13&gt;0,'Indices Auto'!EI13&lt;100),"A",IF(AND('Cambios Auto'!EH13&lt;0,'Indices Auto'!EI13&gt;100),"N",IF(AND('Cambios Auto'!EH13&lt;0,'Indices Auto'!EI13&lt;100),"R","NULL"))))</f>
        <v>N</v>
      </c>
      <c r="EI13" s="2" t="str">
        <f>IF(AND('Cambios Auto'!EI13&gt;0,'Indices Auto'!EJ13&gt;100),"V",IF(AND('Cambios Auto'!EI13&gt;0,'Indices Auto'!EJ13&lt;100),"A",IF(AND('Cambios Auto'!EI13&lt;0,'Indices Auto'!EJ13&gt;100),"N",IF(AND('Cambios Auto'!EI13&lt;0,'Indices Auto'!EJ13&lt;100),"R","NULL"))))</f>
        <v>N</v>
      </c>
      <c r="EJ13" s="2" t="str">
        <f>IF(AND('Cambios Auto'!EJ13&gt;0,'Indices Auto'!EK13&gt;100),"V",IF(AND('Cambios Auto'!EJ13&gt;0,'Indices Auto'!EK13&lt;100),"A",IF(AND('Cambios Auto'!EJ13&lt;0,'Indices Auto'!EK13&gt;100),"N",IF(AND('Cambios Auto'!EJ13&lt;0,'Indices Auto'!EK13&lt;100),"R","NULL"))))</f>
        <v>N</v>
      </c>
      <c r="EK13" s="2" t="str">
        <f>IF(AND('Cambios Auto'!EK13&gt;0,'Indices Auto'!EL13&gt;100),"V",IF(AND('Cambios Auto'!EK13&gt;0,'Indices Auto'!EL13&lt;100),"A",IF(AND('Cambios Auto'!EK13&lt;0,'Indices Auto'!EL13&gt;100),"N",IF(AND('Cambios Auto'!EK13&lt;0,'Indices Auto'!EL13&lt;100),"R","NULL"))))</f>
        <v>N</v>
      </c>
      <c r="EL13" s="2" t="str">
        <f>IF(AND('Cambios Auto'!EL13&gt;0,'Indices Auto'!EM13&gt;100),"V",IF(AND('Cambios Auto'!EL13&gt;0,'Indices Auto'!EM13&lt;100),"A",IF(AND('Cambios Auto'!EL13&lt;0,'Indices Auto'!EM13&gt;100),"N",IF(AND('Cambios Auto'!EL13&lt;0,'Indices Auto'!EM13&lt;100),"R","NULL"))))</f>
        <v>N</v>
      </c>
      <c r="EM13" s="2" t="str">
        <f>IF(AND('Cambios Auto'!EM13&gt;0,'Indices Auto'!EN13&gt;100),"V",IF(AND('Cambios Auto'!EM13&gt;0,'Indices Auto'!EN13&lt;100),"A",IF(AND('Cambios Auto'!EM13&lt;0,'Indices Auto'!EN13&gt;100),"N",IF(AND('Cambios Auto'!EM13&lt;0,'Indices Auto'!EN13&lt;100),"R","NULL"))))</f>
        <v>N</v>
      </c>
      <c r="EN13" s="2" t="str">
        <f>IF(AND('Cambios Auto'!EN13&gt;0,'Indices Auto'!EO13&gt;100),"V",IF(AND('Cambios Auto'!EN13&gt;0,'Indices Auto'!EO13&lt;100),"A",IF(AND('Cambios Auto'!EN13&lt;0,'Indices Auto'!EO13&gt;100),"N",IF(AND('Cambios Auto'!EN13&lt;0,'Indices Auto'!EO13&lt;100),"R","NULL"))))</f>
        <v>N</v>
      </c>
      <c r="EO13" s="2" t="str">
        <f>IF(AND('Cambios Auto'!EO13&gt;0,'Indices Auto'!EP13&gt;100),"V",IF(AND('Cambios Auto'!EO13&gt;0,'Indices Auto'!EP13&lt;100),"A",IF(AND('Cambios Auto'!EO13&lt;0,'Indices Auto'!EP13&gt;100),"N",IF(AND('Cambios Auto'!EO13&lt;0,'Indices Auto'!EP13&lt;100),"R","NULL"))))</f>
        <v>N</v>
      </c>
      <c r="EP13" s="2" t="str">
        <f>IF(AND('Cambios Auto'!EP13&gt;0,'Indices Auto'!EQ13&gt;100),"V",IF(AND('Cambios Auto'!EP13&gt;0,'Indices Auto'!EQ13&lt;100),"A",IF(AND('Cambios Auto'!EP13&lt;0,'Indices Auto'!EQ13&gt;100),"N",IF(AND('Cambios Auto'!EP13&lt;0,'Indices Auto'!EQ13&lt;100),"R","NULL"))))</f>
        <v>N</v>
      </c>
      <c r="EQ13" s="2" t="str">
        <f>IF(AND('Cambios Auto'!EQ13&gt;0,'Indices Auto'!ER13&gt;100),"V",IF(AND('Cambios Auto'!EQ13&gt;0,'Indices Auto'!ER13&lt;100),"A",IF(AND('Cambios Auto'!EQ13&lt;0,'Indices Auto'!ER13&gt;100),"N",IF(AND('Cambios Auto'!EQ13&lt;0,'Indices Auto'!ER13&lt;100),"R","NULL"))))</f>
        <v>N</v>
      </c>
      <c r="ER13" s="2" t="str">
        <f>IF(AND('Cambios Auto'!ER13&gt;0,'Indices Auto'!ES13&gt;100),"V",IF(AND('Cambios Auto'!ER13&gt;0,'Indices Auto'!ES13&lt;100),"A",IF(AND('Cambios Auto'!ER13&lt;0,'Indices Auto'!ES13&gt;100),"N",IF(AND('Cambios Auto'!ER13&lt;0,'Indices Auto'!ES13&lt;100),"R","NULL"))))</f>
        <v>N</v>
      </c>
      <c r="ES13" s="2" t="str">
        <f>IF(AND('Cambios Auto'!ES13&gt;0,'Indices Auto'!ET13&gt;100),"V",IF(AND('Cambios Auto'!ES13&gt;0,'Indices Auto'!ET13&lt;100),"A",IF(AND('Cambios Auto'!ES13&lt;0,'Indices Auto'!ET13&gt;100),"N",IF(AND('Cambios Auto'!ES13&lt;0,'Indices Auto'!ET13&lt;100),"R","NULL"))))</f>
        <v>N</v>
      </c>
      <c r="ET13" s="2" t="str">
        <f>IF(AND('Cambios Auto'!ET13&gt;0,'Indices Auto'!EU13&gt;100),"V",IF(AND('Cambios Auto'!ET13&gt;0,'Indices Auto'!EU13&lt;100),"A",IF(AND('Cambios Auto'!ET13&lt;0,'Indices Auto'!EU13&gt;100),"N",IF(AND('Cambios Auto'!ET13&lt;0,'Indices Auto'!EU13&lt;100),"R","NULL"))))</f>
        <v>N</v>
      </c>
      <c r="EU13" s="2" t="str">
        <f>IF(AND('Cambios Auto'!EU13&gt;0,'Indices Auto'!EV13&gt;100),"V",IF(AND('Cambios Auto'!EU13&gt;0,'Indices Auto'!EV13&lt;100),"A",IF(AND('Cambios Auto'!EU13&lt;0,'Indices Auto'!EV13&gt;100),"N",IF(AND('Cambios Auto'!EU13&lt;0,'Indices Auto'!EV13&lt;100),"R","NULL"))))</f>
        <v>N</v>
      </c>
      <c r="EV13" s="2" t="str">
        <f>IF(AND('Cambios Auto'!EV13&gt;0,'Indices Auto'!EW13&gt;100),"V",IF(AND('Cambios Auto'!EV13&gt;0,'Indices Auto'!EW13&lt;100),"A",IF(AND('Cambios Auto'!EV13&lt;0,'Indices Auto'!EW13&gt;100),"N",IF(AND('Cambios Auto'!EV13&lt;0,'Indices Auto'!EW13&lt;100),"R","NULL"))))</f>
        <v>N</v>
      </c>
      <c r="EW13" s="2" t="str">
        <f>IF(AND('Cambios Auto'!EW13&gt;0,'Indices Auto'!EX13&gt;100),"V",IF(AND('Cambios Auto'!EW13&gt;0,'Indices Auto'!EX13&lt;100),"A",IF(AND('Cambios Auto'!EW13&lt;0,'Indices Auto'!EX13&gt;100),"N",IF(AND('Cambios Auto'!EW13&lt;0,'Indices Auto'!EX13&lt;100),"R","NULL"))))</f>
        <v>V</v>
      </c>
      <c r="EX13" s="2" t="str">
        <f>IF(AND('Cambios Auto'!EX13&gt;0,'Indices Auto'!EY13&gt;100),"V",IF(AND('Cambios Auto'!EX13&gt;0,'Indices Auto'!EY13&lt;100),"A",IF(AND('Cambios Auto'!EX13&lt;0,'Indices Auto'!EY13&gt;100),"N",IF(AND('Cambios Auto'!EX13&lt;0,'Indices Auto'!EY13&lt;100),"R","NULL"))))</f>
        <v>V</v>
      </c>
      <c r="EY13" s="2" t="str">
        <f>IF(AND('Cambios Auto'!EY13&gt;0,'Indices Auto'!EZ13&gt;100),"V",IF(AND('Cambios Auto'!EY13&gt;0,'Indices Auto'!EZ13&lt;100),"A",IF(AND('Cambios Auto'!EY13&lt;0,'Indices Auto'!EZ13&gt;100),"N",IF(AND('Cambios Auto'!EY13&lt;0,'Indices Auto'!EZ13&lt;100),"R","NULL"))))</f>
        <v>V</v>
      </c>
      <c r="EZ13" s="2" t="str">
        <f>IF(AND('Cambios Auto'!EZ13&gt;0,'Indices Auto'!FA13&gt;100),"V",IF(AND('Cambios Auto'!EZ13&gt;0,'Indices Auto'!FA13&lt;100),"A",IF(AND('Cambios Auto'!EZ13&lt;0,'Indices Auto'!FA13&gt;100),"N",IF(AND('Cambios Auto'!EZ13&lt;0,'Indices Auto'!FA13&lt;100),"R","NULL"))))</f>
        <v>V</v>
      </c>
      <c r="FA13" s="2" t="str">
        <f>IF(AND('Cambios Auto'!FA13&gt;0,'Indices Auto'!FB13&gt;100),"V",IF(AND('Cambios Auto'!FA13&gt;0,'Indices Auto'!FB13&lt;100),"A",IF(AND('Cambios Auto'!FA13&lt;0,'Indices Auto'!FB13&gt;100),"N",IF(AND('Cambios Auto'!FA13&lt;0,'Indices Auto'!FB13&lt;100),"R","NULL"))))</f>
        <v>V</v>
      </c>
      <c r="FB13" s="2" t="str">
        <f>IF(AND('Cambios Auto'!FB13&gt;0,'Indices Auto'!FC13&gt;100),"V",IF(AND('Cambios Auto'!FB13&gt;0,'Indices Auto'!FC13&lt;100),"A",IF(AND('Cambios Auto'!FB13&lt;0,'Indices Auto'!FC13&gt;100),"N",IF(AND('Cambios Auto'!FB13&lt;0,'Indices Auto'!FC13&lt;100),"R","NULL"))))</f>
        <v>V</v>
      </c>
      <c r="FC13" s="2" t="str">
        <f>IF(AND('Cambios Auto'!FC13&gt;0,'Indices Auto'!FD13&gt;100),"V",IF(AND('Cambios Auto'!FC13&gt;0,'Indices Auto'!FD13&lt;100),"A",IF(AND('Cambios Auto'!FC13&lt;0,'Indices Auto'!FD13&gt;100),"N",IF(AND('Cambios Auto'!FC13&lt;0,'Indices Auto'!FD13&lt;100),"R","NULL"))))</f>
        <v>V</v>
      </c>
      <c r="FD13" s="2" t="str">
        <f>IF(AND('Cambios Auto'!FD13&gt;0,'Indices Auto'!FE13&gt;100),"V",IF(AND('Cambios Auto'!FD13&gt;0,'Indices Auto'!FE13&lt;100),"A",IF(AND('Cambios Auto'!FD13&lt;0,'Indices Auto'!FE13&gt;100),"N",IF(AND('Cambios Auto'!FD13&lt;0,'Indices Auto'!FE13&lt;100),"R","NULL"))))</f>
        <v>V</v>
      </c>
      <c r="FE13" s="2" t="str">
        <f>IF(AND('Cambios Auto'!FE13&gt;0,'Indices Auto'!FF13&gt;100),"V",IF(AND('Cambios Auto'!FE13&gt;0,'Indices Auto'!FF13&lt;100),"A",IF(AND('Cambios Auto'!FE13&lt;0,'Indices Auto'!FF13&gt;100),"N",IF(AND('Cambios Auto'!FE13&lt;0,'Indices Auto'!FF13&lt;100),"R","NULL"))))</f>
        <v>V</v>
      </c>
      <c r="FF13" s="2" t="str">
        <f>IF(AND('Cambios Auto'!FF13&gt;0,'Indices Auto'!FG13&gt;100),"V",IF(AND('Cambios Auto'!FF13&gt;0,'Indices Auto'!FG13&lt;100),"A",IF(AND('Cambios Auto'!FF13&lt;0,'Indices Auto'!FG13&gt;100),"N",IF(AND('Cambios Auto'!FF13&lt;0,'Indices Auto'!FG13&lt;100),"R","NULL"))))</f>
        <v>N</v>
      </c>
      <c r="FG13" s="2" t="str">
        <f>IF(AND('Cambios Auto'!FG13&gt;0,'Indices Auto'!FH13&gt;100),"V",IF(AND('Cambios Auto'!FG13&gt;0,'Indices Auto'!FH13&lt;100),"A",IF(AND('Cambios Auto'!FG13&lt;0,'Indices Auto'!FH13&gt;100),"N",IF(AND('Cambios Auto'!FG13&lt;0,'Indices Auto'!FH13&lt;100),"R","NULL"))))</f>
        <v>N</v>
      </c>
      <c r="FH13" s="2" t="str">
        <f>IF(AND('Cambios Auto'!FH13&gt;0,'Indices Auto'!FI13&gt;100),"V",IF(AND('Cambios Auto'!FH13&gt;0,'Indices Auto'!FI13&lt;100),"A",IF(AND('Cambios Auto'!FH13&lt;0,'Indices Auto'!FI13&gt;100),"N",IF(AND('Cambios Auto'!FH13&lt;0,'Indices Auto'!FI13&lt;100),"R","NULL"))))</f>
        <v>N</v>
      </c>
      <c r="FI13" s="2" t="str">
        <f>IF(AND('Cambios Auto'!FI13&gt;0,'Indices Auto'!FJ13&gt;100),"V",IF(AND('Cambios Auto'!FI13&gt;0,'Indices Auto'!FJ13&lt;100),"A",IF(AND('Cambios Auto'!FI13&lt;0,'Indices Auto'!FJ13&gt;100),"N",IF(AND('Cambios Auto'!FI13&lt;0,'Indices Auto'!FJ13&lt;100),"R","NULL"))))</f>
        <v>N</v>
      </c>
      <c r="FJ13" s="2" t="str">
        <f>IF(AND('Cambios Auto'!FJ13&gt;0,'Indices Auto'!FK13&gt;100),"V",IF(AND('Cambios Auto'!FJ13&gt;0,'Indices Auto'!FK13&lt;100),"A",IF(AND('Cambios Auto'!FJ13&lt;0,'Indices Auto'!FK13&gt;100),"N",IF(AND('Cambios Auto'!FJ13&lt;0,'Indices Auto'!FK13&lt;100),"R","NULL"))))</f>
        <v>N</v>
      </c>
      <c r="FK13" s="2" t="str">
        <f>IF(AND('Cambios Auto'!FK13&gt;0,'Indices Auto'!FL13&gt;100),"V",IF(AND('Cambios Auto'!FK13&gt;0,'Indices Auto'!FL13&lt;100),"A",IF(AND('Cambios Auto'!FK13&lt;0,'Indices Auto'!FL13&gt;100),"N",IF(AND('Cambios Auto'!FK13&lt;0,'Indices Auto'!FL13&lt;100),"R","NULL"))))</f>
        <v>N</v>
      </c>
      <c r="FL13" s="2" t="str">
        <f>IF(AND('Cambios Auto'!FL13&gt;0,'Indices Auto'!FM13&gt;100),"V",IF(AND('Cambios Auto'!FL13&gt;0,'Indices Auto'!FM13&lt;100),"A",IF(AND('Cambios Auto'!FL13&lt;0,'Indices Auto'!FM13&gt;100),"N",IF(AND('Cambios Auto'!FL13&lt;0,'Indices Auto'!FM13&lt;100),"R","NULL"))))</f>
        <v>N</v>
      </c>
      <c r="FM13" s="2" t="str">
        <f>IF(AND('Cambios Auto'!FM13&gt;0,'Indices Auto'!FN13&gt;100),"V",IF(AND('Cambios Auto'!FM13&gt;0,'Indices Auto'!FN13&lt;100),"A",IF(AND('Cambios Auto'!FM13&lt;0,'Indices Auto'!FN13&gt;100),"N",IF(AND('Cambios Auto'!FM13&lt;0,'Indices Auto'!FN13&lt;100),"R","NULL"))))</f>
        <v>N</v>
      </c>
      <c r="FN13" s="2" t="str">
        <f>IF(AND('Cambios Auto'!FN13&gt;0,'Indices Auto'!FO13&gt;100),"V",IF(AND('Cambios Auto'!FN13&gt;0,'Indices Auto'!FO13&lt;100),"A",IF(AND('Cambios Auto'!FN13&lt;0,'Indices Auto'!FO13&gt;100),"N",IF(AND('Cambios Auto'!FN13&lt;0,'Indices Auto'!FO13&lt;100),"R","NULL"))))</f>
        <v>N</v>
      </c>
      <c r="FO13" s="2" t="str">
        <f>IF(AND('Cambios Auto'!FO13&gt;0,'Indices Auto'!FP13&gt;100),"V",IF(AND('Cambios Auto'!FO13&gt;0,'Indices Auto'!FP13&lt;100),"A",IF(AND('Cambios Auto'!FO13&lt;0,'Indices Auto'!FP13&gt;100),"N",IF(AND('Cambios Auto'!FO13&lt;0,'Indices Auto'!FP13&lt;100),"R","NULL"))))</f>
        <v>V</v>
      </c>
      <c r="FP13" s="2" t="str">
        <f>IF(AND('Cambios Auto'!FP13&gt;0,'Indices Auto'!FQ13&gt;100),"V",IF(AND('Cambios Auto'!FP13&gt;0,'Indices Auto'!FQ13&lt;100),"A",IF(AND('Cambios Auto'!FP13&lt;0,'Indices Auto'!FQ13&gt;100),"N",IF(AND('Cambios Auto'!FP13&lt;0,'Indices Auto'!FQ13&lt;100),"R","NULL"))))</f>
        <v>V</v>
      </c>
      <c r="FQ13" s="2" t="str">
        <f>IF(AND('Cambios Auto'!FQ13&gt;0,'Indices Auto'!FR13&gt;100),"V",IF(AND('Cambios Auto'!FQ13&gt;0,'Indices Auto'!FR13&lt;100),"A",IF(AND('Cambios Auto'!FQ13&lt;0,'Indices Auto'!FR13&gt;100),"N",IF(AND('Cambios Auto'!FQ13&lt;0,'Indices Auto'!FR13&lt;100),"R","NULL"))))</f>
        <v>V</v>
      </c>
      <c r="FR13" s="2" t="str">
        <f>IF(AND('Cambios Auto'!FR13&gt;0,'Indices Auto'!FS13&gt;100),"V",IF(AND('Cambios Auto'!FR13&gt;0,'Indices Auto'!FS13&lt;100),"A",IF(AND('Cambios Auto'!FR13&lt;0,'Indices Auto'!FS13&gt;100),"N",IF(AND('Cambios Auto'!FR13&lt;0,'Indices Auto'!FS13&lt;100),"R","NULL"))))</f>
        <v>V</v>
      </c>
      <c r="FS13" s="2" t="str">
        <f>IF(AND('Cambios Auto'!FS13&gt;0,'Indices Auto'!FT13&gt;100),"V",IF(AND('Cambios Auto'!FS13&gt;0,'Indices Auto'!FT13&lt;100),"A",IF(AND('Cambios Auto'!FS13&lt;0,'Indices Auto'!FT13&gt;100),"N",IF(AND('Cambios Auto'!FS13&lt;0,'Indices Auto'!FT13&lt;100),"R","NULL"))))</f>
        <v>V</v>
      </c>
      <c r="FT13" s="2" t="str">
        <f>IF(AND('Cambios Auto'!FT13&gt;0,'Indices Auto'!FU13&gt;100),"V",IF(AND('Cambios Auto'!FT13&gt;0,'Indices Auto'!FU13&lt;100),"A",IF(AND('Cambios Auto'!FT13&lt;0,'Indices Auto'!FU13&gt;100),"N",IF(AND('Cambios Auto'!FT13&lt;0,'Indices Auto'!FU13&lt;100),"R","NULL"))))</f>
        <v>V</v>
      </c>
      <c r="FU13" s="2" t="str">
        <f>IF(AND('Cambios Auto'!FU13&gt;0,'Indices Auto'!FV13&gt;100),"V",IF(AND('Cambios Auto'!FU13&gt;0,'Indices Auto'!FV13&lt;100),"A",IF(AND('Cambios Auto'!FU13&lt;0,'Indices Auto'!FV13&gt;100),"N",IF(AND('Cambios Auto'!FU13&lt;0,'Indices Auto'!FV13&lt;100),"R","NULL"))))</f>
        <v>V</v>
      </c>
      <c r="FV13" s="2" t="str">
        <f>IF(AND('Cambios Auto'!FV13&gt;0,'Indices Auto'!FW13&gt;100),"V",IF(AND('Cambios Auto'!FV13&gt;0,'Indices Auto'!FW13&lt;100),"A",IF(AND('Cambios Auto'!FV13&lt;0,'Indices Auto'!FW13&gt;100),"N",IF(AND('Cambios Auto'!FV13&lt;0,'Indices Auto'!FW13&lt;100),"R","NULL"))))</f>
        <v>V</v>
      </c>
      <c r="FW13" s="2" t="str">
        <f>IF(AND('Cambios Auto'!FW13&gt;0,'Indices Auto'!FX13&gt;100),"V",IF(AND('Cambios Auto'!FW13&gt;0,'Indices Auto'!FX13&lt;100),"A",IF(AND('Cambios Auto'!FW13&lt;0,'Indices Auto'!FX13&gt;100),"N",IF(AND('Cambios Auto'!FW13&lt;0,'Indices Auto'!FX13&lt;100),"R","NULL"))))</f>
        <v>N</v>
      </c>
      <c r="FX13" s="2" t="str">
        <f>IF(AND('Cambios Auto'!FX13&gt;0,'Indices Auto'!FY13&gt;100),"V",IF(AND('Cambios Auto'!FX13&gt;0,'Indices Auto'!FY13&lt;100),"A",IF(AND('Cambios Auto'!FX13&lt;0,'Indices Auto'!FY13&gt;100),"N",IF(AND('Cambios Auto'!FX13&lt;0,'Indices Auto'!FY13&lt;100),"R","NULL"))))</f>
        <v>N</v>
      </c>
      <c r="FY13" s="2" t="str">
        <f>IF(AND('Cambios Auto'!FY13&gt;0,'Indices Auto'!FZ13&gt;100),"V",IF(AND('Cambios Auto'!FY13&gt;0,'Indices Auto'!FZ13&lt;100),"A",IF(AND('Cambios Auto'!FY13&lt;0,'Indices Auto'!FZ13&gt;100),"N",IF(AND('Cambios Auto'!FY13&lt;0,'Indices Auto'!FZ13&lt;100),"R","NULL"))))</f>
        <v>N</v>
      </c>
      <c r="FZ13" s="2" t="str">
        <f>IF(AND('Cambios Auto'!FZ13&gt;0,'Indices Auto'!GA13&gt;100),"V",IF(AND('Cambios Auto'!FZ13&gt;0,'Indices Auto'!GA13&lt;100),"A",IF(AND('Cambios Auto'!FZ13&lt;0,'Indices Auto'!GA13&gt;100),"N",IF(AND('Cambios Auto'!FZ13&lt;0,'Indices Auto'!GA13&lt;100),"R","NULL"))))</f>
        <v>R</v>
      </c>
      <c r="GA13" s="2" t="str">
        <f>IF(AND('Cambios Auto'!GA13&gt;0,'Indices Auto'!GB13&gt;100),"V",IF(AND('Cambios Auto'!GA13&gt;0,'Indices Auto'!GB13&lt;100),"A",IF(AND('Cambios Auto'!GA13&lt;0,'Indices Auto'!GB13&gt;100),"N",IF(AND('Cambios Auto'!GA13&lt;0,'Indices Auto'!GB13&lt;100),"R","NULL"))))</f>
        <v>R</v>
      </c>
      <c r="GB13" s="2" t="str">
        <f>IF(AND('Cambios Auto'!GB13&gt;0,'Indices Auto'!GC13&gt;100),"V",IF(AND('Cambios Auto'!GB13&gt;0,'Indices Auto'!GC13&lt;100),"A",IF(AND('Cambios Auto'!GB13&lt;0,'Indices Auto'!GC13&gt;100),"N",IF(AND('Cambios Auto'!GB13&lt;0,'Indices Auto'!GC13&lt;100),"R","NULL"))))</f>
        <v>R</v>
      </c>
      <c r="GC13" s="2" t="str">
        <f>IF(AND('Cambios Auto'!GC13&gt;0,'Indices Auto'!GD13&gt;100),"V",IF(AND('Cambios Auto'!GC13&gt;0,'Indices Auto'!GD13&lt;100),"A",IF(AND('Cambios Auto'!GC13&lt;0,'Indices Auto'!GD13&gt;100),"N",IF(AND('Cambios Auto'!GC13&lt;0,'Indices Auto'!GD13&lt;100),"R","NULL"))))</f>
        <v>R</v>
      </c>
      <c r="GD13" s="2" t="str">
        <f>IF(AND('Cambios Auto'!GD13&gt;0,'Indices Auto'!GE13&gt;100),"V",IF(AND('Cambios Auto'!GD13&gt;0,'Indices Auto'!GE13&lt;100),"A",IF(AND('Cambios Auto'!GD13&lt;0,'Indices Auto'!GE13&gt;100),"N",IF(AND('Cambios Auto'!GD13&lt;0,'Indices Auto'!GE13&lt;100),"R","NULL"))))</f>
        <v>R</v>
      </c>
      <c r="GE13" s="2" t="str">
        <f>IF(AND('Cambios Auto'!GE13&gt;0,'Indices Auto'!GF13&gt;100),"V",IF(AND('Cambios Auto'!GE13&gt;0,'Indices Auto'!GF13&lt;100),"A",IF(AND('Cambios Auto'!GE13&lt;0,'Indices Auto'!GF13&gt;100),"N",IF(AND('Cambios Auto'!GE13&lt;0,'Indices Auto'!GF13&lt;100),"R","NULL"))))</f>
        <v>R</v>
      </c>
      <c r="GF13" s="2" t="str">
        <f>IF(AND('Cambios Auto'!GF13&gt;0,'Indices Auto'!GG13&gt;100),"V",IF(AND('Cambios Auto'!GF13&gt;0,'Indices Auto'!GG13&lt;100),"A",IF(AND('Cambios Auto'!GF13&lt;0,'Indices Auto'!GG13&gt;100),"N",IF(AND('Cambios Auto'!GF13&lt;0,'Indices Auto'!GG13&lt;100),"R","NULL"))))</f>
        <v>R</v>
      </c>
      <c r="GG13" s="2" t="str">
        <f>IF(AND('Cambios Auto'!GG13&gt;0,'Indices Auto'!GH13&gt;100),"V",IF(AND('Cambios Auto'!GG13&gt;0,'Indices Auto'!GH13&lt;100),"A",IF(AND('Cambios Auto'!GG13&lt;0,'Indices Auto'!GH13&gt;100),"N",IF(AND('Cambios Auto'!GG13&lt;0,'Indices Auto'!GH13&lt;100),"R","NULL"))))</f>
        <v>A</v>
      </c>
      <c r="GH13" s="2" t="str">
        <f>IF(AND('Cambios Auto'!GH13&gt;0,'Indices Auto'!GR13&gt;100),"V",IF(AND('Cambios Auto'!GH13&gt;0,'Indices Auto'!GR13&lt;100),"A",IF(AND('Cambios Auto'!GH13&lt;0,'Indices Auto'!GR13&gt;100),"N",IF(AND('Cambios Auto'!GH13&lt;0,'Indices Auto'!GR13&lt;100),"R","NULL"))))</f>
        <v>A</v>
      </c>
      <c r="GI13" s="2" t="str">
        <f>IF(AND('Cambios Auto'!GI13&gt;0,'Indices Auto'!GS13&gt;100),"V",IF(AND('Cambios Auto'!GI13&gt;0,'Indices Auto'!GS13&lt;100),"A",IF(AND('Cambios Auto'!GI13&lt;0,'Indices Auto'!GS13&gt;100),"N",IF(AND('Cambios Auto'!GI13&lt;0,'Indices Auto'!GS13&lt;100),"R","NULL"))))</f>
        <v>A</v>
      </c>
      <c r="GJ13" s="2" t="str">
        <f>IF(AND('Cambios Auto'!GJ13&gt;0,'Indices Auto'!GT13&gt;100),"V",IF(AND('Cambios Auto'!GJ13&gt;0,'Indices Auto'!GT13&lt;100),"A",IF(AND('Cambios Auto'!GJ13&lt;0,'Indices Auto'!GT13&gt;100),"N",IF(AND('Cambios Auto'!GJ13&lt;0,'Indices Auto'!GT13&lt;100),"R","NULL"))))</f>
        <v>A</v>
      </c>
      <c r="GK13" s="2" t="str">
        <f>IF(AND('Cambios Auto'!GK13&gt;0,'Indices Auto'!GU13&gt;100),"V",IF(AND('Cambios Auto'!GK13&gt;0,'Indices Auto'!GU13&lt;100),"A",IF(AND('Cambios Auto'!GK13&lt;0,'Indices Auto'!GU13&gt;100),"N",IF(AND('Cambios Auto'!GK13&lt;0,'Indices Auto'!GU13&lt;100),"R","NULL"))))</f>
        <v>A</v>
      </c>
      <c r="GL13" s="2" t="str">
        <f>IF(AND('Cambios Auto'!GL13&gt;0,'Indices Auto'!GV13&gt;100),"V",IF(AND('Cambios Auto'!GL13&gt;0,'Indices Auto'!GV13&lt;100),"A",IF(AND('Cambios Auto'!GL13&lt;0,'Indices Auto'!GV13&gt;100),"N",IF(AND('Cambios Auto'!GL13&lt;0,'Indices Auto'!GV13&lt;100),"R","NULL"))))</f>
        <v>R</v>
      </c>
      <c r="GM13" s="2" t="str">
        <f>IF(AND('Cambios Auto'!GM13&gt;0,'Indices Auto'!GW13&gt;100),"V",IF(AND('Cambios Auto'!GM13&gt;0,'Indices Auto'!GW13&lt;100),"A",IF(AND('Cambios Auto'!GM13&lt;0,'Indices Auto'!GW13&gt;100),"N",IF(AND('Cambios Auto'!GM13&lt;0,'Indices Auto'!GW13&lt;100),"R","NULL"))))</f>
        <v>R</v>
      </c>
      <c r="GN13" s="2" t="str">
        <f>IF(AND('Cambios Auto'!GN13&gt;0,'Indices Auto'!GX13&gt;100),"V",IF(AND('Cambios Auto'!GN13&gt;0,'Indices Auto'!GX13&lt;100),"A",IF(AND('Cambios Auto'!GN13&lt;0,'Indices Auto'!GX13&gt;100),"N",IF(AND('Cambios Auto'!GN13&lt;0,'Indices Auto'!GX13&lt;100),"R","NULL"))))</f>
        <v>R</v>
      </c>
      <c r="GO13" s="2" t="str">
        <f>IF(AND('Cambios Auto'!GO13&gt;0,'Indices Auto'!GY13&gt;100),"V",IF(AND('Cambios Auto'!GO13&gt;0,'Indices Auto'!GY13&lt;100),"A",IF(AND('Cambios Auto'!GO13&lt;0,'Indices Auto'!GY13&gt;100),"N",IF(AND('Cambios Auto'!GO13&lt;0,'Indices Auto'!GY13&lt;100),"R","NULL"))))</f>
        <v>A</v>
      </c>
      <c r="GP13" s="2" t="str">
        <f>IF(AND('Cambios Auto'!GP13&gt;0,'Indices Auto'!GZ13&gt;100),"V",IF(AND('Cambios Auto'!GP13&gt;0,'Indices Auto'!GZ13&lt;100),"A",IF(AND('Cambios Auto'!GP13&lt;0,'Indices Auto'!GZ13&gt;100),"N",IF(AND('Cambios Auto'!GP13&lt;0,'Indices Auto'!GZ13&lt;100),"R","NULL"))))</f>
        <v>A</v>
      </c>
      <c r="GQ13" s="2" t="str">
        <f>IF(AND('Cambios Auto'!GQ13&gt;0,'Indices Auto'!HA13&gt;100),"V",IF(AND('Cambios Auto'!GQ13&gt;0,'Indices Auto'!HA13&lt;100),"A",IF(AND('Cambios Auto'!GQ13&lt;0,'Indices Auto'!HA13&gt;100),"N",IF(AND('Cambios Auto'!GQ13&lt;0,'Indices Auto'!HA13&lt;100),"R","NULL"))))</f>
        <v>A</v>
      </c>
      <c r="GR13" s="2" t="str">
        <f>IF(AND('Cambios Auto'!GR13&gt;0,'Indices Auto'!HB13&gt;100),"V",IF(AND('Cambios Auto'!GR13&gt;0,'Indices Auto'!HB13&lt;100),"A",IF(AND('Cambios Auto'!GR13&lt;0,'Indices Auto'!HB13&gt;100),"N",IF(AND('Cambios Auto'!GR13&lt;0,'Indices Auto'!HB13&lt;100),"R","NULL"))))</f>
        <v>NULL</v>
      </c>
      <c r="GS13" s="2" t="str">
        <f>IF(AND('Cambios Auto'!GS13&gt;0,'Indices Auto'!HC13&gt;100),"V",IF(AND('Cambios Auto'!GS13&gt;0,'Indices Auto'!HC13&lt;100),"A",IF(AND('Cambios Auto'!GS13&lt;0,'Indices Auto'!HC13&gt;100),"N",IF(AND('Cambios Auto'!GS13&lt;0,'Indices Auto'!HC13&lt;100),"R","NULL"))))</f>
        <v>NULL</v>
      </c>
      <c r="GT13" s="2" t="str">
        <f>IF(AND('Cambios Auto'!GT13&gt;0,'Indices Auto'!HD13&gt;100),"V",IF(AND('Cambios Auto'!GT13&gt;0,'Indices Auto'!HD13&lt;100),"A",IF(AND('Cambios Auto'!GT13&lt;0,'Indices Auto'!HD13&gt;100),"N",IF(AND('Cambios Auto'!GT13&lt;0,'Indices Auto'!HD13&lt;100),"R","NULL"))))</f>
        <v>NULL</v>
      </c>
      <c r="GU13" s="2" t="str">
        <f>IF(AND('Cambios Auto'!GU13&gt;0,'Indices Auto'!HE13&gt;100),"V",IF(AND('Cambios Auto'!GU13&gt;0,'Indices Auto'!HE13&lt;100),"A",IF(AND('Cambios Auto'!GU13&lt;0,'Indices Auto'!HE13&gt;100),"N",IF(AND('Cambios Auto'!GU13&lt;0,'Indices Auto'!HE13&lt;100),"R","NULL"))))</f>
        <v>NULL</v>
      </c>
      <c r="GV13" s="2" t="str">
        <f>IF(AND('Cambios Auto'!GV13&gt;0,'Indices Auto'!HF13&gt;100),"V",IF(AND('Cambios Auto'!GV13&gt;0,'Indices Auto'!HF13&lt;100),"A",IF(AND('Cambios Auto'!GV13&lt;0,'Indices Auto'!HF13&gt;100),"N",IF(AND('Cambios Auto'!GV13&lt;0,'Indices Auto'!HF13&lt;100),"R","NULL"))))</f>
        <v>NULL</v>
      </c>
      <c r="GW13" s="2" t="str">
        <f>IF(AND('Cambios Auto'!GW13&gt;0,'Indices Auto'!HG13&gt;100),"V",IF(AND('Cambios Auto'!GW13&gt;0,'Indices Auto'!HG13&lt;100),"A",IF(AND('Cambios Auto'!GW13&lt;0,'Indices Auto'!HG13&gt;100),"N",IF(AND('Cambios Auto'!GW13&lt;0,'Indices Auto'!HG13&lt;100),"R","NULL"))))</f>
        <v>NULL</v>
      </c>
      <c r="GX13" s="2" t="str">
        <f>IF(AND('Cambios Auto'!GX13&gt;0,'Indices Auto'!HH13&gt;100),"V",IF(AND('Cambios Auto'!GX13&gt;0,'Indices Auto'!HH13&lt;100),"A",IF(AND('Cambios Auto'!GX13&lt;0,'Indices Auto'!HH13&gt;100),"N",IF(AND('Cambios Auto'!GX13&lt;0,'Indices Auto'!HH13&lt;100),"R","NULL"))))</f>
        <v>NULL</v>
      </c>
      <c r="GY13" s="2" t="str">
        <f>IF(AND('Cambios Auto'!GY13&gt;0,'Indices Auto'!HI13&gt;100),"V",IF(AND('Cambios Auto'!GY13&gt;0,'Indices Auto'!HI13&lt;100),"A",IF(AND('Cambios Auto'!GY13&lt;0,'Indices Auto'!HI13&gt;100),"N",IF(AND('Cambios Auto'!GY13&lt;0,'Indices Auto'!HI13&lt;100),"R","NULL"))))</f>
        <v>NULL</v>
      </c>
      <c r="GZ13" s="2" t="str">
        <f>IF(AND('Cambios Auto'!GZ13&gt;0,'Indices Auto'!HJ13&gt;100),"V",IF(AND('Cambios Auto'!GZ13&gt;0,'Indices Auto'!HJ13&lt;100),"A",IF(AND('Cambios Auto'!GZ13&lt;0,'Indices Auto'!HJ13&gt;100),"N",IF(AND('Cambios Auto'!GZ13&lt;0,'Indices Auto'!HJ13&lt;100),"R","NULL"))))</f>
        <v>NULL</v>
      </c>
      <c r="HA13" s="2" t="str">
        <f>IF(AND('Cambios Auto'!HA13&gt;0,'Indices Auto'!HK13&gt;100),"V",IF(AND('Cambios Auto'!HA13&gt;0,'Indices Auto'!HK13&lt;100),"A",IF(AND('Cambios Auto'!HA13&lt;0,'Indices Auto'!HK13&gt;100),"N",IF(AND('Cambios Auto'!HA13&lt;0,'Indices Auto'!HK13&lt;100),"R","NULL"))))</f>
        <v>NULL</v>
      </c>
      <c r="HB13" s="2" t="str">
        <f>IF(AND('Cambios Auto'!HB13&gt;0,'Indices Auto'!HL13&gt;100),"V",IF(AND('Cambios Auto'!HB13&gt;0,'Indices Auto'!HL13&lt;100),"A",IF(AND('Cambios Auto'!HB13&lt;0,'Indices Auto'!HL13&gt;100),"N",IF(AND('Cambios Auto'!HB13&lt;0,'Indices Auto'!HL13&lt;100),"R","NULL"))))</f>
        <v>NULL</v>
      </c>
      <c r="HC13" s="2" t="str">
        <f>IF(AND('Cambios Auto'!HC13&gt;0,'Indices Auto'!HM13&gt;100),"V",IF(AND('Cambios Auto'!HC13&gt;0,'Indices Auto'!HM13&lt;100),"A",IF(AND('Cambios Auto'!HC13&lt;0,'Indices Auto'!HM13&gt;100),"N",IF(AND('Cambios Auto'!HC13&lt;0,'Indices Auto'!HM13&lt;100),"R","NULL"))))</f>
        <v>NULL</v>
      </c>
      <c r="HD13" s="2" t="str">
        <f>IF(AND('Cambios Auto'!HD13&gt;0,'Indices Auto'!HN13&gt;100),"V",IF(AND('Cambios Auto'!HD13&gt;0,'Indices Auto'!HN13&lt;100),"A",IF(AND('Cambios Auto'!HD13&lt;0,'Indices Auto'!HN13&gt;100),"N",IF(AND('Cambios Auto'!HD13&lt;0,'Indices Auto'!HN13&lt;100),"R","NULL"))))</f>
        <v>NULL</v>
      </c>
      <c r="HE13" s="2" t="str">
        <f>IF(AND('Cambios Auto'!HE13&gt;0,'Indices Auto'!HO13&gt;100),"V",IF(AND('Cambios Auto'!HE13&gt;0,'Indices Auto'!HO13&lt;100),"A",IF(AND('Cambios Auto'!HE13&lt;0,'Indices Auto'!HO13&gt;100),"N",IF(AND('Cambios Auto'!HE13&lt;0,'Indices Auto'!HO13&lt;100),"R","NULL"))))</f>
        <v>NULL</v>
      </c>
      <c r="HF13" s="2" t="str">
        <f>IF(AND('Cambios Auto'!HF13&gt;0,'Indices Auto'!HP13&gt;100),"V",IF(AND('Cambios Auto'!HF13&gt;0,'Indices Auto'!HP13&lt;100),"A",IF(AND('Cambios Auto'!HF13&lt;0,'Indices Auto'!HP13&gt;100),"N",IF(AND('Cambios Auto'!HF13&lt;0,'Indices Auto'!HP13&lt;100),"R","NULL"))))</f>
        <v>NULL</v>
      </c>
      <c r="HG13" s="2" t="str">
        <f>IF(AND('Cambios Auto'!HG13&gt;0,'Indices Auto'!HQ13&gt;100),"V",IF(AND('Cambios Auto'!HG13&gt;0,'Indices Auto'!HQ13&lt;100),"A",IF(AND('Cambios Auto'!HG13&lt;0,'Indices Auto'!HQ13&gt;100),"N",IF(AND('Cambios Auto'!HG13&lt;0,'Indices Auto'!HQ13&lt;100),"R","NULL"))))</f>
        <v>NULL</v>
      </c>
      <c r="HH13" s="2" t="str">
        <f>IF(AND('Cambios Auto'!HH13&gt;0,'Indices Auto'!HR13&gt;100),"V",IF(AND('Cambios Auto'!HH13&gt;0,'Indices Auto'!HR13&lt;100),"A",IF(AND('Cambios Auto'!HH13&lt;0,'Indices Auto'!HR13&gt;100),"N",IF(AND('Cambios Auto'!HH13&lt;0,'Indices Auto'!HR13&lt;100),"R","NULL"))))</f>
        <v>NULL</v>
      </c>
      <c r="HI13" s="2" t="str">
        <f>IF(AND('Cambios Auto'!HI13&gt;0,'Indices Auto'!HS13&gt;100),"V",IF(AND('Cambios Auto'!HI13&gt;0,'Indices Auto'!HS13&lt;100),"A",IF(AND('Cambios Auto'!HI13&lt;0,'Indices Auto'!HS13&gt;100),"N",IF(AND('Cambios Auto'!HI13&lt;0,'Indices Auto'!HS13&lt;100),"R","NULL"))))</f>
        <v>NULL</v>
      </c>
      <c r="HJ13" s="2" t="str">
        <f>IF(AND('Cambios Auto'!HJ13&gt;0,'Indices Auto'!HT13&gt;100),"V",IF(AND('Cambios Auto'!HJ13&gt;0,'Indices Auto'!HT13&lt;100),"A",IF(AND('Cambios Auto'!HJ13&lt;0,'Indices Auto'!HT13&gt;100),"N",IF(AND('Cambios Auto'!HJ13&lt;0,'Indices Auto'!HT13&lt;100),"R","NULL"))))</f>
        <v>NULL</v>
      </c>
      <c r="HK13" s="2" t="str">
        <f>IF(AND('Cambios Auto'!HK13&gt;0,'Indices Auto'!HU13&gt;100),"V",IF(AND('Cambios Auto'!HK13&gt;0,'Indices Auto'!HU13&lt;100),"A",IF(AND('Cambios Auto'!HK13&lt;0,'Indices Auto'!HU13&gt;100),"N",IF(AND('Cambios Auto'!HK13&lt;0,'Indices Auto'!HU13&lt;100),"R","NULL"))))</f>
        <v>NULL</v>
      </c>
      <c r="HL13" s="2" t="str">
        <f>IF(AND('Cambios Auto'!HL13&gt;0,'Indices Auto'!HV13&gt;100),"V",IF(AND('Cambios Auto'!HL13&gt;0,'Indices Auto'!HV13&lt;100),"A",IF(AND('Cambios Auto'!HL13&lt;0,'Indices Auto'!HV13&gt;100),"N",IF(AND('Cambios Auto'!HL13&lt;0,'Indices Auto'!HV13&lt;100),"R","NULL"))))</f>
        <v>NULL</v>
      </c>
      <c r="HM13" s="2" t="str">
        <f>IF(AND('Cambios Auto'!HM13&gt;0,'Indices Auto'!HW13&gt;100),"V",IF(AND('Cambios Auto'!HM13&gt;0,'Indices Auto'!HW13&lt;100),"A",IF(AND('Cambios Auto'!HM13&lt;0,'Indices Auto'!HW13&gt;100),"N",IF(AND('Cambios Auto'!HM13&lt;0,'Indices Auto'!HW13&lt;100),"R","NULL"))))</f>
        <v>NULL</v>
      </c>
      <c r="HN13" s="2" t="str">
        <f>IF(AND('Cambios Auto'!HN13&gt;0,'Indices Auto'!HX13&gt;100),"V",IF(AND('Cambios Auto'!HN13&gt;0,'Indices Auto'!HX13&lt;100),"A",IF(AND('Cambios Auto'!HN13&lt;0,'Indices Auto'!HX13&gt;100),"N",IF(AND('Cambios Auto'!HN13&lt;0,'Indices Auto'!HX13&lt;100),"R","NULL"))))</f>
        <v>NULL</v>
      </c>
      <c r="HO13" s="2" t="str">
        <f>IF(AND('Cambios Auto'!HO13&gt;0,'Indices Auto'!HY13&gt;100),"V",IF(AND('Cambios Auto'!HO13&gt;0,'Indices Auto'!HY13&lt;100),"A",IF(AND('Cambios Auto'!HO13&lt;0,'Indices Auto'!HY13&gt;100),"N",IF(AND('Cambios Auto'!HO13&lt;0,'Indices Auto'!HY13&lt;100),"R","NULL"))))</f>
        <v>NULL</v>
      </c>
      <c r="HP13" s="2" t="str">
        <f>IF(AND('Cambios Auto'!HP13&gt;0,'Indices Auto'!HZ13&gt;100),"V",IF(AND('Cambios Auto'!HP13&gt;0,'Indices Auto'!HZ13&lt;100),"A",IF(AND('Cambios Auto'!HP13&lt;0,'Indices Auto'!HZ13&gt;100),"N",IF(AND('Cambios Auto'!HP13&lt;0,'Indices Auto'!HZ13&lt;100),"R","NULL"))))</f>
        <v>NULL</v>
      </c>
      <c r="HQ13" s="2" t="str">
        <f>IF(AND('Cambios Auto'!HQ13&gt;0,'Indices Auto'!IA13&gt;100),"V",IF(AND('Cambios Auto'!HQ13&gt;0,'Indices Auto'!IA13&lt;100),"A",IF(AND('Cambios Auto'!HQ13&lt;0,'Indices Auto'!IA13&gt;100),"N",IF(AND('Cambios Auto'!HQ13&lt;0,'Indices Auto'!IA13&lt;100),"R","NULL"))))</f>
        <v>NULL</v>
      </c>
      <c r="HR13" s="2" t="str">
        <f>IF(AND('Cambios Auto'!HR13&gt;0,'Indices Auto'!IB13&gt;100),"V",IF(AND('Cambios Auto'!HR13&gt;0,'Indices Auto'!IB13&lt;100),"A",IF(AND('Cambios Auto'!HR13&lt;0,'Indices Auto'!IB13&gt;100),"N",IF(AND('Cambios Auto'!HR13&lt;0,'Indices Auto'!IB13&lt;100),"R","NULL"))))</f>
        <v>NULL</v>
      </c>
      <c r="HS13" s="2" t="str">
        <f>IF(AND('Cambios Auto'!HS13&gt;0,'Indices Auto'!IC13&gt;100),"V",IF(AND('Cambios Auto'!HS13&gt;0,'Indices Auto'!IC13&lt;100),"A",IF(AND('Cambios Auto'!HS13&lt;0,'Indices Auto'!IC13&gt;100),"N",IF(AND('Cambios Auto'!HS13&lt;0,'Indices Auto'!IC13&lt;100),"R","NULL"))))</f>
        <v>NULL</v>
      </c>
      <c r="HT13" s="2" t="str">
        <f>IF(AND('Cambios Auto'!HT13&gt;0,'Indices Auto'!ID13&gt;100),"V",IF(AND('Cambios Auto'!HT13&gt;0,'Indices Auto'!ID13&lt;100),"A",IF(AND('Cambios Auto'!HT13&lt;0,'Indices Auto'!ID13&gt;100),"N",IF(AND('Cambios Auto'!HT13&lt;0,'Indices Auto'!ID13&lt;100),"R","NULL"))))</f>
        <v>NULL</v>
      </c>
      <c r="HU13" s="2" t="str">
        <f>IF(AND('Cambios Auto'!HU13&gt;0,'Indices Auto'!IE13&gt;100),"V",IF(AND('Cambios Auto'!HU13&gt;0,'Indices Auto'!IE13&lt;100),"A",IF(AND('Cambios Auto'!HU13&lt;0,'Indices Auto'!IE13&gt;100),"N",IF(AND('Cambios Auto'!HU13&lt;0,'Indices Auto'!IE13&lt;100),"R","NULL"))))</f>
        <v>NULL</v>
      </c>
      <c r="HV13" s="2" t="str">
        <f>IF(AND('Cambios Auto'!HV13&gt;0,'Indices Auto'!IF13&gt;100),"V",IF(AND('Cambios Auto'!HV13&gt;0,'Indices Auto'!IF13&lt;100),"A",IF(AND('Cambios Auto'!HV13&lt;0,'Indices Auto'!IF13&gt;100),"N",IF(AND('Cambios Auto'!HV13&lt;0,'Indices Auto'!IF13&lt;100),"R","NULL"))))</f>
        <v>NULL</v>
      </c>
      <c r="HW13" s="2" t="str">
        <f>IF(AND('Cambios Auto'!HW13&gt;0,'Indices Auto'!IG13&gt;100),"V",IF(AND('Cambios Auto'!HW13&gt;0,'Indices Auto'!IG13&lt;100),"A",IF(AND('Cambios Auto'!HW13&lt;0,'Indices Auto'!IG13&gt;100),"N",IF(AND('Cambios Auto'!HW13&lt;0,'Indices Auto'!IG13&lt;100),"R","NULL"))))</f>
        <v>NULL</v>
      </c>
      <c r="HX13" s="2" t="str">
        <f>IF(AND('Cambios Auto'!HX13&gt;0,'Indices Auto'!IH13&gt;100),"V",IF(AND('Cambios Auto'!HX13&gt;0,'Indices Auto'!IH13&lt;100),"A",IF(AND('Cambios Auto'!HX13&lt;0,'Indices Auto'!IH13&gt;100),"N",IF(AND('Cambios Auto'!HX13&lt;0,'Indices Auto'!IH13&lt;100),"R","NULL"))))</f>
        <v>NULL</v>
      </c>
      <c r="HY13" s="2" t="str">
        <f>IF(AND('Cambios Auto'!HY13&gt;0,'Indices Auto'!II13&gt;100),"V",IF(AND('Cambios Auto'!HY13&gt;0,'Indices Auto'!II13&lt;100),"A",IF(AND('Cambios Auto'!HY13&lt;0,'Indices Auto'!II13&gt;100),"N",IF(AND('Cambios Auto'!HY13&lt;0,'Indices Auto'!II13&lt;100),"R","NULL"))))</f>
        <v>NULL</v>
      </c>
      <c r="HZ13" s="2" t="str">
        <f>IF(AND('Cambios Auto'!HZ13&gt;0,'Indices Auto'!IJ13&gt;100),"V",IF(AND('Cambios Auto'!HZ13&gt;0,'Indices Auto'!IJ13&lt;100),"A",IF(AND('Cambios Auto'!HZ13&lt;0,'Indices Auto'!IJ13&gt;100),"N",IF(AND('Cambios Auto'!HZ13&lt;0,'Indices Auto'!IJ13&lt;100),"R","NULL"))))</f>
        <v>NULL</v>
      </c>
      <c r="IA13" s="2" t="str">
        <f>IF(AND('Cambios Auto'!IA13&gt;0,'Indices Auto'!IK13&gt;100),"V",IF(AND('Cambios Auto'!IA13&gt;0,'Indices Auto'!IK13&lt;100),"A",IF(AND('Cambios Auto'!IA13&lt;0,'Indices Auto'!IK13&gt;100),"N",IF(AND('Cambios Auto'!IA13&lt;0,'Indices Auto'!IK13&lt;100),"R","NULL"))))</f>
        <v>NULL</v>
      </c>
      <c r="IB13" s="2" t="str">
        <f>IF(AND('Cambios Auto'!IB13&gt;0,'Indices Auto'!IL13&gt;100),"V",IF(AND('Cambios Auto'!IB13&gt;0,'Indices Auto'!IL13&lt;100),"A",IF(AND('Cambios Auto'!IB13&lt;0,'Indices Auto'!IL13&gt;100),"N",IF(AND('Cambios Auto'!IB13&lt;0,'Indices Auto'!IL13&lt;100),"R","NULL"))))</f>
        <v>NULL</v>
      </c>
      <c r="IC13" s="2" t="str">
        <f>IF(AND('Cambios Auto'!IC13&gt;0,'Indices Auto'!IM13&gt;100),"V",IF(AND('Cambios Auto'!IC13&gt;0,'Indices Auto'!IM13&lt;100),"A",IF(AND('Cambios Auto'!IC13&lt;0,'Indices Auto'!IM13&gt;100),"N",IF(AND('Cambios Auto'!IC13&lt;0,'Indices Auto'!IM13&lt;100),"R","NULL"))))</f>
        <v>NULL</v>
      </c>
      <c r="ID13" s="2" t="str">
        <f>IF(AND('Cambios Auto'!ID13&gt;0,'Indices Auto'!IN13&gt;100),"V",IF(AND('Cambios Auto'!ID13&gt;0,'Indices Auto'!IN13&lt;100),"A",IF(AND('Cambios Auto'!ID13&lt;0,'Indices Auto'!IN13&gt;100),"N",IF(AND('Cambios Auto'!ID13&lt;0,'Indices Auto'!IN13&lt;100),"R","NULL"))))</f>
        <v>NULL</v>
      </c>
      <c r="IE13" s="2" t="str">
        <f>IF(AND('Cambios Auto'!IE13&gt;0,'Indices Auto'!IO13&gt;100),"V",IF(AND('Cambios Auto'!IE13&gt;0,'Indices Auto'!IO13&lt;100),"A",IF(AND('Cambios Auto'!IE13&lt;0,'Indices Auto'!IO13&gt;100),"N",IF(AND('Cambios Auto'!IE13&lt;0,'Indices Auto'!IO13&lt;100),"R","NULL"))))</f>
        <v>NULL</v>
      </c>
      <c r="IF13" s="2" t="str">
        <f>IF(AND('Cambios Auto'!IF13&gt;0,'Indices Auto'!IP13&gt;100),"V",IF(AND('Cambios Auto'!IF13&gt;0,'Indices Auto'!IP13&lt;100),"A",IF(AND('Cambios Auto'!IF13&lt;0,'Indices Auto'!IP13&gt;100),"N",IF(AND('Cambios Auto'!IF13&lt;0,'Indices Auto'!IP13&lt;100),"R","NULL"))))</f>
        <v>NULL</v>
      </c>
      <c r="IG13" s="2" t="str">
        <f>IF(AND('Cambios Auto'!IG13&gt;0,'Indices Auto'!IQ13&gt;100),"V",IF(AND('Cambios Auto'!IG13&gt;0,'Indices Auto'!IQ13&lt;100),"A",IF(AND('Cambios Auto'!IG13&lt;0,'Indices Auto'!IQ13&gt;100),"N",IF(AND('Cambios Auto'!IG13&lt;0,'Indices Auto'!IQ13&lt;100),"R","NULL"))))</f>
        <v>NULL</v>
      </c>
      <c r="IH13" s="2" t="str">
        <f>IF(AND('Cambios Auto'!IH13&gt;0,'Indices Auto'!IR13&gt;100),"V",IF(AND('Cambios Auto'!IH13&gt;0,'Indices Auto'!IR13&lt;100),"A",IF(AND('Cambios Auto'!IH13&lt;0,'Indices Auto'!IR13&gt;100),"N",IF(AND('Cambios Auto'!IH13&lt;0,'Indices Auto'!IR13&lt;100),"R","NULL"))))</f>
        <v>NULL</v>
      </c>
      <c r="II13" s="2" t="str">
        <f>IF(AND('Cambios Auto'!II13&gt;0,'Indices Auto'!IS13&gt;100),"V",IF(AND('Cambios Auto'!II13&gt;0,'Indices Auto'!IS13&lt;100),"A",IF(AND('Cambios Auto'!II13&lt;0,'Indices Auto'!IS13&gt;100),"N",IF(AND('Cambios Auto'!II13&lt;0,'Indices Auto'!IS13&lt;100),"R","NULL"))))</f>
        <v>NULL</v>
      </c>
      <c r="IJ13" s="2" t="str">
        <f>IF(AND('Cambios Auto'!IJ13&gt;0,'Indices Auto'!IT13&gt;100),"V",IF(AND('Cambios Auto'!IJ13&gt;0,'Indices Auto'!IT13&lt;100),"A",IF(AND('Cambios Auto'!IJ13&lt;0,'Indices Auto'!IT13&gt;100),"N",IF(AND('Cambios Auto'!IJ13&lt;0,'Indices Auto'!IT13&lt;100),"R","NULL"))))</f>
        <v>NULL</v>
      </c>
      <c r="IK13" s="2" t="str">
        <f>IF(AND('Cambios Auto'!IK13&gt;0,'Indices Auto'!IU13&gt;100),"V",IF(AND('Cambios Auto'!IK13&gt;0,'Indices Auto'!IU13&lt;100),"A",IF(AND('Cambios Auto'!IK13&lt;0,'Indices Auto'!IU13&gt;100),"N",IF(AND('Cambios Auto'!IK13&lt;0,'Indices Auto'!IU13&lt;100),"R","NULL"))))</f>
        <v>NULL</v>
      </c>
      <c r="IL13" s="2" t="str">
        <f>IF(AND('Cambios Auto'!IL13&gt;0,'Indices Auto'!IV13&gt;100),"V",IF(AND('Cambios Auto'!IL13&gt;0,'Indices Auto'!IV13&lt;100),"A",IF(AND('Cambios Auto'!IL13&lt;0,'Indices Auto'!IV13&gt;100),"N",IF(AND('Cambios Auto'!IL13&lt;0,'Indices Auto'!IV13&lt;100),"R","NULL"))))</f>
        <v>NULL</v>
      </c>
      <c r="IM13" s="2" t="str">
        <f>IF(AND('Cambios Auto'!IM13&gt;0,'Indices Auto'!IW13&gt;100),"V",IF(AND('Cambios Auto'!IM13&gt;0,'Indices Auto'!IW13&lt;100),"A",IF(AND('Cambios Auto'!IM13&lt;0,'Indices Auto'!IW13&gt;100),"N",IF(AND('Cambios Auto'!IM13&lt;0,'Indices Auto'!IW13&lt;100),"R","NULL"))))</f>
        <v>NULL</v>
      </c>
      <c r="IN13" s="2" t="str">
        <f>IF(AND('Cambios Auto'!IN13&gt;0,'Indices Auto'!IX13&gt;100),"V",IF(AND('Cambios Auto'!IN13&gt;0,'Indices Auto'!IX13&lt;100),"A",IF(AND('Cambios Auto'!IN13&lt;0,'Indices Auto'!IX13&gt;100),"N",IF(AND('Cambios Auto'!IN13&lt;0,'Indices Auto'!IX13&lt;100),"R","NULL"))))</f>
        <v>NULL</v>
      </c>
      <c r="IO13" s="2" t="str">
        <f>IF(AND('Cambios Auto'!IO13&gt;0,'Indices Auto'!IY13&gt;100),"V",IF(AND('Cambios Auto'!IO13&gt;0,'Indices Auto'!IY13&lt;100),"A",IF(AND('Cambios Auto'!IO13&lt;0,'Indices Auto'!IY13&gt;100),"N",IF(AND('Cambios Auto'!IO13&lt;0,'Indices Auto'!IY13&lt;100),"R","NULL"))))</f>
        <v>NULL</v>
      </c>
      <c r="IP13" s="2" t="str">
        <f>IF(AND('Cambios Auto'!IP13&gt;0,'Indices Auto'!IZ13&gt;100),"V",IF(AND('Cambios Auto'!IP13&gt;0,'Indices Auto'!IZ13&lt;100),"A",IF(AND('Cambios Auto'!IP13&lt;0,'Indices Auto'!IZ13&gt;100),"N",IF(AND('Cambios Auto'!IP13&lt;0,'Indices Auto'!IZ13&lt;100),"R","NULL"))))</f>
        <v>NULL</v>
      </c>
      <c r="IQ13" s="2" t="str">
        <f>IF(AND('Cambios Auto'!IQ13&gt;0,'Indices Auto'!JA13&gt;100),"V",IF(AND('Cambios Auto'!IQ13&gt;0,'Indices Auto'!JA13&lt;100),"A",IF(AND('Cambios Auto'!IQ13&lt;0,'Indices Auto'!JA13&gt;100),"N",IF(AND('Cambios Auto'!IQ13&lt;0,'Indices Auto'!JA13&lt;100),"R","NULL"))))</f>
        <v>NULL</v>
      </c>
      <c r="IR13" s="2" t="str">
        <f>IF(AND('Cambios Auto'!IR13&gt;0,'Indices Auto'!JB13&gt;100),"V",IF(AND('Cambios Auto'!IR13&gt;0,'Indices Auto'!JB13&lt;100),"A",IF(AND('Cambios Auto'!IR13&lt;0,'Indices Auto'!JB13&gt;100),"N",IF(AND('Cambios Auto'!IR13&lt;0,'Indices Auto'!JB13&lt;100),"R","NULL"))))</f>
        <v>NULL</v>
      </c>
      <c r="IS13" s="2" t="str">
        <f>IF(AND('Cambios Auto'!IS13&gt;0,'Indices Auto'!JC13&gt;100),"V",IF(AND('Cambios Auto'!IS13&gt;0,'Indices Auto'!JC13&lt;100),"A",IF(AND('Cambios Auto'!IS13&lt;0,'Indices Auto'!JC13&gt;100),"N",IF(AND('Cambios Auto'!IS13&lt;0,'Indices Auto'!JC13&lt;100),"R","NULL"))))</f>
        <v>NULL</v>
      </c>
      <c r="IT13" s="14"/>
    </row>
    <row r="14" spans="1:254" ht="16.5" customHeight="1" x14ac:dyDescent="0.25">
      <c r="A14" s="6" t="s">
        <v>200</v>
      </c>
      <c r="B14" s="2" t="str">
        <f>IF(AND('Cambios Auto'!B14&gt;0,'Indices Auto'!C14&gt;100),"V",IF(AND('Cambios Auto'!B14&gt;0,'Indices Auto'!C14&lt;100),"A",IF(AND('Cambios Auto'!B14&lt;0,'Indices Auto'!C14&gt;100),"N",IF(AND('Cambios Auto'!B14&lt;0,'Indices Auto'!C14&lt;100),"R","NULL"))))</f>
        <v>V</v>
      </c>
      <c r="C14" s="2" t="str">
        <f>IF(AND('Cambios Auto'!C14&gt;0,'Indices Auto'!D14&gt;100),"V",IF(AND('Cambios Auto'!C14&gt;0,'Indices Auto'!D14&lt;100),"A",IF(AND('Cambios Auto'!C14&lt;0,'Indices Auto'!D14&gt;100),"N",IF(AND('Cambios Auto'!C14&lt;0,'Indices Auto'!D14&lt;100),"R","NULL"))))</f>
        <v>V</v>
      </c>
      <c r="D14" s="2" t="str">
        <f>IF(AND('Cambios Auto'!D14&gt;0,'Indices Auto'!E14&gt;100),"V",IF(AND('Cambios Auto'!D14&gt;0,'Indices Auto'!E14&lt;100),"A",IF(AND('Cambios Auto'!D14&lt;0,'Indices Auto'!E14&gt;100),"N",IF(AND('Cambios Auto'!D14&lt;0,'Indices Auto'!E14&lt;100),"R","NULL"))))</f>
        <v>N</v>
      </c>
      <c r="E14" s="2" t="str">
        <f>IF(AND('Cambios Auto'!E14&gt;0,'Indices Auto'!F14&gt;100),"V",IF(AND('Cambios Auto'!E14&gt;0,'Indices Auto'!F14&lt;100),"A",IF(AND('Cambios Auto'!E14&lt;0,'Indices Auto'!F14&gt;100),"N",IF(AND('Cambios Auto'!E14&lt;0,'Indices Auto'!F14&lt;100),"R","NULL"))))</f>
        <v>N</v>
      </c>
      <c r="F14" s="2" t="str">
        <f>IF(AND('Cambios Auto'!F14&gt;0,'Indices Auto'!G14&gt;100),"V",IF(AND('Cambios Auto'!F14&gt;0,'Indices Auto'!G14&lt;100),"A",IF(AND('Cambios Auto'!F14&lt;0,'Indices Auto'!G14&gt;100),"N",IF(AND('Cambios Auto'!F14&lt;0,'Indices Auto'!G14&lt;100),"R","NULL"))))</f>
        <v>N</v>
      </c>
      <c r="G14" s="2" t="str">
        <f>IF(AND('Cambios Auto'!G14&gt;0,'Indices Auto'!H14&gt;100),"V",IF(AND('Cambios Auto'!G14&gt;0,'Indices Auto'!H14&lt;100),"A",IF(AND('Cambios Auto'!G14&lt;0,'Indices Auto'!H14&gt;100),"N",IF(AND('Cambios Auto'!G14&lt;0,'Indices Auto'!H14&lt;100),"R","NULL"))))</f>
        <v>N</v>
      </c>
      <c r="H14" s="2" t="str">
        <f>IF(AND('Cambios Auto'!H14&gt;0,'Indices Auto'!I14&gt;100),"V",IF(AND('Cambios Auto'!H14&gt;0,'Indices Auto'!I14&lt;100),"A",IF(AND('Cambios Auto'!H14&lt;0,'Indices Auto'!I14&gt;100),"N",IF(AND('Cambios Auto'!H14&lt;0,'Indices Auto'!I14&lt;100),"R","NULL"))))</f>
        <v>N</v>
      </c>
      <c r="I14" s="2" t="str">
        <f>IF(AND('Cambios Auto'!I14&gt;0,'Indices Auto'!J14&gt;100),"V",IF(AND('Cambios Auto'!I14&gt;0,'Indices Auto'!J14&lt;100),"A",IF(AND('Cambios Auto'!I14&lt;0,'Indices Auto'!J14&gt;100),"N",IF(AND('Cambios Auto'!I14&lt;0,'Indices Auto'!J14&lt;100),"R","NULL"))))</f>
        <v>N</v>
      </c>
      <c r="J14" s="2" t="str">
        <f>IF(AND('Cambios Auto'!J14&gt;0,'Indices Auto'!K14&gt;100),"V",IF(AND('Cambios Auto'!J14&gt;0,'Indices Auto'!K14&lt;100),"A",IF(AND('Cambios Auto'!J14&lt;0,'Indices Auto'!K14&gt;100),"N",IF(AND('Cambios Auto'!J14&lt;0,'Indices Auto'!K14&lt;100),"R","NULL"))))</f>
        <v>N</v>
      </c>
      <c r="K14" s="2" t="str">
        <f>IF(AND('Cambios Auto'!K14&gt;0,'Indices Auto'!L14&gt;100),"V",IF(AND('Cambios Auto'!K14&gt;0,'Indices Auto'!L14&lt;100),"A",IF(AND('Cambios Auto'!K14&lt;0,'Indices Auto'!L14&gt;100),"N",IF(AND('Cambios Auto'!K14&lt;0,'Indices Auto'!L14&lt;100),"R","NULL"))))</f>
        <v>N</v>
      </c>
      <c r="L14" s="2" t="str">
        <f>IF(AND('Cambios Auto'!L14&gt;0,'Indices Auto'!M14&gt;100),"V",IF(AND('Cambios Auto'!L14&gt;0,'Indices Auto'!M14&lt;100),"A",IF(AND('Cambios Auto'!L14&lt;0,'Indices Auto'!M14&gt;100),"N",IF(AND('Cambios Auto'!L14&lt;0,'Indices Auto'!M14&lt;100),"R","NULL"))))</f>
        <v>R</v>
      </c>
      <c r="M14" s="2" t="str">
        <f>IF(AND('Cambios Auto'!M14&gt;0,'Indices Auto'!N14&gt;100),"V",IF(AND('Cambios Auto'!M14&gt;0,'Indices Auto'!N14&lt;100),"A",IF(AND('Cambios Auto'!M14&lt;0,'Indices Auto'!N14&gt;100),"N",IF(AND('Cambios Auto'!M14&lt;0,'Indices Auto'!N14&lt;100),"R","NULL"))))</f>
        <v>R</v>
      </c>
      <c r="N14" s="2" t="str">
        <f>IF(AND('Cambios Auto'!N14&gt;0,'Indices Auto'!O14&gt;100),"V",IF(AND('Cambios Auto'!N14&gt;0,'Indices Auto'!O14&lt;100),"A",IF(AND('Cambios Auto'!N14&lt;0,'Indices Auto'!O14&gt;100),"N",IF(AND('Cambios Auto'!N14&lt;0,'Indices Auto'!O14&lt;100),"R","NULL"))))</f>
        <v>R</v>
      </c>
      <c r="O14" s="2" t="str">
        <f>IF(AND('Cambios Auto'!O14&gt;0,'Indices Auto'!P14&gt;100),"V",IF(AND('Cambios Auto'!O14&gt;0,'Indices Auto'!P14&lt;100),"A",IF(AND('Cambios Auto'!O14&lt;0,'Indices Auto'!P14&gt;100),"N",IF(AND('Cambios Auto'!O14&lt;0,'Indices Auto'!P14&lt;100),"R","NULL"))))</f>
        <v>R</v>
      </c>
      <c r="P14" s="2" t="str">
        <f>IF(AND('Cambios Auto'!P14&gt;0,'Indices Auto'!Q14&gt;100),"V",IF(AND('Cambios Auto'!P14&gt;0,'Indices Auto'!Q14&lt;100),"A",IF(AND('Cambios Auto'!P14&lt;0,'Indices Auto'!Q14&gt;100),"N",IF(AND('Cambios Auto'!P14&lt;0,'Indices Auto'!Q14&lt;100),"R","NULL"))))</f>
        <v>R</v>
      </c>
      <c r="Q14" s="2" t="str">
        <f>IF(AND('Cambios Auto'!Q14&gt;0,'Indices Auto'!R14&gt;100),"V",IF(AND('Cambios Auto'!Q14&gt;0,'Indices Auto'!R14&lt;100),"A",IF(AND('Cambios Auto'!Q14&lt;0,'Indices Auto'!R14&gt;100),"N",IF(AND('Cambios Auto'!Q14&lt;0,'Indices Auto'!R14&lt;100),"R","NULL"))))</f>
        <v>A</v>
      </c>
      <c r="R14" s="2" t="str">
        <f>IF(AND('Cambios Auto'!R14&gt;0,'Indices Auto'!S14&gt;100),"V",IF(AND('Cambios Auto'!R14&gt;0,'Indices Auto'!S14&lt;100),"A",IF(AND('Cambios Auto'!R14&lt;0,'Indices Auto'!S14&gt;100),"N",IF(AND('Cambios Auto'!R14&lt;0,'Indices Auto'!S14&lt;100),"R","NULL"))))</f>
        <v>A</v>
      </c>
      <c r="S14" s="2" t="str">
        <f>IF(AND('Cambios Auto'!S14&gt;0,'Indices Auto'!T14&gt;100),"V",IF(AND('Cambios Auto'!S14&gt;0,'Indices Auto'!T14&lt;100),"A",IF(AND('Cambios Auto'!S14&lt;0,'Indices Auto'!T14&gt;100),"N",IF(AND('Cambios Auto'!S14&lt;0,'Indices Auto'!T14&lt;100),"R","NULL"))))</f>
        <v>R</v>
      </c>
      <c r="T14" s="2" t="str">
        <f>IF(AND('Cambios Auto'!T14&gt;0,'Indices Auto'!U14&gt;100),"V",IF(AND('Cambios Auto'!T14&gt;0,'Indices Auto'!U14&lt;100),"A",IF(AND('Cambios Auto'!T14&lt;0,'Indices Auto'!U14&gt;100),"N",IF(AND('Cambios Auto'!T14&lt;0,'Indices Auto'!U14&lt;100),"R","NULL"))))</f>
        <v>R</v>
      </c>
      <c r="U14" s="2" t="str">
        <f>IF(AND('Cambios Auto'!U14&gt;0,'Indices Auto'!V14&gt;100),"V",IF(AND('Cambios Auto'!U14&gt;0,'Indices Auto'!V14&lt;100),"A",IF(AND('Cambios Auto'!U14&lt;0,'Indices Auto'!V14&gt;100),"N",IF(AND('Cambios Auto'!U14&lt;0,'Indices Auto'!V14&lt;100),"R","NULL"))))</f>
        <v>R</v>
      </c>
      <c r="V14" s="2" t="str">
        <f>IF(AND('Cambios Auto'!V14&gt;0,'Indices Auto'!W14&gt;100),"V",IF(AND('Cambios Auto'!V14&gt;0,'Indices Auto'!W14&lt;100),"A",IF(AND('Cambios Auto'!V14&lt;0,'Indices Auto'!W14&gt;100),"N",IF(AND('Cambios Auto'!V14&lt;0,'Indices Auto'!W14&lt;100),"R","NULL"))))</f>
        <v>R</v>
      </c>
      <c r="W14" s="2" t="str">
        <f>IF(AND('Cambios Auto'!W14&gt;0,'Indices Auto'!X14&gt;100),"V",IF(AND('Cambios Auto'!W14&gt;0,'Indices Auto'!X14&lt;100),"A",IF(AND('Cambios Auto'!W14&lt;0,'Indices Auto'!X14&gt;100),"N",IF(AND('Cambios Auto'!W14&lt;0,'Indices Auto'!X14&lt;100),"R","NULL"))))</f>
        <v>R</v>
      </c>
      <c r="X14" s="2" t="str">
        <f>IF(AND('Cambios Auto'!X14&gt;0,'Indices Auto'!Y14&gt;100),"V",IF(AND('Cambios Auto'!X14&gt;0,'Indices Auto'!Y14&lt;100),"A",IF(AND('Cambios Auto'!X14&lt;0,'Indices Auto'!Y14&gt;100),"N",IF(AND('Cambios Auto'!X14&lt;0,'Indices Auto'!Y14&lt;100),"R","NULL"))))</f>
        <v>A</v>
      </c>
      <c r="Y14" s="2" t="str">
        <f>IF(AND('Cambios Auto'!Y14&gt;0,'Indices Auto'!Z14&gt;100),"V",IF(AND('Cambios Auto'!Y14&gt;0,'Indices Auto'!Z14&lt;100),"A",IF(AND('Cambios Auto'!Y14&lt;0,'Indices Auto'!Z14&gt;100),"N",IF(AND('Cambios Auto'!Y14&lt;0,'Indices Auto'!Z14&lt;100),"R","NULL"))))</f>
        <v>A</v>
      </c>
      <c r="Z14" s="2" t="str">
        <f>IF(AND('Cambios Auto'!Z14&gt;0,'Indices Auto'!AA14&gt;100),"V",IF(AND('Cambios Auto'!Z14&gt;0,'Indices Auto'!AA14&lt;100),"A",IF(AND('Cambios Auto'!Z14&lt;0,'Indices Auto'!AA14&gt;100),"N",IF(AND('Cambios Auto'!Z14&lt;0,'Indices Auto'!AA14&lt;100),"R","NULL"))))</f>
        <v>A</v>
      </c>
      <c r="AA14" s="2" t="str">
        <f>IF(AND('Cambios Auto'!AA14&gt;0,'Indices Auto'!AB14&gt;100),"V",IF(AND('Cambios Auto'!AA14&gt;0,'Indices Auto'!AB14&lt;100),"A",IF(AND('Cambios Auto'!AA14&lt;0,'Indices Auto'!AB14&gt;100),"N",IF(AND('Cambios Auto'!AA14&lt;0,'Indices Auto'!AB14&lt;100),"R","NULL"))))</f>
        <v>A</v>
      </c>
      <c r="AB14" s="2" t="str">
        <f>IF(AND('Cambios Auto'!AB14&gt;0,'Indices Auto'!AC14&gt;100),"V",IF(AND('Cambios Auto'!AB14&gt;0,'Indices Auto'!AC14&lt;100),"A",IF(AND('Cambios Auto'!AB14&lt;0,'Indices Auto'!AC14&gt;100),"N",IF(AND('Cambios Auto'!AB14&lt;0,'Indices Auto'!AC14&lt;100),"R","NULL"))))</f>
        <v>A</v>
      </c>
      <c r="AC14" s="2" t="str">
        <f>IF(AND('Cambios Auto'!AC14&gt;0,'Indices Auto'!AD14&gt;100),"V",IF(AND('Cambios Auto'!AC14&gt;0,'Indices Auto'!AD14&lt;100),"A",IF(AND('Cambios Auto'!AC14&lt;0,'Indices Auto'!AD14&gt;100),"N",IF(AND('Cambios Auto'!AC14&lt;0,'Indices Auto'!AD14&lt;100),"R","NULL"))))</f>
        <v>R</v>
      </c>
      <c r="AD14" s="2" t="str">
        <f>IF(AND('Cambios Auto'!AD14&gt;0,'Indices Auto'!AE14&gt;100),"V",IF(AND('Cambios Auto'!AD14&gt;0,'Indices Auto'!AE14&lt;100),"A",IF(AND('Cambios Auto'!AD14&lt;0,'Indices Auto'!AE14&gt;100),"N",IF(AND('Cambios Auto'!AD14&lt;0,'Indices Auto'!AE14&lt;100),"R","NULL"))))</f>
        <v>R</v>
      </c>
      <c r="AE14" s="2" t="str">
        <f>IF(AND('Cambios Auto'!AE14&gt;0,'Indices Auto'!AF14&gt;100),"V",IF(AND('Cambios Auto'!AE14&gt;0,'Indices Auto'!AF14&lt;100),"A",IF(AND('Cambios Auto'!AE14&lt;0,'Indices Auto'!AF14&gt;100),"N",IF(AND('Cambios Auto'!AE14&lt;0,'Indices Auto'!AF14&lt;100),"R","NULL"))))</f>
        <v>R</v>
      </c>
      <c r="AF14" s="2" t="str">
        <f>IF(AND('Cambios Auto'!AF14&gt;0,'Indices Auto'!AG14&gt;100),"V",IF(AND('Cambios Auto'!AF14&gt;0,'Indices Auto'!AG14&lt;100),"A",IF(AND('Cambios Auto'!AF14&lt;0,'Indices Auto'!AG14&gt;100),"N",IF(AND('Cambios Auto'!AF14&lt;0,'Indices Auto'!AG14&lt;100),"R","NULL"))))</f>
        <v>R</v>
      </c>
      <c r="AG14" s="2" t="str">
        <f>IF(AND('Cambios Auto'!AG14&gt;0,'Indices Auto'!AH14&gt;100),"V",IF(AND('Cambios Auto'!AG14&gt;0,'Indices Auto'!AH14&lt;100),"A",IF(AND('Cambios Auto'!AG14&lt;0,'Indices Auto'!AH14&gt;100),"N",IF(AND('Cambios Auto'!AG14&lt;0,'Indices Auto'!AH14&lt;100),"R","NULL"))))</f>
        <v>R</v>
      </c>
      <c r="AH14" s="2" t="str">
        <f>IF(AND('Cambios Auto'!AH14&gt;0,'Indices Auto'!AI14&gt;100),"V",IF(AND('Cambios Auto'!AH14&gt;0,'Indices Auto'!AI14&lt;100),"A",IF(AND('Cambios Auto'!AH14&lt;0,'Indices Auto'!AI14&gt;100),"N",IF(AND('Cambios Auto'!AH14&lt;0,'Indices Auto'!AI14&lt;100),"R","NULL"))))</f>
        <v>R</v>
      </c>
      <c r="AI14" s="2" t="str">
        <f>IF(AND('Cambios Auto'!AI14&gt;0,'Indices Auto'!AJ14&gt;100),"V",IF(AND('Cambios Auto'!AI14&gt;0,'Indices Auto'!AJ14&lt;100),"A",IF(AND('Cambios Auto'!AI14&lt;0,'Indices Auto'!AJ14&gt;100),"N",IF(AND('Cambios Auto'!AI14&lt;0,'Indices Auto'!AJ14&lt;100),"R","NULL"))))</f>
        <v>R</v>
      </c>
      <c r="AJ14" s="2" t="str">
        <f>IF(AND('Cambios Auto'!AJ14&gt;0,'Indices Auto'!AK14&gt;100),"V",IF(AND('Cambios Auto'!AJ14&gt;0,'Indices Auto'!AK14&lt;100),"A",IF(AND('Cambios Auto'!AJ14&lt;0,'Indices Auto'!AK14&gt;100),"N",IF(AND('Cambios Auto'!AJ14&lt;0,'Indices Auto'!AK14&lt;100),"R","NULL"))))</f>
        <v>R</v>
      </c>
      <c r="AK14" s="2" t="str">
        <f>IF(AND('Cambios Auto'!AK14&gt;0,'Indices Auto'!AL14&gt;100),"V",IF(AND('Cambios Auto'!AK14&gt;0,'Indices Auto'!AL14&lt;100),"A",IF(AND('Cambios Auto'!AK14&lt;0,'Indices Auto'!AL14&gt;100),"N",IF(AND('Cambios Auto'!AK14&lt;0,'Indices Auto'!AL14&lt;100),"R","NULL"))))</f>
        <v>R</v>
      </c>
      <c r="AL14" s="2" t="str">
        <f>IF(AND('Cambios Auto'!AL14&gt;0,'Indices Auto'!AM14&gt;100),"V",IF(AND('Cambios Auto'!AL14&gt;0,'Indices Auto'!AM14&lt;100),"A",IF(AND('Cambios Auto'!AL14&lt;0,'Indices Auto'!AM14&gt;100),"N",IF(AND('Cambios Auto'!AL14&lt;0,'Indices Auto'!AM14&lt;100),"R","NULL"))))</f>
        <v>R</v>
      </c>
      <c r="AM14" s="2" t="str">
        <f>IF(AND('Cambios Auto'!AM14&gt;0,'Indices Auto'!AN14&gt;100),"V",IF(AND('Cambios Auto'!AM14&gt;0,'Indices Auto'!AN14&lt;100),"A",IF(AND('Cambios Auto'!AM14&lt;0,'Indices Auto'!AN14&gt;100),"N",IF(AND('Cambios Auto'!AM14&lt;0,'Indices Auto'!AN14&lt;100),"R","NULL"))))</f>
        <v>R</v>
      </c>
      <c r="AN14" s="2" t="str">
        <f>IF(AND('Cambios Auto'!AN14&gt;0,'Indices Auto'!AO14&gt;100),"V",IF(AND('Cambios Auto'!AN14&gt;0,'Indices Auto'!AO14&lt;100),"A",IF(AND('Cambios Auto'!AN14&lt;0,'Indices Auto'!AO14&gt;100),"N",IF(AND('Cambios Auto'!AN14&lt;0,'Indices Auto'!AO14&lt;100),"R","NULL"))))</f>
        <v>A</v>
      </c>
      <c r="AO14" s="2" t="str">
        <f>IF(AND('Cambios Auto'!AO14&gt;0,'Indices Auto'!AP14&gt;100),"V",IF(AND('Cambios Auto'!AO14&gt;0,'Indices Auto'!AP14&lt;100),"A",IF(AND('Cambios Auto'!AO14&lt;0,'Indices Auto'!AP14&gt;100),"N",IF(AND('Cambios Auto'!AO14&lt;0,'Indices Auto'!AP14&lt;100),"R","NULL"))))</f>
        <v>A</v>
      </c>
      <c r="AP14" s="2" t="str">
        <f>IF(AND('Cambios Auto'!AP14&gt;0,'Indices Auto'!AQ14&gt;100),"V",IF(AND('Cambios Auto'!AP14&gt;0,'Indices Auto'!AQ14&lt;100),"A",IF(AND('Cambios Auto'!AP14&lt;0,'Indices Auto'!AQ14&gt;100),"N",IF(AND('Cambios Auto'!AP14&lt;0,'Indices Auto'!AQ14&lt;100),"R","NULL"))))</f>
        <v>A</v>
      </c>
      <c r="AQ14" s="2" t="str">
        <f>IF(AND('Cambios Auto'!AQ14&gt;0,'Indices Auto'!AR14&gt;100),"V",IF(AND('Cambios Auto'!AQ14&gt;0,'Indices Auto'!AR14&lt;100),"A",IF(AND('Cambios Auto'!AQ14&lt;0,'Indices Auto'!AR14&gt;100),"N",IF(AND('Cambios Auto'!AQ14&lt;0,'Indices Auto'!AR14&lt;100),"R","NULL"))))</f>
        <v>A</v>
      </c>
      <c r="AR14" s="2" t="str">
        <f>IF(AND('Cambios Auto'!AR14&gt;0,'Indices Auto'!AS14&gt;100),"V",IF(AND('Cambios Auto'!AR14&gt;0,'Indices Auto'!AS14&lt;100),"A",IF(AND('Cambios Auto'!AR14&lt;0,'Indices Auto'!AS14&gt;100),"N",IF(AND('Cambios Auto'!AR14&lt;0,'Indices Auto'!AS14&lt;100),"R","NULL"))))</f>
        <v>A</v>
      </c>
      <c r="AS14" s="2" t="str">
        <f>IF(AND('Cambios Auto'!AS14&gt;0,'Indices Auto'!AT14&gt;100),"V",IF(AND('Cambios Auto'!AS14&gt;0,'Indices Auto'!AT14&lt;100),"A",IF(AND('Cambios Auto'!AS14&lt;0,'Indices Auto'!AT14&gt;100),"N",IF(AND('Cambios Auto'!AS14&lt;0,'Indices Auto'!AT14&lt;100),"R","NULL"))))</f>
        <v>A</v>
      </c>
      <c r="AT14" s="2" t="str">
        <f>IF(AND('Cambios Auto'!AT14&gt;0,'Indices Auto'!AU14&gt;100),"V",IF(AND('Cambios Auto'!AT14&gt;0,'Indices Auto'!AU14&lt;100),"A",IF(AND('Cambios Auto'!AT14&lt;0,'Indices Auto'!AU14&gt;100),"N",IF(AND('Cambios Auto'!AT14&lt;0,'Indices Auto'!AU14&lt;100),"R","NULL"))))</f>
        <v>A</v>
      </c>
      <c r="AU14" s="2" t="str">
        <f>IF(AND('Cambios Auto'!AU14&gt;0,'Indices Auto'!AV14&gt;100),"V",IF(AND('Cambios Auto'!AU14&gt;0,'Indices Auto'!AV14&lt;100),"A",IF(AND('Cambios Auto'!AU14&lt;0,'Indices Auto'!AV14&gt;100),"N",IF(AND('Cambios Auto'!AU14&lt;0,'Indices Auto'!AV14&lt;100),"R","NULL"))))</f>
        <v>A</v>
      </c>
      <c r="AV14" s="2" t="str">
        <f>IF(AND('Cambios Auto'!AV14&gt;0,'Indices Auto'!AW14&gt;100),"V",IF(AND('Cambios Auto'!AV14&gt;0,'Indices Auto'!AW14&lt;100),"A",IF(AND('Cambios Auto'!AV14&lt;0,'Indices Auto'!AW14&gt;100),"N",IF(AND('Cambios Auto'!AV14&lt;0,'Indices Auto'!AW14&lt;100),"R","NULL"))))</f>
        <v>A</v>
      </c>
      <c r="AW14" s="2" t="str">
        <f>IF(AND('Cambios Auto'!AW14&gt;0,'Indices Auto'!AX14&gt;100),"V",IF(AND('Cambios Auto'!AW14&gt;0,'Indices Auto'!AX14&lt;100),"A",IF(AND('Cambios Auto'!AW14&lt;0,'Indices Auto'!AX14&gt;100),"N",IF(AND('Cambios Auto'!AW14&lt;0,'Indices Auto'!AX14&lt;100),"R","NULL"))))</f>
        <v>A</v>
      </c>
      <c r="AX14" s="2" t="str">
        <f>IF(AND('Cambios Auto'!AX14&gt;0,'Indices Auto'!AY14&gt;100),"V",IF(AND('Cambios Auto'!AX14&gt;0,'Indices Auto'!AY14&lt;100),"A",IF(AND('Cambios Auto'!AX14&lt;0,'Indices Auto'!AY14&gt;100),"N",IF(AND('Cambios Auto'!AX14&lt;0,'Indices Auto'!AY14&lt;100),"R","NULL"))))</f>
        <v>A</v>
      </c>
      <c r="AY14" s="2" t="str">
        <f>IF(AND('Cambios Auto'!AY14&gt;0,'Indices Auto'!AZ14&gt;100),"V",IF(AND('Cambios Auto'!AY14&gt;0,'Indices Auto'!AZ14&lt;100),"A",IF(AND('Cambios Auto'!AY14&lt;0,'Indices Auto'!AZ14&gt;100),"N",IF(AND('Cambios Auto'!AY14&lt;0,'Indices Auto'!AZ14&lt;100),"R","NULL"))))</f>
        <v>A</v>
      </c>
      <c r="AZ14" s="2" t="str">
        <f>IF(AND('Cambios Auto'!AZ14&gt;0,'Indices Auto'!BA14&gt;100),"V",IF(AND('Cambios Auto'!AZ14&gt;0,'Indices Auto'!BA14&lt;100),"A",IF(AND('Cambios Auto'!AZ14&lt;0,'Indices Auto'!BA14&gt;100),"N",IF(AND('Cambios Auto'!AZ14&lt;0,'Indices Auto'!BA14&lt;100),"R","NULL"))))</f>
        <v>A</v>
      </c>
      <c r="BA14" s="2" t="str">
        <f>IF(AND('Cambios Auto'!BA14&gt;0,'Indices Auto'!BB14&gt;100),"V",IF(AND('Cambios Auto'!BA14&gt;0,'Indices Auto'!BB14&lt;100),"A",IF(AND('Cambios Auto'!BA14&lt;0,'Indices Auto'!BB14&gt;100),"N",IF(AND('Cambios Auto'!BA14&lt;0,'Indices Auto'!BB14&lt;100),"R","NULL"))))</f>
        <v>R</v>
      </c>
      <c r="BB14" s="2" t="str">
        <f>IF(AND('Cambios Auto'!BB14&gt;0,'Indices Auto'!BC14&gt;100),"V",IF(AND('Cambios Auto'!BB14&gt;0,'Indices Auto'!BC14&lt;100),"A",IF(AND('Cambios Auto'!BB14&lt;0,'Indices Auto'!BC14&gt;100),"N",IF(AND('Cambios Auto'!BB14&lt;0,'Indices Auto'!BC14&lt;100),"R","NULL"))))</f>
        <v>R</v>
      </c>
      <c r="BC14" s="2" t="str">
        <f>IF(AND('Cambios Auto'!BC14&gt;0,'Indices Auto'!BD14&gt;100),"V",IF(AND('Cambios Auto'!BC14&gt;0,'Indices Auto'!BD14&lt;100),"A",IF(AND('Cambios Auto'!BC14&lt;0,'Indices Auto'!BD14&gt;100),"N",IF(AND('Cambios Auto'!BC14&lt;0,'Indices Auto'!BD14&lt;100),"R","NULL"))))</f>
        <v>R</v>
      </c>
      <c r="BD14" s="2" t="str">
        <f>IF(AND('Cambios Auto'!BD14&gt;0,'Indices Auto'!BE14&gt;100),"V",IF(AND('Cambios Auto'!BD14&gt;0,'Indices Auto'!BE14&lt;100),"A",IF(AND('Cambios Auto'!BD14&lt;0,'Indices Auto'!BE14&gt;100),"N",IF(AND('Cambios Auto'!BD14&lt;0,'Indices Auto'!BE14&lt;100),"R","NULL"))))</f>
        <v>R</v>
      </c>
      <c r="BE14" s="2" t="str">
        <f>IF(AND('Cambios Auto'!BE14&gt;0,'Indices Auto'!BF14&gt;100),"V",IF(AND('Cambios Auto'!BE14&gt;0,'Indices Auto'!BF14&lt;100),"A",IF(AND('Cambios Auto'!BE14&lt;0,'Indices Auto'!BF14&gt;100),"N",IF(AND('Cambios Auto'!BE14&lt;0,'Indices Auto'!BF14&lt;100),"R","NULL"))))</f>
        <v>A</v>
      </c>
      <c r="BF14" s="2" t="str">
        <f>IF(AND('Cambios Auto'!BF14&gt;0,'Indices Auto'!BG14&gt;100),"V",IF(AND('Cambios Auto'!BF14&gt;0,'Indices Auto'!BG14&lt;100),"A",IF(AND('Cambios Auto'!BF14&lt;0,'Indices Auto'!BG14&gt;100),"N",IF(AND('Cambios Auto'!BF14&lt;0,'Indices Auto'!BG14&lt;100),"R","NULL"))))</f>
        <v>A</v>
      </c>
      <c r="BG14" s="2" t="str">
        <f>IF(AND('Cambios Auto'!BG14&gt;0,'Indices Auto'!BH14&gt;100),"V",IF(AND('Cambios Auto'!BG14&gt;0,'Indices Auto'!BH14&lt;100),"A",IF(AND('Cambios Auto'!BG14&lt;0,'Indices Auto'!BH14&gt;100),"N",IF(AND('Cambios Auto'!BG14&lt;0,'Indices Auto'!BH14&lt;100),"R","NULL"))))</f>
        <v>A</v>
      </c>
      <c r="BH14" s="2" t="str">
        <f>IF(AND('Cambios Auto'!BH14&gt;0,'Indices Auto'!BI14&gt;100),"V",IF(AND('Cambios Auto'!BH14&gt;0,'Indices Auto'!BI14&lt;100),"A",IF(AND('Cambios Auto'!BH14&lt;0,'Indices Auto'!BI14&gt;100),"N",IF(AND('Cambios Auto'!BH14&lt;0,'Indices Auto'!BI14&lt;100),"R","NULL"))))</f>
        <v>A</v>
      </c>
      <c r="BI14" s="2" t="str">
        <f>IF(AND('Cambios Auto'!BI14&gt;0,'Indices Auto'!BJ14&gt;100),"V",IF(AND('Cambios Auto'!BI14&gt;0,'Indices Auto'!BJ14&lt;100),"A",IF(AND('Cambios Auto'!BI14&lt;0,'Indices Auto'!BJ14&gt;100),"N",IF(AND('Cambios Auto'!BI14&lt;0,'Indices Auto'!BJ14&lt;100),"R","NULL"))))</f>
        <v>A</v>
      </c>
      <c r="BJ14" s="2" t="str">
        <f>IF(AND('Cambios Auto'!BJ14&gt;0,'Indices Auto'!BK14&gt;100),"V",IF(AND('Cambios Auto'!BJ14&gt;0,'Indices Auto'!BK14&lt;100),"A",IF(AND('Cambios Auto'!BJ14&lt;0,'Indices Auto'!BK14&gt;100),"N",IF(AND('Cambios Auto'!BJ14&lt;0,'Indices Auto'!BK14&lt;100),"R","NULL"))))</f>
        <v>A</v>
      </c>
      <c r="BK14" s="2" t="str">
        <f>IF(AND('Cambios Auto'!BK14&gt;0,'Indices Auto'!BL14&gt;100),"V",IF(AND('Cambios Auto'!BK14&gt;0,'Indices Auto'!BL14&lt;100),"A",IF(AND('Cambios Auto'!BK14&lt;0,'Indices Auto'!BL14&gt;100),"N",IF(AND('Cambios Auto'!BK14&lt;0,'Indices Auto'!BL14&lt;100),"R","NULL"))))</f>
        <v>R</v>
      </c>
      <c r="BL14" s="2" t="str">
        <f>IF(AND('Cambios Auto'!BL14&gt;0,'Indices Auto'!BM14&gt;100),"V",IF(AND('Cambios Auto'!BL14&gt;0,'Indices Auto'!BM14&lt;100),"A",IF(AND('Cambios Auto'!BL14&lt;0,'Indices Auto'!BM14&gt;100),"N",IF(AND('Cambios Auto'!BL14&lt;0,'Indices Auto'!BM14&lt;100),"R","NULL"))))</f>
        <v>R</v>
      </c>
      <c r="BM14" s="2" t="str">
        <f>IF(AND('Cambios Auto'!BM14&gt;0,'Indices Auto'!BN14&gt;100),"V",IF(AND('Cambios Auto'!BM14&gt;0,'Indices Auto'!BN14&lt;100),"A",IF(AND('Cambios Auto'!BM14&lt;0,'Indices Auto'!BN14&gt;100),"N",IF(AND('Cambios Auto'!BM14&lt;0,'Indices Auto'!BN14&lt;100),"R","NULL"))))</f>
        <v>R</v>
      </c>
      <c r="BN14" s="2" t="str">
        <f>IF(AND('Cambios Auto'!BN14&gt;0,'Indices Auto'!BO14&gt;100),"V",IF(AND('Cambios Auto'!BN14&gt;0,'Indices Auto'!BO14&lt;100),"A",IF(AND('Cambios Auto'!BN14&lt;0,'Indices Auto'!BO14&gt;100),"N",IF(AND('Cambios Auto'!BN14&lt;0,'Indices Auto'!BO14&lt;100),"R","NULL"))))</f>
        <v>R</v>
      </c>
      <c r="BO14" s="2" t="str">
        <f>IF(AND('Cambios Auto'!BO14&gt;0,'Indices Auto'!BP14&gt;100),"V",IF(AND('Cambios Auto'!BO14&gt;0,'Indices Auto'!BP14&lt;100),"A",IF(AND('Cambios Auto'!BO14&lt;0,'Indices Auto'!BP14&gt;100),"N",IF(AND('Cambios Auto'!BO14&lt;0,'Indices Auto'!BP14&lt;100),"R","NULL"))))</f>
        <v>A</v>
      </c>
      <c r="BP14" s="2" t="str">
        <f>IF(AND('Cambios Auto'!BP14&gt;0,'Indices Auto'!BQ14&gt;100),"V",IF(AND('Cambios Auto'!BP14&gt;0,'Indices Auto'!BQ14&lt;100),"A",IF(AND('Cambios Auto'!BP14&lt;0,'Indices Auto'!BQ14&gt;100),"N",IF(AND('Cambios Auto'!BP14&lt;0,'Indices Auto'!BQ14&lt;100),"R","NULL"))))</f>
        <v>V</v>
      </c>
      <c r="BQ14" s="2" t="str">
        <f>IF(AND('Cambios Auto'!BQ14&gt;0,'Indices Auto'!BR14&gt;100),"V",IF(AND('Cambios Auto'!BQ14&gt;0,'Indices Auto'!BR14&lt;100),"A",IF(AND('Cambios Auto'!BQ14&lt;0,'Indices Auto'!BR14&gt;100),"N",IF(AND('Cambios Auto'!BQ14&lt;0,'Indices Auto'!BR14&lt;100),"R","NULL"))))</f>
        <v>V</v>
      </c>
      <c r="BR14" s="2" t="str">
        <f>IF(AND('Cambios Auto'!BR14&gt;0,'Indices Auto'!BS14&gt;100),"V",IF(AND('Cambios Auto'!BR14&gt;0,'Indices Auto'!BS14&lt;100),"A",IF(AND('Cambios Auto'!BR14&lt;0,'Indices Auto'!BS14&gt;100),"N",IF(AND('Cambios Auto'!BR14&lt;0,'Indices Auto'!BS14&lt;100),"R","NULL"))))</f>
        <v>V</v>
      </c>
      <c r="BS14" s="2" t="str">
        <f>IF(AND('Cambios Auto'!BS14&gt;0,'Indices Auto'!BT14&gt;100),"V",IF(AND('Cambios Auto'!BS14&gt;0,'Indices Auto'!BT14&lt;100),"A",IF(AND('Cambios Auto'!BS14&lt;0,'Indices Auto'!BT14&gt;100),"N",IF(AND('Cambios Auto'!BS14&lt;0,'Indices Auto'!BT14&lt;100),"R","NULL"))))</f>
        <v>V</v>
      </c>
      <c r="BT14" s="2" t="str">
        <f>IF(AND('Cambios Auto'!BT14&gt;0,'Indices Auto'!BU14&gt;100),"V",IF(AND('Cambios Auto'!BT14&gt;0,'Indices Auto'!BU14&lt;100),"A",IF(AND('Cambios Auto'!BT14&lt;0,'Indices Auto'!BU14&gt;100),"N",IF(AND('Cambios Auto'!BT14&lt;0,'Indices Auto'!BU14&lt;100),"R","NULL"))))</f>
        <v>V</v>
      </c>
      <c r="BU14" s="2" t="str">
        <f>IF(AND('Cambios Auto'!BU14&gt;0,'Indices Auto'!BV14&gt;100),"V",IF(AND('Cambios Auto'!BU14&gt;0,'Indices Auto'!BV14&lt;100),"A",IF(AND('Cambios Auto'!BU14&lt;0,'Indices Auto'!BV14&gt;100),"N",IF(AND('Cambios Auto'!BU14&lt;0,'Indices Auto'!BV14&lt;100),"R","NULL"))))</f>
        <v>V</v>
      </c>
      <c r="BV14" s="2" t="str">
        <f>IF(AND('Cambios Auto'!BV14&gt;0,'Indices Auto'!BW14&gt;100),"V",IF(AND('Cambios Auto'!BV14&gt;0,'Indices Auto'!BW14&lt;100),"A",IF(AND('Cambios Auto'!BV14&lt;0,'Indices Auto'!BW14&gt;100),"N",IF(AND('Cambios Auto'!BV14&lt;0,'Indices Auto'!BW14&lt;100),"R","NULL"))))</f>
        <v>V</v>
      </c>
      <c r="BW14" s="2" t="str">
        <f>IF(AND('Cambios Auto'!BW14&gt;0,'Indices Auto'!BX14&gt;100),"V",IF(AND('Cambios Auto'!BW14&gt;0,'Indices Auto'!BX14&lt;100),"A",IF(AND('Cambios Auto'!BW14&lt;0,'Indices Auto'!BX14&gt;100),"N",IF(AND('Cambios Auto'!BW14&lt;0,'Indices Auto'!BX14&lt;100),"R","NULL"))))</f>
        <v>V</v>
      </c>
      <c r="BX14" s="2" t="str">
        <f>IF(AND('Cambios Auto'!BX14&gt;0,'Indices Auto'!BY14&gt;100),"V",IF(AND('Cambios Auto'!BX14&gt;0,'Indices Auto'!BY14&lt;100),"A",IF(AND('Cambios Auto'!BX14&lt;0,'Indices Auto'!BY14&gt;100),"N",IF(AND('Cambios Auto'!BX14&lt;0,'Indices Auto'!BY14&lt;100),"R","NULL"))))</f>
        <v>V</v>
      </c>
      <c r="BY14" s="2" t="str">
        <f>IF(AND('Cambios Auto'!BY14&gt;0,'Indices Auto'!BZ14&gt;100),"V",IF(AND('Cambios Auto'!BY14&gt;0,'Indices Auto'!BZ14&lt;100),"A",IF(AND('Cambios Auto'!BY14&lt;0,'Indices Auto'!BZ14&gt;100),"N",IF(AND('Cambios Auto'!BY14&lt;0,'Indices Auto'!BZ14&lt;100),"R","NULL"))))</f>
        <v>N</v>
      </c>
      <c r="BZ14" s="2" t="str">
        <f>IF(AND('Cambios Auto'!BZ14&gt;0,'Indices Auto'!CA14&gt;100),"V",IF(AND('Cambios Auto'!BZ14&gt;0,'Indices Auto'!CA14&lt;100),"A",IF(AND('Cambios Auto'!BZ14&lt;0,'Indices Auto'!CA14&gt;100),"N",IF(AND('Cambios Auto'!BZ14&lt;0,'Indices Auto'!CA14&lt;100),"R","NULL"))))</f>
        <v>N</v>
      </c>
      <c r="CA14" s="2" t="str">
        <f>IF(AND('Cambios Auto'!CA14&gt;0,'Indices Auto'!CB14&gt;100),"V",IF(AND('Cambios Auto'!CA14&gt;0,'Indices Auto'!CB14&lt;100),"A",IF(AND('Cambios Auto'!CA14&lt;0,'Indices Auto'!CB14&gt;100),"N",IF(AND('Cambios Auto'!CA14&lt;0,'Indices Auto'!CB14&lt;100),"R","NULL"))))</f>
        <v>V</v>
      </c>
      <c r="CB14" s="2" t="str">
        <f>IF(AND('Cambios Auto'!CB14&gt;0,'Indices Auto'!CC14&gt;100),"V",IF(AND('Cambios Auto'!CB14&gt;0,'Indices Auto'!CC14&lt;100),"A",IF(AND('Cambios Auto'!CB14&lt;0,'Indices Auto'!CC14&gt;100),"N",IF(AND('Cambios Auto'!CB14&lt;0,'Indices Auto'!CC14&lt;100),"R","NULL"))))</f>
        <v>V</v>
      </c>
      <c r="CC14" s="2" t="str">
        <f>IF(AND('Cambios Auto'!CC14&gt;0,'Indices Auto'!CD14&gt;100),"V",IF(AND('Cambios Auto'!CC14&gt;0,'Indices Auto'!CD14&lt;100),"A",IF(AND('Cambios Auto'!CC14&lt;0,'Indices Auto'!CD14&gt;100),"N",IF(AND('Cambios Auto'!CC14&lt;0,'Indices Auto'!CD14&lt;100),"R","NULL"))))</f>
        <v>V</v>
      </c>
      <c r="CD14" s="2" t="str">
        <f>IF(AND('Cambios Auto'!CD14&gt;0,'Indices Auto'!CE14&gt;100),"V",IF(AND('Cambios Auto'!CD14&gt;0,'Indices Auto'!CE14&lt;100),"A",IF(AND('Cambios Auto'!CD14&lt;0,'Indices Auto'!CE14&gt;100),"N",IF(AND('Cambios Auto'!CD14&lt;0,'Indices Auto'!CE14&lt;100),"R","NULL"))))</f>
        <v>V</v>
      </c>
      <c r="CE14" s="2" t="str">
        <f>IF(AND('Cambios Auto'!CE14&gt;0,'Indices Auto'!CF14&gt;100),"V",IF(AND('Cambios Auto'!CE14&gt;0,'Indices Auto'!CF14&lt;100),"A",IF(AND('Cambios Auto'!CE14&lt;0,'Indices Auto'!CF14&gt;100),"N",IF(AND('Cambios Auto'!CE14&lt;0,'Indices Auto'!CF14&lt;100),"R","NULL"))))</f>
        <v>V</v>
      </c>
      <c r="CF14" s="2" t="str">
        <f>IF(AND('Cambios Auto'!CF14&gt;0,'Indices Auto'!CG14&gt;100),"V",IF(AND('Cambios Auto'!CF14&gt;0,'Indices Auto'!CG14&lt;100),"A",IF(AND('Cambios Auto'!CF14&lt;0,'Indices Auto'!CG14&gt;100),"N",IF(AND('Cambios Auto'!CF14&lt;0,'Indices Auto'!CG14&lt;100),"R","NULL"))))</f>
        <v>V</v>
      </c>
      <c r="CG14" s="2" t="str">
        <f>IF(AND('Cambios Auto'!CG14&gt;0,'Indices Auto'!CH14&gt;100),"V",IF(AND('Cambios Auto'!CG14&gt;0,'Indices Auto'!CH14&lt;100),"A",IF(AND('Cambios Auto'!CG14&lt;0,'Indices Auto'!CH14&gt;100),"N",IF(AND('Cambios Auto'!CG14&lt;0,'Indices Auto'!CH14&lt;100),"R","NULL"))))</f>
        <v>V</v>
      </c>
      <c r="CH14" s="2" t="str">
        <f>IF(AND('Cambios Auto'!CH14&gt;0,'Indices Auto'!CI14&gt;100),"V",IF(AND('Cambios Auto'!CH14&gt;0,'Indices Auto'!CI14&lt;100),"A",IF(AND('Cambios Auto'!CH14&lt;0,'Indices Auto'!CI14&gt;100),"N",IF(AND('Cambios Auto'!CH14&lt;0,'Indices Auto'!CI14&lt;100),"R","NULL"))))</f>
        <v>V</v>
      </c>
      <c r="CI14" s="2" t="str">
        <f>IF(AND('Cambios Auto'!CI14&gt;0,'Indices Auto'!CJ14&gt;100),"V",IF(AND('Cambios Auto'!CI14&gt;0,'Indices Auto'!CJ14&lt;100),"A",IF(AND('Cambios Auto'!CI14&lt;0,'Indices Auto'!CJ14&gt;100),"N",IF(AND('Cambios Auto'!CI14&lt;0,'Indices Auto'!CJ14&lt;100),"R","NULL"))))</f>
        <v>V</v>
      </c>
      <c r="CJ14" s="2" t="str">
        <f>IF(AND('Cambios Auto'!CJ14&gt;0,'Indices Auto'!CK14&gt;100),"V",IF(AND('Cambios Auto'!CJ14&gt;0,'Indices Auto'!CK14&lt;100),"A",IF(AND('Cambios Auto'!CJ14&lt;0,'Indices Auto'!CK14&gt;100),"N",IF(AND('Cambios Auto'!CJ14&lt;0,'Indices Auto'!CK14&lt;100),"R","NULL"))))</f>
        <v>V</v>
      </c>
      <c r="CK14" s="2" t="str">
        <f>IF(AND('Cambios Auto'!CK14&gt;0,'Indices Auto'!CL14&gt;100),"V",IF(AND('Cambios Auto'!CK14&gt;0,'Indices Auto'!CL14&lt;100),"A",IF(AND('Cambios Auto'!CK14&lt;0,'Indices Auto'!CL14&gt;100),"N",IF(AND('Cambios Auto'!CK14&lt;0,'Indices Auto'!CL14&lt;100),"R","NULL"))))</f>
        <v>V</v>
      </c>
      <c r="CL14" s="2" t="str">
        <f>IF(AND('Cambios Auto'!CL14&gt;0,'Indices Auto'!CM14&gt;100),"V",IF(AND('Cambios Auto'!CL14&gt;0,'Indices Auto'!CM14&lt;100),"A",IF(AND('Cambios Auto'!CL14&lt;0,'Indices Auto'!CM14&gt;100),"N",IF(AND('Cambios Auto'!CL14&lt;0,'Indices Auto'!CM14&lt;100),"R","NULL"))))</f>
        <v>V</v>
      </c>
      <c r="CM14" s="2" t="str">
        <f>IF(AND('Cambios Auto'!CM14&gt;0,'Indices Auto'!CN14&gt;100),"V",IF(AND('Cambios Auto'!CM14&gt;0,'Indices Auto'!CN14&lt;100),"A",IF(AND('Cambios Auto'!CM14&lt;0,'Indices Auto'!CN14&gt;100),"N",IF(AND('Cambios Auto'!CM14&lt;0,'Indices Auto'!CN14&lt;100),"R","NULL"))))</f>
        <v>N</v>
      </c>
      <c r="CN14" s="2" t="str">
        <f>IF(AND('Cambios Auto'!CN14&gt;0,'Indices Auto'!CO14&gt;100),"V",IF(AND('Cambios Auto'!CN14&gt;0,'Indices Auto'!CO14&lt;100),"A",IF(AND('Cambios Auto'!CN14&lt;0,'Indices Auto'!CO14&gt;100),"N",IF(AND('Cambios Auto'!CN14&lt;0,'Indices Auto'!CO14&lt;100),"R","NULL"))))</f>
        <v>N</v>
      </c>
      <c r="CO14" s="2" t="str">
        <f>IF(AND('Cambios Auto'!CO14&gt;0,'Indices Auto'!CP14&gt;100),"V",IF(AND('Cambios Auto'!CO14&gt;0,'Indices Auto'!CP14&lt;100),"A",IF(AND('Cambios Auto'!CO14&lt;0,'Indices Auto'!CP14&gt;100),"N",IF(AND('Cambios Auto'!CO14&lt;0,'Indices Auto'!CP14&lt;100),"R","NULL"))))</f>
        <v>N</v>
      </c>
      <c r="CP14" s="2" t="str">
        <f>IF(AND('Cambios Auto'!CP14&gt;0,'Indices Auto'!CQ14&gt;100),"V",IF(AND('Cambios Auto'!CP14&gt;0,'Indices Auto'!CQ14&lt;100),"A",IF(AND('Cambios Auto'!CP14&lt;0,'Indices Auto'!CQ14&gt;100),"N",IF(AND('Cambios Auto'!CP14&lt;0,'Indices Auto'!CQ14&lt;100),"R","NULL"))))</f>
        <v>N</v>
      </c>
      <c r="CQ14" s="2" t="str">
        <f>IF(AND('Cambios Auto'!CQ14&gt;0,'Indices Auto'!CR14&gt;100),"V",IF(AND('Cambios Auto'!CQ14&gt;0,'Indices Auto'!CR14&lt;100),"A",IF(AND('Cambios Auto'!CQ14&lt;0,'Indices Auto'!CR14&gt;100),"N",IF(AND('Cambios Auto'!CQ14&lt;0,'Indices Auto'!CR14&lt;100),"R","NULL"))))</f>
        <v>N</v>
      </c>
      <c r="CR14" s="2" t="str">
        <f>IF(AND('Cambios Auto'!CR14&gt;0,'Indices Auto'!CS14&gt;100),"V",IF(AND('Cambios Auto'!CR14&gt;0,'Indices Auto'!CS14&lt;100),"A",IF(AND('Cambios Auto'!CR14&lt;0,'Indices Auto'!CS14&gt;100),"N",IF(AND('Cambios Auto'!CR14&lt;0,'Indices Auto'!CS14&lt;100),"R","NULL"))))</f>
        <v>N</v>
      </c>
      <c r="CS14" s="2" t="str">
        <f>IF(AND('Cambios Auto'!CS14&gt;0,'Indices Auto'!CT14&gt;100),"V",IF(AND('Cambios Auto'!CS14&gt;0,'Indices Auto'!CT14&lt;100),"A",IF(AND('Cambios Auto'!CS14&lt;0,'Indices Auto'!CT14&gt;100),"N",IF(AND('Cambios Auto'!CS14&lt;0,'Indices Auto'!CT14&lt;100),"R","NULL"))))</f>
        <v>N</v>
      </c>
      <c r="CT14" s="2" t="str">
        <f>IF(AND('Cambios Auto'!CT14&gt;0,'Indices Auto'!CU14&gt;100),"V",IF(AND('Cambios Auto'!CT14&gt;0,'Indices Auto'!CU14&lt;100),"A",IF(AND('Cambios Auto'!CT14&lt;0,'Indices Auto'!CU14&gt;100),"N",IF(AND('Cambios Auto'!CT14&lt;0,'Indices Auto'!CU14&lt;100),"R","NULL"))))</f>
        <v>N</v>
      </c>
      <c r="CU14" s="2" t="str">
        <f>IF(AND('Cambios Auto'!CU14&gt;0,'Indices Auto'!CV14&gt;100),"V",IF(AND('Cambios Auto'!CU14&gt;0,'Indices Auto'!CV14&lt;100),"A",IF(AND('Cambios Auto'!CU14&lt;0,'Indices Auto'!CV14&gt;100),"N",IF(AND('Cambios Auto'!CU14&lt;0,'Indices Auto'!CV14&lt;100),"R","NULL"))))</f>
        <v>N</v>
      </c>
      <c r="CV14" s="2" t="str">
        <f>IF(AND('Cambios Auto'!CV14&gt;0,'Indices Auto'!CW14&gt;100),"V",IF(AND('Cambios Auto'!CV14&gt;0,'Indices Auto'!CW14&lt;100),"A",IF(AND('Cambios Auto'!CV14&lt;0,'Indices Auto'!CW14&gt;100),"N",IF(AND('Cambios Auto'!CV14&lt;0,'Indices Auto'!CW14&lt;100),"R","NULL"))))</f>
        <v>N</v>
      </c>
      <c r="CW14" s="2" t="str">
        <f>IF(AND('Cambios Auto'!CW14&gt;0,'Indices Auto'!CX14&gt;100),"V",IF(AND('Cambios Auto'!CW14&gt;0,'Indices Auto'!CX14&lt;100),"A",IF(AND('Cambios Auto'!CW14&lt;0,'Indices Auto'!CX14&gt;100),"N",IF(AND('Cambios Auto'!CW14&lt;0,'Indices Auto'!CX14&lt;100),"R","NULL"))))</f>
        <v>N</v>
      </c>
      <c r="CX14" s="2" t="str">
        <f>IF(AND('Cambios Auto'!CX14&gt;0,'Indices Auto'!CY14&gt;100),"V",IF(AND('Cambios Auto'!CX14&gt;0,'Indices Auto'!CY14&lt;100),"A",IF(AND('Cambios Auto'!CX14&lt;0,'Indices Auto'!CY14&gt;100),"N",IF(AND('Cambios Auto'!CX14&lt;0,'Indices Auto'!CY14&lt;100),"R","NULL"))))</f>
        <v>N</v>
      </c>
      <c r="CY14" s="2" t="str">
        <f>IF(AND('Cambios Auto'!CY14&gt;0,'Indices Auto'!CZ14&gt;100),"V",IF(AND('Cambios Auto'!CY14&gt;0,'Indices Auto'!CZ14&lt;100),"A",IF(AND('Cambios Auto'!CY14&lt;0,'Indices Auto'!CZ14&gt;100),"N",IF(AND('Cambios Auto'!CY14&lt;0,'Indices Auto'!CZ14&lt;100),"R","NULL"))))</f>
        <v>N</v>
      </c>
      <c r="CZ14" s="2" t="str">
        <f>IF(AND('Cambios Auto'!CZ14&gt;0,'Indices Auto'!DA14&gt;100),"V",IF(AND('Cambios Auto'!CZ14&gt;0,'Indices Auto'!DA14&lt;100),"A",IF(AND('Cambios Auto'!CZ14&lt;0,'Indices Auto'!DA14&gt;100),"N",IF(AND('Cambios Auto'!CZ14&lt;0,'Indices Auto'!DA14&lt;100),"R","NULL"))))</f>
        <v>R</v>
      </c>
      <c r="DA14" s="2" t="str">
        <f>IF(AND('Cambios Auto'!DA14&gt;0,'Indices Auto'!DB14&gt;100),"V",IF(AND('Cambios Auto'!DA14&gt;0,'Indices Auto'!DB14&lt;100),"A",IF(AND('Cambios Auto'!DA14&lt;0,'Indices Auto'!DB14&gt;100),"N",IF(AND('Cambios Auto'!DA14&lt;0,'Indices Auto'!DB14&lt;100),"R","NULL"))))</f>
        <v>R</v>
      </c>
      <c r="DB14" s="2" t="str">
        <f>IF(AND('Cambios Auto'!DB14&gt;0,'Indices Auto'!DC14&gt;100),"V",IF(AND('Cambios Auto'!DB14&gt;0,'Indices Auto'!DC14&lt;100),"A",IF(AND('Cambios Auto'!DB14&lt;0,'Indices Auto'!DC14&gt;100),"N",IF(AND('Cambios Auto'!DB14&lt;0,'Indices Auto'!DC14&lt;100),"R","NULL"))))</f>
        <v>R</v>
      </c>
      <c r="DC14" s="2" t="str">
        <f>IF(AND('Cambios Auto'!DC14&gt;0,'Indices Auto'!DD14&gt;100),"V",IF(AND('Cambios Auto'!DC14&gt;0,'Indices Auto'!DD14&lt;100),"A",IF(AND('Cambios Auto'!DC14&lt;0,'Indices Auto'!DD14&gt;100),"N",IF(AND('Cambios Auto'!DC14&lt;0,'Indices Auto'!DD14&lt;100),"R","NULL"))))</f>
        <v>R</v>
      </c>
      <c r="DD14" s="2" t="str">
        <f>IF(AND('Cambios Auto'!DD14&gt;0,'Indices Auto'!DE14&gt;100),"V",IF(AND('Cambios Auto'!DD14&gt;0,'Indices Auto'!DE14&lt;100),"A",IF(AND('Cambios Auto'!DD14&lt;0,'Indices Auto'!DE14&gt;100),"N",IF(AND('Cambios Auto'!DD14&lt;0,'Indices Auto'!DE14&lt;100),"R","NULL"))))</f>
        <v>R</v>
      </c>
      <c r="DE14" s="2" t="str">
        <f>IF(AND('Cambios Auto'!DE14&gt;0,'Indices Auto'!DF14&gt;100),"V",IF(AND('Cambios Auto'!DE14&gt;0,'Indices Auto'!DF14&lt;100),"A",IF(AND('Cambios Auto'!DE14&lt;0,'Indices Auto'!DF14&gt;100),"N",IF(AND('Cambios Auto'!DE14&lt;0,'Indices Auto'!DF14&lt;100),"R","NULL"))))</f>
        <v>R</v>
      </c>
      <c r="DF14" s="2" t="str">
        <f>IF(AND('Cambios Auto'!DF14&gt;0,'Indices Auto'!DG14&gt;100),"V",IF(AND('Cambios Auto'!DF14&gt;0,'Indices Auto'!DG14&lt;100),"A",IF(AND('Cambios Auto'!DF14&lt;0,'Indices Auto'!DG14&gt;100),"N",IF(AND('Cambios Auto'!DF14&lt;0,'Indices Auto'!DG14&lt;100),"R","NULL"))))</f>
        <v>R</v>
      </c>
      <c r="DG14" s="2" t="str">
        <f>IF(AND('Cambios Auto'!DG14&gt;0,'Indices Auto'!DH14&gt;100),"V",IF(AND('Cambios Auto'!DG14&gt;0,'Indices Auto'!DH14&lt;100),"A",IF(AND('Cambios Auto'!DG14&lt;0,'Indices Auto'!DH14&gt;100),"N",IF(AND('Cambios Auto'!DG14&lt;0,'Indices Auto'!DH14&lt;100),"R","NULL"))))</f>
        <v>R</v>
      </c>
      <c r="DH14" s="2" t="str">
        <f>IF(AND('Cambios Auto'!DH14&gt;0,'Indices Auto'!DI14&gt;100),"V",IF(AND('Cambios Auto'!DH14&gt;0,'Indices Auto'!DI14&lt;100),"A",IF(AND('Cambios Auto'!DH14&lt;0,'Indices Auto'!DI14&gt;100),"N",IF(AND('Cambios Auto'!DH14&lt;0,'Indices Auto'!DI14&lt;100),"R","NULL"))))</f>
        <v>A</v>
      </c>
      <c r="DI14" s="2" t="str">
        <f>IF(AND('Cambios Auto'!DI14&gt;0,'Indices Auto'!DJ14&gt;100),"V",IF(AND('Cambios Auto'!DI14&gt;0,'Indices Auto'!DJ14&lt;100),"A",IF(AND('Cambios Auto'!DI14&lt;0,'Indices Auto'!DJ14&gt;100),"N",IF(AND('Cambios Auto'!DI14&lt;0,'Indices Auto'!DJ14&lt;100),"R","NULL"))))</f>
        <v>A</v>
      </c>
      <c r="DJ14" s="2" t="str">
        <f>IF(AND('Cambios Auto'!DJ14&gt;0,'Indices Auto'!DK14&gt;100),"V",IF(AND('Cambios Auto'!DJ14&gt;0,'Indices Auto'!DK14&lt;100),"A",IF(AND('Cambios Auto'!DJ14&lt;0,'Indices Auto'!DK14&gt;100),"N",IF(AND('Cambios Auto'!DJ14&lt;0,'Indices Auto'!DK14&lt;100),"R","NULL"))))</f>
        <v>A</v>
      </c>
      <c r="DK14" s="2" t="str">
        <f>IF(AND('Cambios Auto'!DK14&gt;0,'Indices Auto'!DL14&gt;100),"V",IF(AND('Cambios Auto'!DK14&gt;0,'Indices Auto'!DL14&lt;100),"A",IF(AND('Cambios Auto'!DK14&lt;0,'Indices Auto'!DL14&gt;100),"N",IF(AND('Cambios Auto'!DK14&lt;0,'Indices Auto'!DL14&lt;100),"R","NULL"))))</f>
        <v>A</v>
      </c>
      <c r="DL14" s="2" t="str">
        <f>IF(AND('Cambios Auto'!DL14&gt;0,'Indices Auto'!DM14&gt;100),"V",IF(AND('Cambios Auto'!DL14&gt;0,'Indices Auto'!DM14&lt;100),"A",IF(AND('Cambios Auto'!DL14&lt;0,'Indices Auto'!DM14&gt;100),"N",IF(AND('Cambios Auto'!DL14&lt;0,'Indices Auto'!DM14&lt;100),"R","NULL"))))</f>
        <v>A</v>
      </c>
      <c r="DM14" s="2" t="str">
        <f>IF(AND('Cambios Auto'!DM14&gt;0,'Indices Auto'!DN14&gt;100),"V",IF(AND('Cambios Auto'!DM14&gt;0,'Indices Auto'!DN14&lt;100),"A",IF(AND('Cambios Auto'!DM14&lt;0,'Indices Auto'!DN14&gt;100),"N",IF(AND('Cambios Auto'!DM14&lt;0,'Indices Auto'!DN14&lt;100),"R","NULL"))))</f>
        <v>A</v>
      </c>
      <c r="DN14" s="2" t="str">
        <f>IF(AND('Cambios Auto'!DN14&gt;0,'Indices Auto'!DO14&gt;100),"V",IF(AND('Cambios Auto'!DN14&gt;0,'Indices Auto'!DO14&lt;100),"A",IF(AND('Cambios Auto'!DN14&lt;0,'Indices Auto'!DO14&gt;100),"N",IF(AND('Cambios Auto'!DN14&lt;0,'Indices Auto'!DO14&lt;100),"R","NULL"))))</f>
        <v>A</v>
      </c>
      <c r="DO14" s="2" t="str">
        <f>IF(AND('Cambios Auto'!DO14&gt;0,'Indices Auto'!DP14&gt;100),"V",IF(AND('Cambios Auto'!DO14&gt;0,'Indices Auto'!DP14&lt;100),"A",IF(AND('Cambios Auto'!DO14&lt;0,'Indices Auto'!DP14&gt;100),"N",IF(AND('Cambios Auto'!DO14&lt;0,'Indices Auto'!DP14&lt;100),"R","NULL"))))</f>
        <v>A</v>
      </c>
      <c r="DP14" s="2" t="str">
        <f>IF(AND('Cambios Auto'!DP14&gt;0,'Indices Auto'!DQ14&gt;100),"V",IF(AND('Cambios Auto'!DP14&gt;0,'Indices Auto'!DQ14&lt;100),"A",IF(AND('Cambios Auto'!DP14&lt;0,'Indices Auto'!DQ14&gt;100),"N",IF(AND('Cambios Auto'!DP14&lt;0,'Indices Auto'!DQ14&lt;100),"R","NULL"))))</f>
        <v>A</v>
      </c>
      <c r="DQ14" s="2" t="str">
        <f>IF(AND('Cambios Auto'!DQ14&gt;0,'Indices Auto'!DR14&gt;100),"V",IF(AND('Cambios Auto'!DQ14&gt;0,'Indices Auto'!DR14&lt;100),"A",IF(AND('Cambios Auto'!DQ14&lt;0,'Indices Auto'!DR14&gt;100),"N",IF(AND('Cambios Auto'!DQ14&lt;0,'Indices Auto'!DR14&lt;100),"R","NULL"))))</f>
        <v>A</v>
      </c>
      <c r="DR14" s="2" t="str">
        <f>IF(AND('Cambios Auto'!DR14&gt;0,'Indices Auto'!DS14&gt;100),"V",IF(AND('Cambios Auto'!DR14&gt;0,'Indices Auto'!DS14&lt;100),"A",IF(AND('Cambios Auto'!DR14&lt;0,'Indices Auto'!DS14&gt;100),"N",IF(AND('Cambios Auto'!DR14&lt;0,'Indices Auto'!DS14&lt;100),"R","NULL"))))</f>
        <v>A</v>
      </c>
      <c r="DS14" s="2" t="str">
        <f>IF(AND('Cambios Auto'!DS14&gt;0,'Indices Auto'!DT14&gt;100),"V",IF(AND('Cambios Auto'!DS14&gt;0,'Indices Auto'!DT14&lt;100),"A",IF(AND('Cambios Auto'!DS14&lt;0,'Indices Auto'!DT14&gt;100),"N",IF(AND('Cambios Auto'!DS14&lt;0,'Indices Auto'!DT14&lt;100),"R","NULL"))))</f>
        <v>A</v>
      </c>
      <c r="DT14" s="2" t="str">
        <f>IF(AND('Cambios Auto'!DT14&gt;0,'Indices Auto'!DU14&gt;100),"V",IF(AND('Cambios Auto'!DT14&gt;0,'Indices Auto'!DU14&lt;100),"A",IF(AND('Cambios Auto'!DT14&lt;0,'Indices Auto'!DU14&gt;100),"N",IF(AND('Cambios Auto'!DT14&lt;0,'Indices Auto'!DU14&lt;100),"R","NULL"))))</f>
        <v>R</v>
      </c>
      <c r="DU14" s="2" t="str">
        <f>IF(AND('Cambios Auto'!DU14&gt;0,'Indices Auto'!DV14&gt;100),"V",IF(AND('Cambios Auto'!DU14&gt;0,'Indices Auto'!DV14&lt;100),"A",IF(AND('Cambios Auto'!DU14&lt;0,'Indices Auto'!DV14&gt;100),"N",IF(AND('Cambios Auto'!DU14&lt;0,'Indices Auto'!DV14&lt;100),"R","NULL"))))</f>
        <v>R</v>
      </c>
      <c r="DV14" s="2" t="str">
        <f>IF(AND('Cambios Auto'!DV14&gt;0,'Indices Auto'!DW14&gt;100),"V",IF(AND('Cambios Auto'!DV14&gt;0,'Indices Auto'!DW14&lt;100),"A",IF(AND('Cambios Auto'!DV14&lt;0,'Indices Auto'!DW14&gt;100),"N",IF(AND('Cambios Auto'!DV14&lt;0,'Indices Auto'!DW14&lt;100),"R","NULL"))))</f>
        <v>R</v>
      </c>
      <c r="DW14" s="2" t="str">
        <f>IF(AND('Cambios Auto'!DW14&gt;0,'Indices Auto'!DX14&gt;100),"V",IF(AND('Cambios Auto'!DW14&gt;0,'Indices Auto'!DX14&lt;100),"A",IF(AND('Cambios Auto'!DW14&lt;0,'Indices Auto'!DX14&gt;100),"N",IF(AND('Cambios Auto'!DW14&lt;0,'Indices Auto'!DX14&lt;100),"R","NULL"))))</f>
        <v>R</v>
      </c>
      <c r="DX14" s="2" t="str">
        <f>IF(AND('Cambios Auto'!DX14&gt;0,'Indices Auto'!DY14&gt;100),"V",IF(AND('Cambios Auto'!DX14&gt;0,'Indices Auto'!DY14&lt;100),"A",IF(AND('Cambios Auto'!DX14&lt;0,'Indices Auto'!DY14&gt;100),"N",IF(AND('Cambios Auto'!DX14&lt;0,'Indices Auto'!DY14&lt;100),"R","NULL"))))</f>
        <v>A</v>
      </c>
      <c r="DY14" s="2" t="str">
        <f>IF(AND('Cambios Auto'!DY14&gt;0,'Indices Auto'!DZ14&gt;100),"V",IF(AND('Cambios Auto'!DY14&gt;0,'Indices Auto'!DZ14&lt;100),"A",IF(AND('Cambios Auto'!DY14&lt;0,'Indices Auto'!DZ14&gt;100),"N",IF(AND('Cambios Auto'!DY14&lt;0,'Indices Auto'!DZ14&lt;100),"R","NULL"))))</f>
        <v>V</v>
      </c>
      <c r="DZ14" s="2" t="str">
        <f>IF(AND('Cambios Auto'!DZ14&gt;0,'Indices Auto'!EA14&gt;100),"V",IF(AND('Cambios Auto'!DZ14&gt;0,'Indices Auto'!EA14&lt;100),"A",IF(AND('Cambios Auto'!DZ14&lt;0,'Indices Auto'!EA14&gt;100),"N",IF(AND('Cambios Auto'!DZ14&lt;0,'Indices Auto'!EA14&lt;100),"R","NULL"))))</f>
        <v>V</v>
      </c>
      <c r="EA14" s="2" t="str">
        <f>IF(AND('Cambios Auto'!EA14&gt;0,'Indices Auto'!EB14&gt;100),"V",IF(AND('Cambios Auto'!EA14&gt;0,'Indices Auto'!EB14&lt;100),"A",IF(AND('Cambios Auto'!EA14&lt;0,'Indices Auto'!EB14&gt;100),"N",IF(AND('Cambios Auto'!EA14&lt;0,'Indices Auto'!EB14&lt;100),"R","NULL"))))</f>
        <v>V</v>
      </c>
      <c r="EB14" s="2" t="str">
        <f>IF(AND('Cambios Auto'!EB14&gt;0,'Indices Auto'!EC14&gt;100),"V",IF(AND('Cambios Auto'!EB14&gt;0,'Indices Auto'!EC14&lt;100),"A",IF(AND('Cambios Auto'!EB14&lt;0,'Indices Auto'!EC14&gt;100),"N",IF(AND('Cambios Auto'!EB14&lt;0,'Indices Auto'!EC14&lt;100),"R","NULL"))))</f>
        <v>V</v>
      </c>
      <c r="EC14" s="2" t="str">
        <f>IF(AND('Cambios Auto'!EC14&gt;0,'Indices Auto'!ED14&gt;100),"V",IF(AND('Cambios Auto'!EC14&gt;0,'Indices Auto'!ED14&lt;100),"A",IF(AND('Cambios Auto'!EC14&lt;0,'Indices Auto'!ED14&gt;100),"N",IF(AND('Cambios Auto'!EC14&lt;0,'Indices Auto'!ED14&lt;100),"R","NULL"))))</f>
        <v>V</v>
      </c>
      <c r="ED14" s="2" t="str">
        <f>IF(AND('Cambios Auto'!ED14&gt;0,'Indices Auto'!EE14&gt;100),"V",IF(AND('Cambios Auto'!ED14&gt;0,'Indices Auto'!EE14&lt;100),"A",IF(AND('Cambios Auto'!ED14&lt;0,'Indices Auto'!EE14&gt;100),"N",IF(AND('Cambios Auto'!ED14&lt;0,'Indices Auto'!EE14&lt;100),"R","NULL"))))</f>
        <v>V</v>
      </c>
      <c r="EE14" s="2" t="str">
        <f>IF(AND('Cambios Auto'!EE14&gt;0,'Indices Auto'!EF14&gt;100),"V",IF(AND('Cambios Auto'!EE14&gt;0,'Indices Auto'!EF14&lt;100),"A",IF(AND('Cambios Auto'!EE14&lt;0,'Indices Auto'!EF14&gt;100),"N",IF(AND('Cambios Auto'!EE14&lt;0,'Indices Auto'!EF14&lt;100),"R","NULL"))))</f>
        <v>N</v>
      </c>
      <c r="EF14" s="2" t="str">
        <f>IF(AND('Cambios Auto'!EF14&gt;0,'Indices Auto'!EG14&gt;100),"V",IF(AND('Cambios Auto'!EF14&gt;0,'Indices Auto'!EG14&lt;100),"A",IF(AND('Cambios Auto'!EF14&lt;0,'Indices Auto'!EG14&gt;100),"N",IF(AND('Cambios Auto'!EF14&lt;0,'Indices Auto'!EG14&lt;100),"R","NULL"))))</f>
        <v>N</v>
      </c>
      <c r="EG14" s="2" t="str">
        <f>IF(AND('Cambios Auto'!EG14&gt;0,'Indices Auto'!EH14&gt;100),"V",IF(AND('Cambios Auto'!EG14&gt;0,'Indices Auto'!EH14&lt;100),"A",IF(AND('Cambios Auto'!EG14&lt;0,'Indices Auto'!EH14&gt;100),"N",IF(AND('Cambios Auto'!EG14&lt;0,'Indices Auto'!EH14&lt;100),"R","NULL"))))</f>
        <v>N</v>
      </c>
      <c r="EH14" s="2" t="str">
        <f>IF(AND('Cambios Auto'!EH14&gt;0,'Indices Auto'!EI14&gt;100),"V",IF(AND('Cambios Auto'!EH14&gt;0,'Indices Auto'!EI14&lt;100),"A",IF(AND('Cambios Auto'!EH14&lt;0,'Indices Auto'!EI14&gt;100),"N",IF(AND('Cambios Auto'!EH14&lt;0,'Indices Auto'!EI14&lt;100),"R","NULL"))))</f>
        <v>N</v>
      </c>
      <c r="EI14" s="2" t="str">
        <f>IF(AND('Cambios Auto'!EI14&gt;0,'Indices Auto'!EJ14&gt;100),"V",IF(AND('Cambios Auto'!EI14&gt;0,'Indices Auto'!EJ14&lt;100),"A",IF(AND('Cambios Auto'!EI14&lt;0,'Indices Auto'!EJ14&gt;100),"N",IF(AND('Cambios Auto'!EI14&lt;0,'Indices Auto'!EJ14&lt;100),"R","NULL"))))</f>
        <v>R</v>
      </c>
      <c r="EJ14" s="2" t="str">
        <f>IF(AND('Cambios Auto'!EJ14&gt;0,'Indices Auto'!EK14&gt;100),"V",IF(AND('Cambios Auto'!EJ14&gt;0,'Indices Auto'!EK14&lt;100),"A",IF(AND('Cambios Auto'!EJ14&lt;0,'Indices Auto'!EK14&gt;100),"N",IF(AND('Cambios Auto'!EJ14&lt;0,'Indices Auto'!EK14&lt;100),"R","NULL"))))</f>
        <v>R</v>
      </c>
      <c r="EK14" s="2" t="str">
        <f>IF(AND('Cambios Auto'!EK14&gt;0,'Indices Auto'!EL14&gt;100),"V",IF(AND('Cambios Auto'!EK14&gt;0,'Indices Auto'!EL14&lt;100),"A",IF(AND('Cambios Auto'!EK14&lt;0,'Indices Auto'!EL14&gt;100),"N",IF(AND('Cambios Auto'!EK14&lt;0,'Indices Auto'!EL14&lt;100),"R","NULL"))))</f>
        <v>R</v>
      </c>
      <c r="EL14" s="2" t="str">
        <f>IF(AND('Cambios Auto'!EL14&gt;0,'Indices Auto'!EM14&gt;100),"V",IF(AND('Cambios Auto'!EL14&gt;0,'Indices Auto'!EM14&lt;100),"A",IF(AND('Cambios Auto'!EL14&lt;0,'Indices Auto'!EM14&gt;100),"N",IF(AND('Cambios Auto'!EL14&lt;0,'Indices Auto'!EM14&lt;100),"R","NULL"))))</f>
        <v>R</v>
      </c>
      <c r="EM14" s="2" t="str">
        <f>IF(AND('Cambios Auto'!EM14&gt;0,'Indices Auto'!EN14&gt;100),"V",IF(AND('Cambios Auto'!EM14&gt;0,'Indices Auto'!EN14&lt;100),"A",IF(AND('Cambios Auto'!EM14&lt;0,'Indices Auto'!EN14&gt;100),"N",IF(AND('Cambios Auto'!EM14&lt;0,'Indices Auto'!EN14&lt;100),"R","NULL"))))</f>
        <v>R</v>
      </c>
      <c r="EN14" s="2" t="str">
        <f>IF(AND('Cambios Auto'!EN14&gt;0,'Indices Auto'!EO14&gt;100),"V",IF(AND('Cambios Auto'!EN14&gt;0,'Indices Auto'!EO14&lt;100),"A",IF(AND('Cambios Auto'!EN14&lt;0,'Indices Auto'!EO14&gt;100),"N",IF(AND('Cambios Auto'!EN14&lt;0,'Indices Auto'!EO14&lt;100),"R","NULL"))))</f>
        <v>A</v>
      </c>
      <c r="EO14" s="2" t="str">
        <f>IF(AND('Cambios Auto'!EO14&gt;0,'Indices Auto'!EP14&gt;100),"V",IF(AND('Cambios Auto'!EO14&gt;0,'Indices Auto'!EP14&lt;100),"A",IF(AND('Cambios Auto'!EO14&lt;0,'Indices Auto'!EP14&gt;100),"N",IF(AND('Cambios Auto'!EO14&lt;0,'Indices Auto'!EP14&lt;100),"R","NULL"))))</f>
        <v>A</v>
      </c>
      <c r="EP14" s="2" t="str">
        <f>IF(AND('Cambios Auto'!EP14&gt;0,'Indices Auto'!EQ14&gt;100),"V",IF(AND('Cambios Auto'!EP14&gt;0,'Indices Auto'!EQ14&lt;100),"A",IF(AND('Cambios Auto'!EP14&lt;0,'Indices Auto'!EQ14&gt;100),"N",IF(AND('Cambios Auto'!EP14&lt;0,'Indices Auto'!EQ14&lt;100),"R","NULL"))))</f>
        <v>A</v>
      </c>
      <c r="EQ14" s="2" t="str">
        <f>IF(AND('Cambios Auto'!EQ14&gt;0,'Indices Auto'!ER14&gt;100),"V",IF(AND('Cambios Auto'!EQ14&gt;0,'Indices Auto'!ER14&lt;100),"A",IF(AND('Cambios Auto'!EQ14&lt;0,'Indices Auto'!ER14&gt;100),"N",IF(AND('Cambios Auto'!EQ14&lt;0,'Indices Auto'!ER14&lt;100),"R","NULL"))))</f>
        <v>V</v>
      </c>
      <c r="ER14" s="2" t="str">
        <f>IF(AND('Cambios Auto'!ER14&gt;0,'Indices Auto'!ES14&gt;100),"V",IF(AND('Cambios Auto'!ER14&gt;0,'Indices Auto'!ES14&lt;100),"A",IF(AND('Cambios Auto'!ER14&lt;0,'Indices Auto'!ES14&gt;100),"N",IF(AND('Cambios Auto'!ER14&lt;0,'Indices Auto'!ES14&lt;100),"R","NULL"))))</f>
        <v>V</v>
      </c>
      <c r="ES14" s="2" t="str">
        <f>IF(AND('Cambios Auto'!ES14&gt;0,'Indices Auto'!ET14&gt;100),"V",IF(AND('Cambios Auto'!ES14&gt;0,'Indices Auto'!ET14&lt;100),"A",IF(AND('Cambios Auto'!ES14&lt;0,'Indices Auto'!ET14&gt;100),"N",IF(AND('Cambios Auto'!ES14&lt;0,'Indices Auto'!ET14&lt;100),"R","NULL"))))</f>
        <v>V</v>
      </c>
      <c r="ET14" s="2" t="str">
        <f>IF(AND('Cambios Auto'!ET14&gt;0,'Indices Auto'!EU14&gt;100),"V",IF(AND('Cambios Auto'!ET14&gt;0,'Indices Auto'!EU14&lt;100),"A",IF(AND('Cambios Auto'!ET14&lt;0,'Indices Auto'!EU14&gt;100),"N",IF(AND('Cambios Auto'!ET14&lt;0,'Indices Auto'!EU14&lt;100),"R","NULL"))))</f>
        <v>V</v>
      </c>
      <c r="EU14" s="2" t="str">
        <f>IF(AND('Cambios Auto'!EU14&gt;0,'Indices Auto'!EV14&gt;100),"V",IF(AND('Cambios Auto'!EU14&gt;0,'Indices Auto'!EV14&lt;100),"A",IF(AND('Cambios Auto'!EU14&lt;0,'Indices Auto'!EV14&gt;100),"N",IF(AND('Cambios Auto'!EU14&lt;0,'Indices Auto'!EV14&lt;100),"R","NULL"))))</f>
        <v>V</v>
      </c>
      <c r="EV14" s="2" t="str">
        <f>IF(AND('Cambios Auto'!EV14&gt;0,'Indices Auto'!EW14&gt;100),"V",IF(AND('Cambios Auto'!EV14&gt;0,'Indices Auto'!EW14&lt;100),"A",IF(AND('Cambios Auto'!EV14&lt;0,'Indices Auto'!EW14&gt;100),"N",IF(AND('Cambios Auto'!EV14&lt;0,'Indices Auto'!EW14&lt;100),"R","NULL"))))</f>
        <v>V</v>
      </c>
      <c r="EW14" s="2" t="str">
        <f>IF(AND('Cambios Auto'!EW14&gt;0,'Indices Auto'!EX14&gt;100),"V",IF(AND('Cambios Auto'!EW14&gt;0,'Indices Auto'!EX14&lt;100),"A",IF(AND('Cambios Auto'!EW14&lt;0,'Indices Auto'!EX14&gt;100),"N",IF(AND('Cambios Auto'!EW14&lt;0,'Indices Auto'!EX14&lt;100),"R","NULL"))))</f>
        <v>V</v>
      </c>
      <c r="EX14" s="2" t="str">
        <f>IF(AND('Cambios Auto'!EX14&gt;0,'Indices Auto'!EY14&gt;100),"V",IF(AND('Cambios Auto'!EX14&gt;0,'Indices Auto'!EY14&lt;100),"A",IF(AND('Cambios Auto'!EX14&lt;0,'Indices Auto'!EY14&gt;100),"N",IF(AND('Cambios Auto'!EX14&lt;0,'Indices Auto'!EY14&lt;100),"R","NULL"))))</f>
        <v>V</v>
      </c>
      <c r="EY14" s="2" t="str">
        <f>IF(AND('Cambios Auto'!EY14&gt;0,'Indices Auto'!EZ14&gt;100),"V",IF(AND('Cambios Auto'!EY14&gt;0,'Indices Auto'!EZ14&lt;100),"A",IF(AND('Cambios Auto'!EY14&lt;0,'Indices Auto'!EZ14&gt;100),"N",IF(AND('Cambios Auto'!EY14&lt;0,'Indices Auto'!EZ14&lt;100),"R","NULL"))))</f>
        <v>V</v>
      </c>
      <c r="EZ14" s="2" t="str">
        <f>IF(AND('Cambios Auto'!EZ14&gt;0,'Indices Auto'!FA14&gt;100),"V",IF(AND('Cambios Auto'!EZ14&gt;0,'Indices Auto'!FA14&lt;100),"A",IF(AND('Cambios Auto'!EZ14&lt;0,'Indices Auto'!FA14&gt;100),"N",IF(AND('Cambios Auto'!EZ14&lt;0,'Indices Auto'!FA14&lt;100),"R","NULL"))))</f>
        <v>V</v>
      </c>
      <c r="FA14" s="2" t="str">
        <f>IF(AND('Cambios Auto'!FA14&gt;0,'Indices Auto'!FB14&gt;100),"V",IF(AND('Cambios Auto'!FA14&gt;0,'Indices Auto'!FB14&lt;100),"A",IF(AND('Cambios Auto'!FA14&lt;0,'Indices Auto'!FB14&gt;100),"N",IF(AND('Cambios Auto'!FA14&lt;0,'Indices Auto'!FB14&lt;100),"R","NULL"))))</f>
        <v>V</v>
      </c>
      <c r="FB14" s="2" t="str">
        <f>IF(AND('Cambios Auto'!FB14&gt;0,'Indices Auto'!FC14&gt;100),"V",IF(AND('Cambios Auto'!FB14&gt;0,'Indices Auto'!FC14&lt;100),"A",IF(AND('Cambios Auto'!FB14&lt;0,'Indices Auto'!FC14&gt;100),"N",IF(AND('Cambios Auto'!FB14&lt;0,'Indices Auto'!FC14&lt;100),"R","NULL"))))</f>
        <v>V</v>
      </c>
      <c r="FC14" s="2" t="str">
        <f>IF(AND('Cambios Auto'!FC14&gt;0,'Indices Auto'!FD14&gt;100),"V",IF(AND('Cambios Auto'!FC14&gt;0,'Indices Auto'!FD14&lt;100),"A",IF(AND('Cambios Auto'!FC14&lt;0,'Indices Auto'!FD14&gt;100),"N",IF(AND('Cambios Auto'!FC14&lt;0,'Indices Auto'!FD14&lt;100),"R","NULL"))))</f>
        <v>N</v>
      </c>
      <c r="FD14" s="2" t="str">
        <f>IF(AND('Cambios Auto'!FD14&gt;0,'Indices Auto'!FE14&gt;100),"V",IF(AND('Cambios Auto'!FD14&gt;0,'Indices Auto'!FE14&lt;100),"A",IF(AND('Cambios Auto'!FD14&lt;0,'Indices Auto'!FE14&gt;100),"N",IF(AND('Cambios Auto'!FD14&lt;0,'Indices Auto'!FE14&lt;100),"R","NULL"))))</f>
        <v>N</v>
      </c>
      <c r="FE14" s="2" t="str">
        <f>IF(AND('Cambios Auto'!FE14&gt;0,'Indices Auto'!FF14&gt;100),"V",IF(AND('Cambios Auto'!FE14&gt;0,'Indices Auto'!FF14&lt;100),"A",IF(AND('Cambios Auto'!FE14&lt;0,'Indices Auto'!FF14&gt;100),"N",IF(AND('Cambios Auto'!FE14&lt;0,'Indices Auto'!FF14&lt;100),"R","NULL"))))</f>
        <v>N</v>
      </c>
      <c r="FF14" s="2" t="str">
        <f>IF(AND('Cambios Auto'!FF14&gt;0,'Indices Auto'!FG14&gt;100),"V",IF(AND('Cambios Auto'!FF14&gt;0,'Indices Auto'!FG14&lt;100),"A",IF(AND('Cambios Auto'!FF14&lt;0,'Indices Auto'!FG14&gt;100),"N",IF(AND('Cambios Auto'!FF14&lt;0,'Indices Auto'!FG14&lt;100),"R","NULL"))))</f>
        <v>N</v>
      </c>
      <c r="FG14" s="2" t="str">
        <f>IF(AND('Cambios Auto'!FG14&gt;0,'Indices Auto'!FH14&gt;100),"V",IF(AND('Cambios Auto'!FG14&gt;0,'Indices Auto'!FH14&lt;100),"A",IF(AND('Cambios Auto'!FG14&lt;0,'Indices Auto'!FH14&gt;100),"N",IF(AND('Cambios Auto'!FG14&lt;0,'Indices Auto'!FH14&lt;100),"R","NULL"))))</f>
        <v>R</v>
      </c>
      <c r="FH14" s="2" t="str">
        <f>IF(AND('Cambios Auto'!FH14&gt;0,'Indices Auto'!FI14&gt;100),"V",IF(AND('Cambios Auto'!FH14&gt;0,'Indices Auto'!FI14&lt;100),"A",IF(AND('Cambios Auto'!FH14&lt;0,'Indices Auto'!FI14&gt;100),"N",IF(AND('Cambios Auto'!FH14&lt;0,'Indices Auto'!FI14&lt;100),"R","NULL"))))</f>
        <v>R</v>
      </c>
      <c r="FI14" s="2" t="str">
        <f>IF(AND('Cambios Auto'!FI14&gt;0,'Indices Auto'!FJ14&gt;100),"V",IF(AND('Cambios Auto'!FI14&gt;0,'Indices Auto'!FJ14&lt;100),"A",IF(AND('Cambios Auto'!FI14&lt;0,'Indices Auto'!FJ14&gt;100),"N",IF(AND('Cambios Auto'!FI14&lt;0,'Indices Auto'!FJ14&lt;100),"R","NULL"))))</f>
        <v>R</v>
      </c>
      <c r="FJ14" s="2" t="str">
        <f>IF(AND('Cambios Auto'!FJ14&gt;0,'Indices Auto'!FK14&gt;100),"V",IF(AND('Cambios Auto'!FJ14&gt;0,'Indices Auto'!FK14&lt;100),"A",IF(AND('Cambios Auto'!FJ14&lt;0,'Indices Auto'!FK14&gt;100),"N",IF(AND('Cambios Auto'!FJ14&lt;0,'Indices Auto'!FK14&lt;100),"R","NULL"))))</f>
        <v>R</v>
      </c>
      <c r="FK14" s="2" t="str">
        <f>IF(AND('Cambios Auto'!FK14&gt;0,'Indices Auto'!FL14&gt;100),"V",IF(AND('Cambios Auto'!FK14&gt;0,'Indices Auto'!FL14&lt;100),"A",IF(AND('Cambios Auto'!FK14&lt;0,'Indices Auto'!FL14&gt;100),"N",IF(AND('Cambios Auto'!FK14&lt;0,'Indices Auto'!FL14&lt;100),"R","NULL"))))</f>
        <v>R</v>
      </c>
      <c r="FL14" s="2" t="str">
        <f>IF(AND('Cambios Auto'!FL14&gt;0,'Indices Auto'!FM14&gt;100),"V",IF(AND('Cambios Auto'!FL14&gt;0,'Indices Auto'!FM14&lt;100),"A",IF(AND('Cambios Auto'!FL14&lt;0,'Indices Auto'!FM14&gt;100),"N",IF(AND('Cambios Auto'!FL14&lt;0,'Indices Auto'!FM14&lt;100),"R","NULL"))))</f>
        <v>R</v>
      </c>
      <c r="FM14" s="2" t="str">
        <f>IF(AND('Cambios Auto'!FM14&gt;0,'Indices Auto'!FN14&gt;100),"V",IF(AND('Cambios Auto'!FM14&gt;0,'Indices Auto'!FN14&lt;100),"A",IF(AND('Cambios Auto'!FM14&lt;0,'Indices Auto'!FN14&gt;100),"N",IF(AND('Cambios Auto'!FM14&lt;0,'Indices Auto'!FN14&lt;100),"R","NULL"))))</f>
        <v>R</v>
      </c>
      <c r="FN14" s="2" t="str">
        <f>IF(AND('Cambios Auto'!FN14&gt;0,'Indices Auto'!FO14&gt;100),"V",IF(AND('Cambios Auto'!FN14&gt;0,'Indices Auto'!FO14&lt;100),"A",IF(AND('Cambios Auto'!FN14&lt;0,'Indices Auto'!FO14&gt;100),"N",IF(AND('Cambios Auto'!FN14&lt;0,'Indices Auto'!FO14&lt;100),"R","NULL"))))</f>
        <v>R</v>
      </c>
      <c r="FO14" s="2" t="str">
        <f>IF(AND('Cambios Auto'!FO14&gt;0,'Indices Auto'!FP14&gt;100),"V",IF(AND('Cambios Auto'!FO14&gt;0,'Indices Auto'!FP14&lt;100),"A",IF(AND('Cambios Auto'!FO14&lt;0,'Indices Auto'!FP14&gt;100),"N",IF(AND('Cambios Auto'!FO14&lt;0,'Indices Auto'!FP14&lt;100),"R","NULL"))))</f>
        <v>R</v>
      </c>
      <c r="FP14" s="2" t="str">
        <f>IF(AND('Cambios Auto'!FP14&gt;0,'Indices Auto'!FQ14&gt;100),"V",IF(AND('Cambios Auto'!FP14&gt;0,'Indices Auto'!FQ14&lt;100),"A",IF(AND('Cambios Auto'!FP14&lt;0,'Indices Auto'!FQ14&gt;100),"N",IF(AND('Cambios Auto'!FP14&lt;0,'Indices Auto'!FQ14&lt;100),"R","NULL"))))</f>
        <v>A</v>
      </c>
      <c r="FQ14" s="2" t="str">
        <f>IF(AND('Cambios Auto'!FQ14&gt;0,'Indices Auto'!FR14&gt;100),"V",IF(AND('Cambios Auto'!FQ14&gt;0,'Indices Auto'!FR14&lt;100),"A",IF(AND('Cambios Auto'!FQ14&lt;0,'Indices Auto'!FR14&gt;100),"N",IF(AND('Cambios Auto'!FQ14&lt;0,'Indices Auto'!FR14&lt;100),"R","NULL"))))</f>
        <v>A</v>
      </c>
      <c r="FR14" s="2" t="str">
        <f>IF(AND('Cambios Auto'!FR14&gt;0,'Indices Auto'!FS14&gt;100),"V",IF(AND('Cambios Auto'!FR14&gt;0,'Indices Auto'!FS14&lt;100),"A",IF(AND('Cambios Auto'!FR14&lt;0,'Indices Auto'!FS14&gt;100),"N",IF(AND('Cambios Auto'!FR14&lt;0,'Indices Auto'!FS14&lt;100),"R","NULL"))))</f>
        <v>A</v>
      </c>
      <c r="FS14" s="2" t="str">
        <f>IF(AND('Cambios Auto'!FS14&gt;0,'Indices Auto'!FT14&gt;100),"V",IF(AND('Cambios Auto'!FS14&gt;0,'Indices Auto'!FT14&lt;100),"A",IF(AND('Cambios Auto'!FS14&lt;0,'Indices Auto'!FT14&gt;100),"N",IF(AND('Cambios Auto'!FS14&lt;0,'Indices Auto'!FT14&lt;100),"R","NULL"))))</f>
        <v>V</v>
      </c>
      <c r="FT14" s="2" t="str">
        <f>IF(AND('Cambios Auto'!FT14&gt;0,'Indices Auto'!FU14&gt;100),"V",IF(AND('Cambios Auto'!FT14&gt;0,'Indices Auto'!FU14&lt;100),"A",IF(AND('Cambios Auto'!FT14&lt;0,'Indices Auto'!FU14&gt;100),"N",IF(AND('Cambios Auto'!FT14&lt;0,'Indices Auto'!FU14&lt;100),"R","NULL"))))</f>
        <v>V</v>
      </c>
      <c r="FU14" s="2" t="str">
        <f>IF(AND('Cambios Auto'!FU14&gt;0,'Indices Auto'!FV14&gt;100),"V",IF(AND('Cambios Auto'!FU14&gt;0,'Indices Auto'!FV14&lt;100),"A",IF(AND('Cambios Auto'!FU14&lt;0,'Indices Auto'!FV14&gt;100),"N",IF(AND('Cambios Auto'!FU14&lt;0,'Indices Auto'!FV14&lt;100),"R","NULL"))))</f>
        <v>V</v>
      </c>
      <c r="FV14" s="2" t="str">
        <f>IF(AND('Cambios Auto'!FV14&gt;0,'Indices Auto'!FW14&gt;100),"V",IF(AND('Cambios Auto'!FV14&gt;0,'Indices Auto'!FW14&lt;100),"A",IF(AND('Cambios Auto'!FV14&lt;0,'Indices Auto'!FW14&gt;100),"N",IF(AND('Cambios Auto'!FV14&lt;0,'Indices Auto'!FW14&lt;100),"R","NULL"))))</f>
        <v>V</v>
      </c>
      <c r="FW14" s="2" t="str">
        <f>IF(AND('Cambios Auto'!FW14&gt;0,'Indices Auto'!FX14&gt;100),"V",IF(AND('Cambios Auto'!FW14&gt;0,'Indices Auto'!FX14&lt;100),"A",IF(AND('Cambios Auto'!FW14&lt;0,'Indices Auto'!FX14&gt;100),"N",IF(AND('Cambios Auto'!FW14&lt;0,'Indices Auto'!FX14&lt;100),"R","NULL"))))</f>
        <v>N</v>
      </c>
      <c r="FX14" s="2" t="str">
        <f>IF(AND('Cambios Auto'!FX14&gt;0,'Indices Auto'!FY14&gt;100),"V",IF(AND('Cambios Auto'!FX14&gt;0,'Indices Auto'!FY14&lt;100),"A",IF(AND('Cambios Auto'!FX14&lt;0,'Indices Auto'!FY14&gt;100),"N",IF(AND('Cambios Auto'!FX14&lt;0,'Indices Auto'!FY14&lt;100),"R","NULL"))))</f>
        <v>R</v>
      </c>
      <c r="FY14" s="2" t="str">
        <f>IF(AND('Cambios Auto'!FY14&gt;0,'Indices Auto'!FZ14&gt;100),"V",IF(AND('Cambios Auto'!FY14&gt;0,'Indices Auto'!FZ14&lt;100),"A",IF(AND('Cambios Auto'!FY14&lt;0,'Indices Auto'!FZ14&gt;100),"N",IF(AND('Cambios Auto'!FY14&lt;0,'Indices Auto'!FZ14&lt;100),"R","NULL"))))</f>
        <v>R</v>
      </c>
      <c r="FZ14" s="2" t="str">
        <f>IF(AND('Cambios Auto'!FZ14&gt;0,'Indices Auto'!GA14&gt;100),"V",IF(AND('Cambios Auto'!FZ14&gt;0,'Indices Auto'!GA14&lt;100),"A",IF(AND('Cambios Auto'!FZ14&lt;0,'Indices Auto'!GA14&gt;100),"N",IF(AND('Cambios Auto'!FZ14&lt;0,'Indices Auto'!GA14&lt;100),"R","NULL"))))</f>
        <v>R</v>
      </c>
      <c r="GA14" s="2" t="str">
        <f>IF(AND('Cambios Auto'!GA14&gt;0,'Indices Auto'!GB14&gt;100),"V",IF(AND('Cambios Auto'!GA14&gt;0,'Indices Auto'!GB14&lt;100),"A",IF(AND('Cambios Auto'!GA14&lt;0,'Indices Auto'!GB14&gt;100),"N",IF(AND('Cambios Auto'!GA14&lt;0,'Indices Auto'!GB14&lt;100),"R","NULL"))))</f>
        <v>R</v>
      </c>
      <c r="GB14" s="2" t="str">
        <f>IF(AND('Cambios Auto'!GB14&gt;0,'Indices Auto'!GC14&gt;100),"V",IF(AND('Cambios Auto'!GB14&gt;0,'Indices Auto'!GC14&lt;100),"A",IF(AND('Cambios Auto'!GB14&lt;0,'Indices Auto'!GC14&gt;100),"N",IF(AND('Cambios Auto'!GB14&lt;0,'Indices Auto'!GC14&lt;100),"R","NULL"))))</f>
        <v>A</v>
      </c>
      <c r="GC14" s="2" t="str">
        <f>IF(AND('Cambios Auto'!GC14&gt;0,'Indices Auto'!GD14&gt;100),"V",IF(AND('Cambios Auto'!GC14&gt;0,'Indices Auto'!GD14&lt;100),"A",IF(AND('Cambios Auto'!GC14&lt;0,'Indices Auto'!GD14&gt;100),"N",IF(AND('Cambios Auto'!GC14&lt;0,'Indices Auto'!GD14&lt;100),"R","NULL"))))</f>
        <v>A</v>
      </c>
      <c r="GD14" s="2" t="str">
        <f>IF(AND('Cambios Auto'!GD14&gt;0,'Indices Auto'!GE14&gt;100),"V",IF(AND('Cambios Auto'!GD14&gt;0,'Indices Auto'!GE14&lt;100),"A",IF(AND('Cambios Auto'!GD14&lt;0,'Indices Auto'!GE14&gt;100),"N",IF(AND('Cambios Auto'!GD14&lt;0,'Indices Auto'!GE14&lt;100),"R","NULL"))))</f>
        <v>A</v>
      </c>
      <c r="GE14" s="2" t="str">
        <f>IF(AND('Cambios Auto'!GE14&gt;0,'Indices Auto'!GF14&gt;100),"V",IF(AND('Cambios Auto'!GE14&gt;0,'Indices Auto'!GF14&lt;100),"A",IF(AND('Cambios Auto'!GE14&lt;0,'Indices Auto'!GF14&gt;100),"N",IF(AND('Cambios Auto'!GE14&lt;0,'Indices Auto'!GF14&lt;100),"R","NULL"))))</f>
        <v>R</v>
      </c>
      <c r="GF14" s="2" t="str">
        <f>IF(AND('Cambios Auto'!GF14&gt;0,'Indices Auto'!GG14&gt;100),"V",IF(AND('Cambios Auto'!GF14&gt;0,'Indices Auto'!GG14&lt;100),"A",IF(AND('Cambios Auto'!GF14&lt;0,'Indices Auto'!GG14&gt;100),"N",IF(AND('Cambios Auto'!GF14&lt;0,'Indices Auto'!GG14&lt;100),"R","NULL"))))</f>
        <v>R</v>
      </c>
      <c r="GG14" s="2" t="str">
        <f>IF(AND('Cambios Auto'!GG14&gt;0,'Indices Auto'!GH14&gt;100),"V",IF(AND('Cambios Auto'!GG14&gt;0,'Indices Auto'!GH14&lt;100),"A",IF(AND('Cambios Auto'!GG14&lt;0,'Indices Auto'!GH14&gt;100),"N",IF(AND('Cambios Auto'!GG14&lt;0,'Indices Auto'!GH14&lt;100),"R","NULL"))))</f>
        <v>R</v>
      </c>
      <c r="GH14" s="2" t="str">
        <f>IF(AND('Cambios Auto'!GH14&gt;0,'Indices Auto'!GR14&gt;100),"V",IF(AND('Cambios Auto'!GH14&gt;0,'Indices Auto'!GR14&lt;100),"A",IF(AND('Cambios Auto'!GH14&lt;0,'Indices Auto'!GR14&gt;100),"N",IF(AND('Cambios Auto'!GH14&lt;0,'Indices Auto'!GR14&lt;100),"R","NULL"))))</f>
        <v>R</v>
      </c>
      <c r="GI14" s="2" t="str">
        <f>IF(AND('Cambios Auto'!GI14&gt;0,'Indices Auto'!GS14&gt;100),"V",IF(AND('Cambios Auto'!GI14&gt;0,'Indices Auto'!GS14&lt;100),"A",IF(AND('Cambios Auto'!GI14&lt;0,'Indices Auto'!GS14&gt;100),"N",IF(AND('Cambios Auto'!GI14&lt;0,'Indices Auto'!GS14&lt;100),"R","NULL"))))</f>
        <v>R</v>
      </c>
      <c r="GJ14" s="2" t="str">
        <f>IF(AND('Cambios Auto'!GJ14&gt;0,'Indices Auto'!GT14&gt;100),"V",IF(AND('Cambios Auto'!GJ14&gt;0,'Indices Auto'!GT14&lt;100),"A",IF(AND('Cambios Auto'!GJ14&lt;0,'Indices Auto'!GT14&gt;100),"N",IF(AND('Cambios Auto'!GJ14&lt;0,'Indices Auto'!GT14&lt;100),"R","NULL"))))</f>
        <v>R</v>
      </c>
      <c r="GK14" s="2" t="str">
        <f>IF(AND('Cambios Auto'!GK14&gt;0,'Indices Auto'!GU14&gt;100),"V",IF(AND('Cambios Auto'!GK14&gt;0,'Indices Auto'!GU14&lt;100),"A",IF(AND('Cambios Auto'!GK14&lt;0,'Indices Auto'!GU14&gt;100),"N",IF(AND('Cambios Auto'!GK14&lt;0,'Indices Auto'!GU14&lt;100),"R","NULL"))))</f>
        <v>R</v>
      </c>
      <c r="GL14" s="2" t="str">
        <f>IF(AND('Cambios Auto'!GL14&gt;0,'Indices Auto'!GV14&gt;100),"V",IF(AND('Cambios Auto'!GL14&gt;0,'Indices Auto'!GV14&lt;100),"A",IF(AND('Cambios Auto'!GL14&lt;0,'Indices Auto'!GV14&gt;100),"N",IF(AND('Cambios Auto'!GL14&lt;0,'Indices Auto'!GV14&lt;100),"R","NULL"))))</f>
        <v>A</v>
      </c>
      <c r="GM14" s="2" t="str">
        <f>IF(AND('Cambios Auto'!GM14&gt;0,'Indices Auto'!GW14&gt;100),"V",IF(AND('Cambios Auto'!GM14&gt;0,'Indices Auto'!GW14&lt;100),"A",IF(AND('Cambios Auto'!GM14&lt;0,'Indices Auto'!GW14&gt;100),"N",IF(AND('Cambios Auto'!GM14&lt;0,'Indices Auto'!GW14&lt;100),"R","NULL"))))</f>
        <v>A</v>
      </c>
      <c r="GN14" s="2" t="str">
        <f>IF(AND('Cambios Auto'!GN14&gt;0,'Indices Auto'!GX14&gt;100),"V",IF(AND('Cambios Auto'!GN14&gt;0,'Indices Auto'!GX14&lt;100),"A",IF(AND('Cambios Auto'!GN14&lt;0,'Indices Auto'!GX14&gt;100),"N",IF(AND('Cambios Auto'!GN14&lt;0,'Indices Auto'!GX14&lt;100),"R","NULL"))))</f>
        <v>A</v>
      </c>
      <c r="GO14" s="2" t="str">
        <f>IF(AND('Cambios Auto'!GO14&gt;0,'Indices Auto'!GY14&gt;100),"V",IF(AND('Cambios Auto'!GO14&gt;0,'Indices Auto'!GY14&lt;100),"A",IF(AND('Cambios Auto'!GO14&lt;0,'Indices Auto'!GY14&gt;100),"N",IF(AND('Cambios Auto'!GO14&lt;0,'Indices Auto'!GY14&lt;100),"R","NULL"))))</f>
        <v>A</v>
      </c>
      <c r="GP14" s="2" t="str">
        <f>IF(AND('Cambios Auto'!GP14&gt;0,'Indices Auto'!GZ14&gt;100),"V",IF(AND('Cambios Auto'!GP14&gt;0,'Indices Auto'!GZ14&lt;100),"A",IF(AND('Cambios Auto'!GP14&lt;0,'Indices Auto'!GZ14&gt;100),"N",IF(AND('Cambios Auto'!GP14&lt;0,'Indices Auto'!GZ14&lt;100),"R","NULL"))))</f>
        <v>A</v>
      </c>
      <c r="GQ14" s="2" t="str">
        <f>IF(AND('Cambios Auto'!GQ14&gt;0,'Indices Auto'!HA14&gt;100),"V",IF(AND('Cambios Auto'!GQ14&gt;0,'Indices Auto'!HA14&lt;100),"A",IF(AND('Cambios Auto'!GQ14&lt;0,'Indices Auto'!HA14&gt;100),"N",IF(AND('Cambios Auto'!GQ14&lt;0,'Indices Auto'!HA14&lt;100),"R","NULL"))))</f>
        <v>NULL</v>
      </c>
      <c r="GR14" s="2" t="str">
        <f>IF(AND('Cambios Auto'!GR14&gt;0,'Indices Auto'!HB14&gt;100),"V",IF(AND('Cambios Auto'!GR14&gt;0,'Indices Auto'!HB14&lt;100),"A",IF(AND('Cambios Auto'!GR14&lt;0,'Indices Auto'!HB14&gt;100),"N",IF(AND('Cambios Auto'!GR14&lt;0,'Indices Auto'!HB14&lt;100),"R","NULL"))))</f>
        <v>NULL</v>
      </c>
      <c r="GS14" s="2" t="str">
        <f>IF(AND('Cambios Auto'!GS14&gt;0,'Indices Auto'!HC14&gt;100),"V",IF(AND('Cambios Auto'!GS14&gt;0,'Indices Auto'!HC14&lt;100),"A",IF(AND('Cambios Auto'!GS14&lt;0,'Indices Auto'!HC14&gt;100),"N",IF(AND('Cambios Auto'!GS14&lt;0,'Indices Auto'!HC14&lt;100),"R","NULL"))))</f>
        <v>NULL</v>
      </c>
      <c r="GT14" s="2" t="str">
        <f>IF(AND('Cambios Auto'!GT14&gt;0,'Indices Auto'!HD14&gt;100),"V",IF(AND('Cambios Auto'!GT14&gt;0,'Indices Auto'!HD14&lt;100),"A",IF(AND('Cambios Auto'!GT14&lt;0,'Indices Auto'!HD14&gt;100),"N",IF(AND('Cambios Auto'!GT14&lt;0,'Indices Auto'!HD14&lt;100),"R","NULL"))))</f>
        <v>NULL</v>
      </c>
      <c r="GU14" s="2" t="str">
        <f>IF(AND('Cambios Auto'!GU14&gt;0,'Indices Auto'!HE14&gt;100),"V",IF(AND('Cambios Auto'!GU14&gt;0,'Indices Auto'!HE14&lt;100),"A",IF(AND('Cambios Auto'!GU14&lt;0,'Indices Auto'!HE14&gt;100),"N",IF(AND('Cambios Auto'!GU14&lt;0,'Indices Auto'!HE14&lt;100),"R","NULL"))))</f>
        <v>NULL</v>
      </c>
      <c r="GV14" s="2" t="str">
        <f>IF(AND('Cambios Auto'!GV14&gt;0,'Indices Auto'!HF14&gt;100),"V",IF(AND('Cambios Auto'!GV14&gt;0,'Indices Auto'!HF14&lt;100),"A",IF(AND('Cambios Auto'!GV14&lt;0,'Indices Auto'!HF14&gt;100),"N",IF(AND('Cambios Auto'!GV14&lt;0,'Indices Auto'!HF14&lt;100),"R","NULL"))))</f>
        <v>NULL</v>
      </c>
      <c r="GW14" s="2" t="str">
        <f>IF(AND('Cambios Auto'!GW14&gt;0,'Indices Auto'!HG14&gt;100),"V",IF(AND('Cambios Auto'!GW14&gt;0,'Indices Auto'!HG14&lt;100),"A",IF(AND('Cambios Auto'!GW14&lt;0,'Indices Auto'!HG14&gt;100),"N",IF(AND('Cambios Auto'!GW14&lt;0,'Indices Auto'!HG14&lt;100),"R","NULL"))))</f>
        <v>NULL</v>
      </c>
      <c r="GX14" s="2" t="str">
        <f>IF(AND('Cambios Auto'!GX14&gt;0,'Indices Auto'!HH14&gt;100),"V",IF(AND('Cambios Auto'!GX14&gt;0,'Indices Auto'!HH14&lt;100),"A",IF(AND('Cambios Auto'!GX14&lt;0,'Indices Auto'!HH14&gt;100),"N",IF(AND('Cambios Auto'!GX14&lt;0,'Indices Auto'!HH14&lt;100),"R","NULL"))))</f>
        <v>NULL</v>
      </c>
      <c r="GY14" s="2" t="str">
        <f>IF(AND('Cambios Auto'!GY14&gt;0,'Indices Auto'!HI14&gt;100),"V",IF(AND('Cambios Auto'!GY14&gt;0,'Indices Auto'!HI14&lt;100),"A",IF(AND('Cambios Auto'!GY14&lt;0,'Indices Auto'!HI14&gt;100),"N",IF(AND('Cambios Auto'!GY14&lt;0,'Indices Auto'!HI14&lt;100),"R","NULL"))))</f>
        <v>NULL</v>
      </c>
      <c r="GZ14" s="2" t="str">
        <f>IF(AND('Cambios Auto'!GZ14&gt;0,'Indices Auto'!HJ14&gt;100),"V",IF(AND('Cambios Auto'!GZ14&gt;0,'Indices Auto'!HJ14&lt;100),"A",IF(AND('Cambios Auto'!GZ14&lt;0,'Indices Auto'!HJ14&gt;100),"N",IF(AND('Cambios Auto'!GZ14&lt;0,'Indices Auto'!HJ14&lt;100),"R","NULL"))))</f>
        <v>NULL</v>
      </c>
      <c r="HA14" s="2" t="str">
        <f>IF(AND('Cambios Auto'!HA14&gt;0,'Indices Auto'!HK14&gt;100),"V",IF(AND('Cambios Auto'!HA14&gt;0,'Indices Auto'!HK14&lt;100),"A",IF(AND('Cambios Auto'!HA14&lt;0,'Indices Auto'!HK14&gt;100),"N",IF(AND('Cambios Auto'!HA14&lt;0,'Indices Auto'!HK14&lt;100),"R","NULL"))))</f>
        <v>NULL</v>
      </c>
      <c r="HB14" s="2" t="str">
        <f>IF(AND('Cambios Auto'!HB14&gt;0,'Indices Auto'!HL14&gt;100),"V",IF(AND('Cambios Auto'!HB14&gt;0,'Indices Auto'!HL14&lt;100),"A",IF(AND('Cambios Auto'!HB14&lt;0,'Indices Auto'!HL14&gt;100),"N",IF(AND('Cambios Auto'!HB14&lt;0,'Indices Auto'!HL14&lt;100),"R","NULL"))))</f>
        <v>NULL</v>
      </c>
      <c r="HC14" s="2" t="str">
        <f>IF(AND('Cambios Auto'!HC14&gt;0,'Indices Auto'!HM14&gt;100),"V",IF(AND('Cambios Auto'!HC14&gt;0,'Indices Auto'!HM14&lt;100),"A",IF(AND('Cambios Auto'!HC14&lt;0,'Indices Auto'!HM14&gt;100),"N",IF(AND('Cambios Auto'!HC14&lt;0,'Indices Auto'!HM14&lt;100),"R","NULL"))))</f>
        <v>NULL</v>
      </c>
      <c r="HD14" s="2" t="str">
        <f>IF(AND('Cambios Auto'!HD14&gt;0,'Indices Auto'!HN14&gt;100),"V",IF(AND('Cambios Auto'!HD14&gt;0,'Indices Auto'!HN14&lt;100),"A",IF(AND('Cambios Auto'!HD14&lt;0,'Indices Auto'!HN14&gt;100),"N",IF(AND('Cambios Auto'!HD14&lt;0,'Indices Auto'!HN14&lt;100),"R","NULL"))))</f>
        <v>NULL</v>
      </c>
      <c r="HE14" s="2" t="str">
        <f>IF(AND('Cambios Auto'!HE14&gt;0,'Indices Auto'!HO14&gt;100),"V",IF(AND('Cambios Auto'!HE14&gt;0,'Indices Auto'!HO14&lt;100),"A",IF(AND('Cambios Auto'!HE14&lt;0,'Indices Auto'!HO14&gt;100),"N",IF(AND('Cambios Auto'!HE14&lt;0,'Indices Auto'!HO14&lt;100),"R","NULL"))))</f>
        <v>NULL</v>
      </c>
      <c r="HF14" s="2" t="str">
        <f>IF(AND('Cambios Auto'!HF14&gt;0,'Indices Auto'!HP14&gt;100),"V",IF(AND('Cambios Auto'!HF14&gt;0,'Indices Auto'!HP14&lt;100),"A",IF(AND('Cambios Auto'!HF14&lt;0,'Indices Auto'!HP14&gt;100),"N",IF(AND('Cambios Auto'!HF14&lt;0,'Indices Auto'!HP14&lt;100),"R","NULL"))))</f>
        <v>NULL</v>
      </c>
      <c r="HG14" s="2" t="str">
        <f>IF(AND('Cambios Auto'!HG14&gt;0,'Indices Auto'!HQ14&gt;100),"V",IF(AND('Cambios Auto'!HG14&gt;0,'Indices Auto'!HQ14&lt;100),"A",IF(AND('Cambios Auto'!HG14&lt;0,'Indices Auto'!HQ14&gt;100),"N",IF(AND('Cambios Auto'!HG14&lt;0,'Indices Auto'!HQ14&lt;100),"R","NULL"))))</f>
        <v>NULL</v>
      </c>
      <c r="HH14" s="2" t="str">
        <f>IF(AND('Cambios Auto'!HH14&gt;0,'Indices Auto'!HR14&gt;100),"V",IF(AND('Cambios Auto'!HH14&gt;0,'Indices Auto'!HR14&lt;100),"A",IF(AND('Cambios Auto'!HH14&lt;0,'Indices Auto'!HR14&gt;100),"N",IF(AND('Cambios Auto'!HH14&lt;0,'Indices Auto'!HR14&lt;100),"R","NULL"))))</f>
        <v>NULL</v>
      </c>
      <c r="HI14" s="2" t="str">
        <f>IF(AND('Cambios Auto'!HI14&gt;0,'Indices Auto'!HS14&gt;100),"V",IF(AND('Cambios Auto'!HI14&gt;0,'Indices Auto'!HS14&lt;100),"A",IF(AND('Cambios Auto'!HI14&lt;0,'Indices Auto'!HS14&gt;100),"N",IF(AND('Cambios Auto'!HI14&lt;0,'Indices Auto'!HS14&lt;100),"R","NULL"))))</f>
        <v>NULL</v>
      </c>
      <c r="HJ14" s="2" t="str">
        <f>IF(AND('Cambios Auto'!HJ14&gt;0,'Indices Auto'!HT14&gt;100),"V",IF(AND('Cambios Auto'!HJ14&gt;0,'Indices Auto'!HT14&lt;100),"A",IF(AND('Cambios Auto'!HJ14&lt;0,'Indices Auto'!HT14&gt;100),"N",IF(AND('Cambios Auto'!HJ14&lt;0,'Indices Auto'!HT14&lt;100),"R","NULL"))))</f>
        <v>NULL</v>
      </c>
      <c r="HK14" s="2" t="str">
        <f>IF(AND('Cambios Auto'!HK14&gt;0,'Indices Auto'!HU14&gt;100),"V",IF(AND('Cambios Auto'!HK14&gt;0,'Indices Auto'!HU14&lt;100),"A",IF(AND('Cambios Auto'!HK14&lt;0,'Indices Auto'!HU14&gt;100),"N",IF(AND('Cambios Auto'!HK14&lt;0,'Indices Auto'!HU14&lt;100),"R","NULL"))))</f>
        <v>NULL</v>
      </c>
      <c r="HL14" s="2" t="str">
        <f>IF(AND('Cambios Auto'!HL14&gt;0,'Indices Auto'!HV14&gt;100),"V",IF(AND('Cambios Auto'!HL14&gt;0,'Indices Auto'!HV14&lt;100),"A",IF(AND('Cambios Auto'!HL14&lt;0,'Indices Auto'!HV14&gt;100),"N",IF(AND('Cambios Auto'!HL14&lt;0,'Indices Auto'!HV14&lt;100),"R","NULL"))))</f>
        <v>NULL</v>
      </c>
      <c r="HM14" s="2" t="str">
        <f>IF(AND('Cambios Auto'!HM14&gt;0,'Indices Auto'!HW14&gt;100),"V",IF(AND('Cambios Auto'!HM14&gt;0,'Indices Auto'!HW14&lt;100),"A",IF(AND('Cambios Auto'!HM14&lt;0,'Indices Auto'!HW14&gt;100),"N",IF(AND('Cambios Auto'!HM14&lt;0,'Indices Auto'!HW14&lt;100),"R","NULL"))))</f>
        <v>NULL</v>
      </c>
      <c r="HN14" s="2" t="str">
        <f>IF(AND('Cambios Auto'!HN14&gt;0,'Indices Auto'!HX14&gt;100),"V",IF(AND('Cambios Auto'!HN14&gt;0,'Indices Auto'!HX14&lt;100),"A",IF(AND('Cambios Auto'!HN14&lt;0,'Indices Auto'!HX14&gt;100),"N",IF(AND('Cambios Auto'!HN14&lt;0,'Indices Auto'!HX14&lt;100),"R","NULL"))))</f>
        <v>NULL</v>
      </c>
      <c r="HO14" s="2" t="str">
        <f>IF(AND('Cambios Auto'!HO14&gt;0,'Indices Auto'!HY14&gt;100),"V",IF(AND('Cambios Auto'!HO14&gt;0,'Indices Auto'!HY14&lt;100),"A",IF(AND('Cambios Auto'!HO14&lt;0,'Indices Auto'!HY14&gt;100),"N",IF(AND('Cambios Auto'!HO14&lt;0,'Indices Auto'!HY14&lt;100),"R","NULL"))))</f>
        <v>NULL</v>
      </c>
      <c r="HP14" s="2" t="str">
        <f>IF(AND('Cambios Auto'!HP14&gt;0,'Indices Auto'!HZ14&gt;100),"V",IF(AND('Cambios Auto'!HP14&gt;0,'Indices Auto'!HZ14&lt;100),"A",IF(AND('Cambios Auto'!HP14&lt;0,'Indices Auto'!HZ14&gt;100),"N",IF(AND('Cambios Auto'!HP14&lt;0,'Indices Auto'!HZ14&lt;100),"R","NULL"))))</f>
        <v>NULL</v>
      </c>
      <c r="HQ14" s="2" t="str">
        <f>IF(AND('Cambios Auto'!HQ14&gt;0,'Indices Auto'!IA14&gt;100),"V",IF(AND('Cambios Auto'!HQ14&gt;0,'Indices Auto'!IA14&lt;100),"A",IF(AND('Cambios Auto'!HQ14&lt;0,'Indices Auto'!IA14&gt;100),"N",IF(AND('Cambios Auto'!HQ14&lt;0,'Indices Auto'!IA14&lt;100),"R","NULL"))))</f>
        <v>NULL</v>
      </c>
      <c r="HR14" s="2" t="str">
        <f>IF(AND('Cambios Auto'!HR14&gt;0,'Indices Auto'!IB14&gt;100),"V",IF(AND('Cambios Auto'!HR14&gt;0,'Indices Auto'!IB14&lt;100),"A",IF(AND('Cambios Auto'!HR14&lt;0,'Indices Auto'!IB14&gt;100),"N",IF(AND('Cambios Auto'!HR14&lt;0,'Indices Auto'!IB14&lt;100),"R","NULL"))))</f>
        <v>NULL</v>
      </c>
      <c r="HS14" s="2" t="str">
        <f>IF(AND('Cambios Auto'!HS14&gt;0,'Indices Auto'!IC14&gt;100),"V",IF(AND('Cambios Auto'!HS14&gt;0,'Indices Auto'!IC14&lt;100),"A",IF(AND('Cambios Auto'!HS14&lt;0,'Indices Auto'!IC14&gt;100),"N",IF(AND('Cambios Auto'!HS14&lt;0,'Indices Auto'!IC14&lt;100),"R","NULL"))))</f>
        <v>NULL</v>
      </c>
      <c r="HT14" s="2" t="str">
        <f>IF(AND('Cambios Auto'!HT14&gt;0,'Indices Auto'!ID14&gt;100),"V",IF(AND('Cambios Auto'!HT14&gt;0,'Indices Auto'!ID14&lt;100),"A",IF(AND('Cambios Auto'!HT14&lt;0,'Indices Auto'!ID14&gt;100),"N",IF(AND('Cambios Auto'!HT14&lt;0,'Indices Auto'!ID14&lt;100),"R","NULL"))))</f>
        <v>NULL</v>
      </c>
      <c r="HU14" s="2" t="str">
        <f>IF(AND('Cambios Auto'!HU14&gt;0,'Indices Auto'!IE14&gt;100),"V",IF(AND('Cambios Auto'!HU14&gt;0,'Indices Auto'!IE14&lt;100),"A",IF(AND('Cambios Auto'!HU14&lt;0,'Indices Auto'!IE14&gt;100),"N",IF(AND('Cambios Auto'!HU14&lt;0,'Indices Auto'!IE14&lt;100),"R","NULL"))))</f>
        <v>NULL</v>
      </c>
      <c r="HV14" s="2" t="str">
        <f>IF(AND('Cambios Auto'!HV14&gt;0,'Indices Auto'!IF14&gt;100),"V",IF(AND('Cambios Auto'!HV14&gt;0,'Indices Auto'!IF14&lt;100),"A",IF(AND('Cambios Auto'!HV14&lt;0,'Indices Auto'!IF14&gt;100),"N",IF(AND('Cambios Auto'!HV14&lt;0,'Indices Auto'!IF14&lt;100),"R","NULL"))))</f>
        <v>NULL</v>
      </c>
      <c r="HW14" s="2" t="str">
        <f>IF(AND('Cambios Auto'!HW14&gt;0,'Indices Auto'!IG14&gt;100),"V",IF(AND('Cambios Auto'!HW14&gt;0,'Indices Auto'!IG14&lt;100),"A",IF(AND('Cambios Auto'!HW14&lt;0,'Indices Auto'!IG14&gt;100),"N",IF(AND('Cambios Auto'!HW14&lt;0,'Indices Auto'!IG14&lt;100),"R","NULL"))))</f>
        <v>NULL</v>
      </c>
      <c r="HX14" s="2" t="str">
        <f>IF(AND('Cambios Auto'!HX14&gt;0,'Indices Auto'!IH14&gt;100),"V",IF(AND('Cambios Auto'!HX14&gt;0,'Indices Auto'!IH14&lt;100),"A",IF(AND('Cambios Auto'!HX14&lt;0,'Indices Auto'!IH14&gt;100),"N",IF(AND('Cambios Auto'!HX14&lt;0,'Indices Auto'!IH14&lt;100),"R","NULL"))))</f>
        <v>NULL</v>
      </c>
      <c r="HY14" s="2" t="str">
        <f>IF(AND('Cambios Auto'!HY14&gt;0,'Indices Auto'!II14&gt;100),"V",IF(AND('Cambios Auto'!HY14&gt;0,'Indices Auto'!II14&lt;100),"A",IF(AND('Cambios Auto'!HY14&lt;0,'Indices Auto'!II14&gt;100),"N",IF(AND('Cambios Auto'!HY14&lt;0,'Indices Auto'!II14&lt;100),"R","NULL"))))</f>
        <v>NULL</v>
      </c>
      <c r="HZ14" s="2" t="str">
        <f>IF(AND('Cambios Auto'!HZ14&gt;0,'Indices Auto'!IJ14&gt;100),"V",IF(AND('Cambios Auto'!HZ14&gt;0,'Indices Auto'!IJ14&lt;100),"A",IF(AND('Cambios Auto'!HZ14&lt;0,'Indices Auto'!IJ14&gt;100),"N",IF(AND('Cambios Auto'!HZ14&lt;0,'Indices Auto'!IJ14&lt;100),"R","NULL"))))</f>
        <v>NULL</v>
      </c>
      <c r="IA14" s="2" t="str">
        <f>IF(AND('Cambios Auto'!IA14&gt;0,'Indices Auto'!IK14&gt;100),"V",IF(AND('Cambios Auto'!IA14&gt;0,'Indices Auto'!IK14&lt;100),"A",IF(AND('Cambios Auto'!IA14&lt;0,'Indices Auto'!IK14&gt;100),"N",IF(AND('Cambios Auto'!IA14&lt;0,'Indices Auto'!IK14&lt;100),"R","NULL"))))</f>
        <v>NULL</v>
      </c>
      <c r="IB14" s="2" t="str">
        <f>IF(AND('Cambios Auto'!IB14&gt;0,'Indices Auto'!IL14&gt;100),"V",IF(AND('Cambios Auto'!IB14&gt;0,'Indices Auto'!IL14&lt;100),"A",IF(AND('Cambios Auto'!IB14&lt;0,'Indices Auto'!IL14&gt;100),"N",IF(AND('Cambios Auto'!IB14&lt;0,'Indices Auto'!IL14&lt;100),"R","NULL"))))</f>
        <v>NULL</v>
      </c>
      <c r="IC14" s="2" t="str">
        <f>IF(AND('Cambios Auto'!IC14&gt;0,'Indices Auto'!IM14&gt;100),"V",IF(AND('Cambios Auto'!IC14&gt;0,'Indices Auto'!IM14&lt;100),"A",IF(AND('Cambios Auto'!IC14&lt;0,'Indices Auto'!IM14&gt;100),"N",IF(AND('Cambios Auto'!IC14&lt;0,'Indices Auto'!IM14&lt;100),"R","NULL"))))</f>
        <v>NULL</v>
      </c>
      <c r="ID14" s="2" t="str">
        <f>IF(AND('Cambios Auto'!ID14&gt;0,'Indices Auto'!IN14&gt;100),"V",IF(AND('Cambios Auto'!ID14&gt;0,'Indices Auto'!IN14&lt;100),"A",IF(AND('Cambios Auto'!ID14&lt;0,'Indices Auto'!IN14&gt;100),"N",IF(AND('Cambios Auto'!ID14&lt;0,'Indices Auto'!IN14&lt;100),"R","NULL"))))</f>
        <v>NULL</v>
      </c>
      <c r="IE14" s="2" t="str">
        <f>IF(AND('Cambios Auto'!IE14&gt;0,'Indices Auto'!IO14&gt;100),"V",IF(AND('Cambios Auto'!IE14&gt;0,'Indices Auto'!IO14&lt;100),"A",IF(AND('Cambios Auto'!IE14&lt;0,'Indices Auto'!IO14&gt;100),"N",IF(AND('Cambios Auto'!IE14&lt;0,'Indices Auto'!IO14&lt;100),"R","NULL"))))</f>
        <v>NULL</v>
      </c>
      <c r="IF14" s="2" t="str">
        <f>IF(AND('Cambios Auto'!IF14&gt;0,'Indices Auto'!IP14&gt;100),"V",IF(AND('Cambios Auto'!IF14&gt;0,'Indices Auto'!IP14&lt;100),"A",IF(AND('Cambios Auto'!IF14&lt;0,'Indices Auto'!IP14&gt;100),"N",IF(AND('Cambios Auto'!IF14&lt;0,'Indices Auto'!IP14&lt;100),"R","NULL"))))</f>
        <v>NULL</v>
      </c>
      <c r="IG14" s="2" t="str">
        <f>IF(AND('Cambios Auto'!IG14&gt;0,'Indices Auto'!IQ14&gt;100),"V",IF(AND('Cambios Auto'!IG14&gt;0,'Indices Auto'!IQ14&lt;100),"A",IF(AND('Cambios Auto'!IG14&lt;0,'Indices Auto'!IQ14&gt;100),"N",IF(AND('Cambios Auto'!IG14&lt;0,'Indices Auto'!IQ14&lt;100),"R","NULL"))))</f>
        <v>NULL</v>
      </c>
      <c r="IH14" s="2" t="str">
        <f>IF(AND('Cambios Auto'!IH14&gt;0,'Indices Auto'!IR14&gt;100),"V",IF(AND('Cambios Auto'!IH14&gt;0,'Indices Auto'!IR14&lt;100),"A",IF(AND('Cambios Auto'!IH14&lt;0,'Indices Auto'!IR14&gt;100),"N",IF(AND('Cambios Auto'!IH14&lt;0,'Indices Auto'!IR14&lt;100),"R","NULL"))))</f>
        <v>NULL</v>
      </c>
      <c r="II14" s="2" t="str">
        <f>IF(AND('Cambios Auto'!II14&gt;0,'Indices Auto'!IS14&gt;100),"V",IF(AND('Cambios Auto'!II14&gt;0,'Indices Auto'!IS14&lt;100),"A",IF(AND('Cambios Auto'!II14&lt;0,'Indices Auto'!IS14&gt;100),"N",IF(AND('Cambios Auto'!II14&lt;0,'Indices Auto'!IS14&lt;100),"R","NULL"))))</f>
        <v>NULL</v>
      </c>
      <c r="IJ14" s="2" t="str">
        <f>IF(AND('Cambios Auto'!IJ14&gt;0,'Indices Auto'!IT14&gt;100),"V",IF(AND('Cambios Auto'!IJ14&gt;0,'Indices Auto'!IT14&lt;100),"A",IF(AND('Cambios Auto'!IJ14&lt;0,'Indices Auto'!IT14&gt;100),"N",IF(AND('Cambios Auto'!IJ14&lt;0,'Indices Auto'!IT14&lt;100),"R","NULL"))))</f>
        <v>NULL</v>
      </c>
      <c r="IK14" s="2" t="str">
        <f>IF(AND('Cambios Auto'!IK14&gt;0,'Indices Auto'!IU14&gt;100),"V",IF(AND('Cambios Auto'!IK14&gt;0,'Indices Auto'!IU14&lt;100),"A",IF(AND('Cambios Auto'!IK14&lt;0,'Indices Auto'!IU14&gt;100),"N",IF(AND('Cambios Auto'!IK14&lt;0,'Indices Auto'!IU14&lt;100),"R","NULL"))))</f>
        <v>NULL</v>
      </c>
      <c r="IL14" s="2" t="str">
        <f>IF(AND('Cambios Auto'!IL14&gt;0,'Indices Auto'!IV14&gt;100),"V",IF(AND('Cambios Auto'!IL14&gt;0,'Indices Auto'!IV14&lt;100),"A",IF(AND('Cambios Auto'!IL14&lt;0,'Indices Auto'!IV14&gt;100),"N",IF(AND('Cambios Auto'!IL14&lt;0,'Indices Auto'!IV14&lt;100),"R","NULL"))))</f>
        <v>NULL</v>
      </c>
      <c r="IM14" s="2" t="str">
        <f>IF(AND('Cambios Auto'!IM14&gt;0,'Indices Auto'!IW14&gt;100),"V",IF(AND('Cambios Auto'!IM14&gt;0,'Indices Auto'!IW14&lt;100),"A",IF(AND('Cambios Auto'!IM14&lt;0,'Indices Auto'!IW14&gt;100),"N",IF(AND('Cambios Auto'!IM14&lt;0,'Indices Auto'!IW14&lt;100),"R","NULL"))))</f>
        <v>NULL</v>
      </c>
      <c r="IN14" s="2" t="str">
        <f>IF(AND('Cambios Auto'!IN14&gt;0,'Indices Auto'!IX14&gt;100),"V",IF(AND('Cambios Auto'!IN14&gt;0,'Indices Auto'!IX14&lt;100),"A",IF(AND('Cambios Auto'!IN14&lt;0,'Indices Auto'!IX14&gt;100),"N",IF(AND('Cambios Auto'!IN14&lt;0,'Indices Auto'!IX14&lt;100),"R","NULL"))))</f>
        <v>NULL</v>
      </c>
      <c r="IO14" s="2" t="str">
        <f>IF(AND('Cambios Auto'!IO14&gt;0,'Indices Auto'!IY14&gt;100),"V",IF(AND('Cambios Auto'!IO14&gt;0,'Indices Auto'!IY14&lt;100),"A",IF(AND('Cambios Auto'!IO14&lt;0,'Indices Auto'!IY14&gt;100),"N",IF(AND('Cambios Auto'!IO14&lt;0,'Indices Auto'!IY14&lt;100),"R","NULL"))))</f>
        <v>NULL</v>
      </c>
      <c r="IP14" s="2" t="str">
        <f>IF(AND('Cambios Auto'!IP14&gt;0,'Indices Auto'!IZ14&gt;100),"V",IF(AND('Cambios Auto'!IP14&gt;0,'Indices Auto'!IZ14&lt;100),"A",IF(AND('Cambios Auto'!IP14&lt;0,'Indices Auto'!IZ14&gt;100),"N",IF(AND('Cambios Auto'!IP14&lt;0,'Indices Auto'!IZ14&lt;100),"R","NULL"))))</f>
        <v>NULL</v>
      </c>
      <c r="IQ14" s="2" t="str">
        <f>IF(AND('Cambios Auto'!IQ14&gt;0,'Indices Auto'!JA14&gt;100),"V",IF(AND('Cambios Auto'!IQ14&gt;0,'Indices Auto'!JA14&lt;100),"A",IF(AND('Cambios Auto'!IQ14&lt;0,'Indices Auto'!JA14&gt;100),"N",IF(AND('Cambios Auto'!IQ14&lt;0,'Indices Auto'!JA14&lt;100),"R","NULL"))))</f>
        <v>NULL</v>
      </c>
      <c r="IR14" s="2" t="str">
        <f>IF(AND('Cambios Auto'!IR14&gt;0,'Indices Auto'!JB14&gt;100),"V",IF(AND('Cambios Auto'!IR14&gt;0,'Indices Auto'!JB14&lt;100),"A",IF(AND('Cambios Auto'!IR14&lt;0,'Indices Auto'!JB14&gt;100),"N",IF(AND('Cambios Auto'!IR14&lt;0,'Indices Auto'!JB14&lt;100),"R","NULL"))))</f>
        <v>NULL</v>
      </c>
      <c r="IS14" s="2" t="str">
        <f>IF(AND('Cambios Auto'!IS14&gt;0,'Indices Auto'!JC14&gt;100),"V",IF(AND('Cambios Auto'!IS14&gt;0,'Indices Auto'!JC14&lt;100),"A",IF(AND('Cambios Auto'!IS14&lt;0,'Indices Auto'!JC14&gt;100),"N",IF(AND('Cambios Auto'!IS14&lt;0,'Indices Auto'!JC14&lt;100),"R","NULL"))))</f>
        <v>NULL</v>
      </c>
      <c r="IT14" s="14"/>
    </row>
    <row r="15" spans="1:254" x14ac:dyDescent="0.25">
      <c r="A15" s="22" t="s">
        <v>201</v>
      </c>
      <c r="B15" s="1" t="str">
        <f>IF(AND('Cambios Auto'!B15&lt;0,'Indices Auto'!C15&lt;100),"V",IF(AND('Cambios Auto'!B15&lt;0,'Indices Auto'!C15&gt;100),"A",IF(AND('Cambios Auto'!B15&gt;0,'Indices Auto'!C15&lt;100),"N",IF(AND('Cambios Auto'!B15&gt;0,'Indices Auto'!C15&gt;100),"R","NULL"))))</f>
        <v>V</v>
      </c>
      <c r="C15" s="2" t="str">
        <f>IF(AND('Cambios Auto'!C15&lt;0,'Indices Auto'!D15&lt;100),"V",IF(AND('Cambios Auto'!C15&lt;0,'Indices Auto'!D15&gt;100),"A",IF(AND('Cambios Auto'!C15&gt;0,'Indices Auto'!D15&lt;100),"N",IF(AND('Cambios Auto'!C15&gt;0,'Indices Auto'!D15&gt;100),"R","NULL"))))</f>
        <v>V</v>
      </c>
      <c r="D15" s="2" t="str">
        <f>IF(AND('Cambios Auto'!D15&lt;0,'Indices Auto'!E15&lt;100),"V",IF(AND('Cambios Auto'!D15&lt;0,'Indices Auto'!E15&gt;100),"A",IF(AND('Cambios Auto'!D15&gt;0,'Indices Auto'!E15&lt;100),"N",IF(AND('Cambios Auto'!D15&gt;0,'Indices Auto'!E15&gt;100),"R","NULL"))))</f>
        <v>N</v>
      </c>
      <c r="E15" s="2" t="str">
        <f>IF(AND('Cambios Auto'!E15&lt;0,'Indices Auto'!F15&lt;100),"V",IF(AND('Cambios Auto'!E15&lt;0,'Indices Auto'!F15&gt;100),"A",IF(AND('Cambios Auto'!E15&gt;0,'Indices Auto'!F15&lt;100),"N",IF(AND('Cambios Auto'!E15&gt;0,'Indices Auto'!F15&gt;100),"R","NULL"))))</f>
        <v>N</v>
      </c>
      <c r="F15" s="2" t="str">
        <f>IF(AND('Cambios Auto'!F15&lt;0,'Indices Auto'!G15&lt;100),"V",IF(AND('Cambios Auto'!F15&lt;0,'Indices Auto'!G15&gt;100),"A",IF(AND('Cambios Auto'!F15&gt;0,'Indices Auto'!G15&lt;100),"N",IF(AND('Cambios Auto'!F15&gt;0,'Indices Auto'!G15&gt;100),"R","NULL"))))</f>
        <v>N</v>
      </c>
      <c r="G15" s="2" t="str">
        <f>IF(AND('Cambios Auto'!G15&lt;0,'Indices Auto'!H15&lt;100),"V",IF(AND('Cambios Auto'!G15&lt;0,'Indices Auto'!H15&gt;100),"A",IF(AND('Cambios Auto'!G15&gt;0,'Indices Auto'!H15&lt;100),"N",IF(AND('Cambios Auto'!G15&gt;0,'Indices Auto'!H15&gt;100),"R","NULL"))))</f>
        <v>N</v>
      </c>
      <c r="H15" s="2" t="str">
        <f>IF(AND('Cambios Auto'!H15&lt;0,'Indices Auto'!I15&lt;100),"V",IF(AND('Cambios Auto'!H15&lt;0,'Indices Auto'!I15&gt;100),"A",IF(AND('Cambios Auto'!H15&gt;0,'Indices Auto'!I15&lt;100),"N",IF(AND('Cambios Auto'!H15&gt;0,'Indices Auto'!I15&gt;100),"R","NULL"))))</f>
        <v>V</v>
      </c>
      <c r="I15" s="2" t="str">
        <f>IF(AND('Cambios Auto'!I15&lt;0,'Indices Auto'!J15&lt;100),"V",IF(AND('Cambios Auto'!I15&lt;0,'Indices Auto'!J15&gt;100),"A",IF(AND('Cambios Auto'!I15&gt;0,'Indices Auto'!J15&lt;100),"N",IF(AND('Cambios Auto'!I15&gt;0,'Indices Auto'!J15&gt;100),"R","NULL"))))</f>
        <v>V</v>
      </c>
      <c r="J15" s="2" t="str">
        <f>IF(AND('Cambios Auto'!J15&lt;0,'Indices Auto'!K15&lt;100),"V",IF(AND('Cambios Auto'!J15&lt;0,'Indices Auto'!K15&gt;100),"A",IF(AND('Cambios Auto'!J15&gt;0,'Indices Auto'!K15&lt;100),"N",IF(AND('Cambios Auto'!J15&gt;0,'Indices Auto'!K15&gt;100),"R","NULL"))))</f>
        <v>V</v>
      </c>
      <c r="K15" s="2" t="str">
        <f>IF(AND('Cambios Auto'!K15&lt;0,'Indices Auto'!L15&lt;100),"V",IF(AND('Cambios Auto'!K15&lt;0,'Indices Auto'!L15&gt;100),"A",IF(AND('Cambios Auto'!K15&gt;0,'Indices Auto'!L15&lt;100),"N",IF(AND('Cambios Auto'!K15&gt;0,'Indices Auto'!L15&gt;100),"R","NULL"))))</f>
        <v>N</v>
      </c>
      <c r="L15" s="2" t="str">
        <f>IF(AND('Cambios Auto'!L15&lt;0,'Indices Auto'!M15&lt;100),"V",IF(AND('Cambios Auto'!L15&lt;0,'Indices Auto'!M15&gt;100),"A",IF(AND('Cambios Auto'!L15&gt;0,'Indices Auto'!M15&lt;100),"N",IF(AND('Cambios Auto'!L15&gt;0,'Indices Auto'!M15&gt;100),"R","NULL"))))</f>
        <v>N</v>
      </c>
      <c r="M15" s="2" t="str">
        <f>IF(AND('Cambios Auto'!M15&lt;0,'Indices Auto'!N15&lt;100),"V",IF(AND('Cambios Auto'!M15&lt;0,'Indices Auto'!N15&gt;100),"A",IF(AND('Cambios Auto'!M15&gt;0,'Indices Auto'!N15&lt;100),"N",IF(AND('Cambios Auto'!M15&gt;0,'Indices Auto'!N15&gt;100),"R","NULL"))))</f>
        <v>N</v>
      </c>
      <c r="N15" s="2" t="str">
        <f>IF(AND('Cambios Auto'!N15&lt;0,'Indices Auto'!O15&lt;100),"V",IF(AND('Cambios Auto'!N15&lt;0,'Indices Auto'!O15&gt;100),"A",IF(AND('Cambios Auto'!N15&gt;0,'Indices Auto'!O15&lt;100),"N",IF(AND('Cambios Auto'!N15&gt;0,'Indices Auto'!O15&gt;100),"R","NULL"))))</f>
        <v>N</v>
      </c>
      <c r="O15" s="2" t="str">
        <f>IF(AND('Cambios Auto'!O15&lt;0,'Indices Auto'!P15&lt;100),"V",IF(AND('Cambios Auto'!O15&lt;0,'Indices Auto'!P15&gt;100),"A",IF(AND('Cambios Auto'!O15&gt;0,'Indices Auto'!P15&lt;100),"N",IF(AND('Cambios Auto'!O15&gt;0,'Indices Auto'!P15&gt;100),"R","NULL"))))</f>
        <v>V</v>
      </c>
      <c r="P15" s="2" t="str">
        <f>IF(AND('Cambios Auto'!P15&lt;0,'Indices Auto'!Q15&lt;100),"V",IF(AND('Cambios Auto'!P15&lt;0,'Indices Auto'!Q15&gt;100),"A",IF(AND('Cambios Auto'!P15&gt;0,'Indices Auto'!Q15&lt;100),"N",IF(AND('Cambios Auto'!P15&gt;0,'Indices Auto'!Q15&gt;100),"R","NULL"))))</f>
        <v>V</v>
      </c>
      <c r="Q15" s="2" t="str">
        <f>IF(AND('Cambios Auto'!Q15&lt;0,'Indices Auto'!R15&lt;100),"V",IF(AND('Cambios Auto'!Q15&lt;0,'Indices Auto'!R15&gt;100),"A",IF(AND('Cambios Auto'!Q15&gt;0,'Indices Auto'!R15&lt;100),"N",IF(AND('Cambios Auto'!Q15&gt;0,'Indices Auto'!R15&gt;100),"R","NULL"))))</f>
        <v>V</v>
      </c>
      <c r="R15" s="2" t="str">
        <f>IF(AND('Cambios Auto'!R15&lt;0,'Indices Auto'!S15&lt;100),"V",IF(AND('Cambios Auto'!R15&lt;0,'Indices Auto'!S15&gt;100),"A",IF(AND('Cambios Auto'!R15&gt;0,'Indices Auto'!S15&lt;100),"N",IF(AND('Cambios Auto'!R15&gt;0,'Indices Auto'!S15&gt;100),"R","NULL"))))</f>
        <v>V</v>
      </c>
      <c r="S15" s="2" t="str">
        <f>IF(AND('Cambios Auto'!S15&lt;0,'Indices Auto'!T15&lt;100),"V",IF(AND('Cambios Auto'!S15&lt;0,'Indices Auto'!T15&gt;100),"A",IF(AND('Cambios Auto'!S15&gt;0,'Indices Auto'!T15&lt;100),"N",IF(AND('Cambios Auto'!S15&gt;0,'Indices Auto'!T15&gt;100),"R","NULL"))))</f>
        <v>V</v>
      </c>
      <c r="T15" s="2" t="str">
        <f>IF(AND('Cambios Auto'!T15&lt;0,'Indices Auto'!U15&lt;100),"V",IF(AND('Cambios Auto'!T15&lt;0,'Indices Auto'!U15&gt;100),"A",IF(AND('Cambios Auto'!T15&gt;0,'Indices Auto'!U15&lt;100),"N",IF(AND('Cambios Auto'!T15&gt;0,'Indices Auto'!U15&gt;100),"R","NULL"))))</f>
        <v>V</v>
      </c>
      <c r="U15" s="2" t="str">
        <f>IF(AND('Cambios Auto'!U15&lt;0,'Indices Auto'!V15&lt;100),"V",IF(AND('Cambios Auto'!U15&lt;0,'Indices Auto'!V15&gt;100),"A",IF(AND('Cambios Auto'!U15&gt;0,'Indices Auto'!V15&lt;100),"N",IF(AND('Cambios Auto'!U15&gt;0,'Indices Auto'!V15&gt;100),"R","NULL"))))</f>
        <v>V</v>
      </c>
      <c r="V15" s="2" t="str">
        <f>IF(AND('Cambios Auto'!V15&lt;0,'Indices Auto'!W15&lt;100),"V",IF(AND('Cambios Auto'!V15&lt;0,'Indices Auto'!W15&gt;100),"A",IF(AND('Cambios Auto'!V15&gt;0,'Indices Auto'!W15&lt;100),"N",IF(AND('Cambios Auto'!V15&gt;0,'Indices Auto'!W15&gt;100),"R","NULL"))))</f>
        <v>V</v>
      </c>
      <c r="W15" s="2" t="str">
        <f>IF(AND('Cambios Auto'!W15&lt;0,'Indices Auto'!X15&lt;100),"V",IF(AND('Cambios Auto'!W15&lt;0,'Indices Auto'!X15&gt;100),"A",IF(AND('Cambios Auto'!W15&gt;0,'Indices Auto'!X15&lt;100),"N",IF(AND('Cambios Auto'!W15&gt;0,'Indices Auto'!X15&gt;100),"R","NULL"))))</f>
        <v>V</v>
      </c>
      <c r="X15" s="2" t="str">
        <f>IF(AND('Cambios Auto'!X15&lt;0,'Indices Auto'!Y15&lt;100),"V",IF(AND('Cambios Auto'!X15&lt;0,'Indices Auto'!Y15&gt;100),"A",IF(AND('Cambios Auto'!X15&gt;0,'Indices Auto'!Y15&lt;100),"N",IF(AND('Cambios Auto'!X15&gt;0,'Indices Auto'!Y15&gt;100),"R","NULL"))))</f>
        <v>V</v>
      </c>
      <c r="Y15" s="2" t="str">
        <f>IF(AND('Cambios Auto'!Y15&lt;0,'Indices Auto'!Z15&lt;100),"V",IF(AND('Cambios Auto'!Y15&lt;0,'Indices Auto'!Z15&gt;100),"A",IF(AND('Cambios Auto'!Y15&gt;0,'Indices Auto'!Z15&lt;100),"N",IF(AND('Cambios Auto'!Y15&gt;0,'Indices Auto'!Z15&gt;100),"R","NULL"))))</f>
        <v>V</v>
      </c>
      <c r="Z15" s="2" t="str">
        <f>IF(AND('Cambios Auto'!Z15&lt;0,'Indices Auto'!AA15&lt;100),"V",IF(AND('Cambios Auto'!Z15&lt;0,'Indices Auto'!AA15&gt;100),"A",IF(AND('Cambios Auto'!Z15&gt;0,'Indices Auto'!AA15&lt;100),"N",IF(AND('Cambios Auto'!Z15&gt;0,'Indices Auto'!AA15&gt;100),"R","NULL"))))</f>
        <v>V</v>
      </c>
      <c r="AA15" s="2" t="str">
        <f>IF(AND('Cambios Auto'!AA15&lt;0,'Indices Auto'!AB15&lt;100),"V",IF(AND('Cambios Auto'!AA15&lt;0,'Indices Auto'!AB15&gt;100),"A",IF(AND('Cambios Auto'!AA15&gt;0,'Indices Auto'!AB15&lt;100),"N",IF(AND('Cambios Auto'!AA15&gt;0,'Indices Auto'!AB15&gt;100),"R","NULL"))))</f>
        <v>N</v>
      </c>
      <c r="AB15" s="2" t="str">
        <f>IF(AND('Cambios Auto'!AB15&lt;0,'Indices Auto'!AC15&lt;100),"V",IF(AND('Cambios Auto'!AB15&lt;0,'Indices Auto'!AC15&gt;100),"A",IF(AND('Cambios Auto'!AB15&gt;0,'Indices Auto'!AC15&lt;100),"N",IF(AND('Cambios Auto'!AB15&gt;0,'Indices Auto'!AC15&gt;100),"R","NULL"))))</f>
        <v>N</v>
      </c>
      <c r="AC15" s="2" t="str">
        <f>IF(AND('Cambios Auto'!AC15&lt;0,'Indices Auto'!AD15&lt;100),"V",IF(AND('Cambios Auto'!AC15&lt;0,'Indices Auto'!AD15&gt;100),"A",IF(AND('Cambios Auto'!AC15&gt;0,'Indices Auto'!AD15&lt;100),"N",IF(AND('Cambios Auto'!AC15&gt;0,'Indices Auto'!AD15&gt;100),"R","NULL"))))</f>
        <v>N</v>
      </c>
      <c r="AD15" s="2" t="str">
        <f>IF(AND('Cambios Auto'!AD15&lt;0,'Indices Auto'!AE15&lt;100),"V",IF(AND('Cambios Auto'!AD15&lt;0,'Indices Auto'!AE15&gt;100),"A",IF(AND('Cambios Auto'!AD15&gt;0,'Indices Auto'!AE15&lt;100),"N",IF(AND('Cambios Auto'!AD15&gt;0,'Indices Auto'!AE15&gt;100),"R","NULL"))))</f>
        <v>N</v>
      </c>
      <c r="AE15" s="2" t="str">
        <f>IF(AND('Cambios Auto'!AE15&lt;0,'Indices Auto'!AF15&lt;100),"V",IF(AND('Cambios Auto'!AE15&lt;0,'Indices Auto'!AF15&gt;100),"A",IF(AND('Cambios Auto'!AE15&gt;0,'Indices Auto'!AF15&lt;100),"N",IF(AND('Cambios Auto'!AE15&gt;0,'Indices Auto'!AF15&gt;100),"R","NULL"))))</f>
        <v>N</v>
      </c>
      <c r="AF15" s="2" t="str">
        <f>IF(AND('Cambios Auto'!AF15&lt;0,'Indices Auto'!AG15&lt;100),"V",IF(AND('Cambios Auto'!AF15&lt;0,'Indices Auto'!AG15&gt;100),"A",IF(AND('Cambios Auto'!AF15&gt;0,'Indices Auto'!AG15&lt;100),"N",IF(AND('Cambios Auto'!AF15&gt;0,'Indices Auto'!AG15&gt;100),"R","NULL"))))</f>
        <v>N</v>
      </c>
      <c r="AG15" s="2" t="str">
        <f>IF(AND('Cambios Auto'!AG15&lt;0,'Indices Auto'!AH15&lt;100),"V",IF(AND('Cambios Auto'!AG15&lt;0,'Indices Auto'!AH15&gt;100),"A",IF(AND('Cambios Auto'!AG15&gt;0,'Indices Auto'!AH15&lt;100),"N",IF(AND('Cambios Auto'!AG15&gt;0,'Indices Auto'!AH15&gt;100),"R","NULL"))))</f>
        <v>N</v>
      </c>
      <c r="AH15" s="2" t="str">
        <f>IF(AND('Cambios Auto'!AH15&lt;0,'Indices Auto'!AI15&lt;100),"V",IF(AND('Cambios Auto'!AH15&lt;0,'Indices Auto'!AI15&gt;100),"A",IF(AND('Cambios Auto'!AH15&gt;0,'Indices Auto'!AI15&lt;100),"N",IF(AND('Cambios Auto'!AH15&gt;0,'Indices Auto'!AI15&gt;100),"R","NULL"))))</f>
        <v>N</v>
      </c>
      <c r="AI15" s="2" t="str">
        <f>IF(AND('Cambios Auto'!AI15&lt;0,'Indices Auto'!AJ15&lt;100),"V",IF(AND('Cambios Auto'!AI15&lt;0,'Indices Auto'!AJ15&gt;100),"A",IF(AND('Cambios Auto'!AI15&gt;0,'Indices Auto'!AJ15&lt;100),"N",IF(AND('Cambios Auto'!AI15&gt;0,'Indices Auto'!AJ15&gt;100),"R","NULL"))))</f>
        <v>N</v>
      </c>
      <c r="AJ15" s="2" t="str">
        <f>IF(AND('Cambios Auto'!AJ15&lt;0,'Indices Auto'!AK15&lt;100),"V",IF(AND('Cambios Auto'!AJ15&lt;0,'Indices Auto'!AK15&gt;100),"A",IF(AND('Cambios Auto'!AJ15&gt;0,'Indices Auto'!AK15&lt;100),"N",IF(AND('Cambios Auto'!AJ15&gt;0,'Indices Auto'!AK15&gt;100),"R","NULL"))))</f>
        <v>R</v>
      </c>
      <c r="AK15" s="2" t="str">
        <f>IF(AND('Cambios Auto'!AK15&lt;0,'Indices Auto'!AL15&lt;100),"V",IF(AND('Cambios Auto'!AK15&lt;0,'Indices Auto'!AL15&gt;100),"A",IF(AND('Cambios Auto'!AK15&gt;0,'Indices Auto'!AL15&lt;100),"N",IF(AND('Cambios Auto'!AK15&gt;0,'Indices Auto'!AL15&gt;100),"R","NULL"))))</f>
        <v>R</v>
      </c>
      <c r="AL15" s="2" t="str">
        <f>IF(AND('Cambios Auto'!AL15&lt;0,'Indices Auto'!AM15&lt;100),"V",IF(AND('Cambios Auto'!AL15&lt;0,'Indices Auto'!AM15&gt;100),"A",IF(AND('Cambios Auto'!AL15&gt;0,'Indices Auto'!AM15&lt;100),"N",IF(AND('Cambios Auto'!AL15&gt;0,'Indices Auto'!AM15&gt;100),"R","NULL"))))</f>
        <v>R</v>
      </c>
      <c r="AM15" s="2" t="str">
        <f>IF(AND('Cambios Auto'!AM15&lt;0,'Indices Auto'!AN15&lt;100),"V",IF(AND('Cambios Auto'!AM15&lt;0,'Indices Auto'!AN15&gt;100),"A",IF(AND('Cambios Auto'!AM15&gt;0,'Indices Auto'!AN15&lt;100),"N",IF(AND('Cambios Auto'!AM15&gt;0,'Indices Auto'!AN15&gt;100),"R","NULL"))))</f>
        <v>R</v>
      </c>
      <c r="AN15" s="2" t="str">
        <f>IF(AND('Cambios Auto'!AN15&lt;0,'Indices Auto'!AO15&lt;100),"V",IF(AND('Cambios Auto'!AN15&lt;0,'Indices Auto'!AO15&gt;100),"A",IF(AND('Cambios Auto'!AN15&gt;0,'Indices Auto'!AO15&lt;100),"N",IF(AND('Cambios Auto'!AN15&gt;0,'Indices Auto'!AO15&gt;100),"R","NULL"))))</f>
        <v>R</v>
      </c>
      <c r="AO15" s="2" t="str">
        <f>IF(AND('Cambios Auto'!AO15&lt;0,'Indices Auto'!AP15&lt;100),"V",IF(AND('Cambios Auto'!AO15&lt;0,'Indices Auto'!AP15&gt;100),"A",IF(AND('Cambios Auto'!AO15&gt;0,'Indices Auto'!AP15&lt;100),"N",IF(AND('Cambios Auto'!AO15&gt;0,'Indices Auto'!AP15&gt;100),"R","NULL"))))</f>
        <v>A</v>
      </c>
      <c r="AP15" s="2" t="str">
        <f>IF(AND('Cambios Auto'!AP15&lt;0,'Indices Auto'!AQ15&lt;100),"V",IF(AND('Cambios Auto'!AP15&lt;0,'Indices Auto'!AQ15&gt;100),"A",IF(AND('Cambios Auto'!AP15&gt;0,'Indices Auto'!AQ15&lt;100),"N",IF(AND('Cambios Auto'!AP15&gt;0,'Indices Auto'!AQ15&gt;100),"R","NULL"))))</f>
        <v>A</v>
      </c>
      <c r="AQ15" s="2" t="str">
        <f>IF(AND('Cambios Auto'!AQ15&lt;0,'Indices Auto'!AR15&lt;100),"V",IF(AND('Cambios Auto'!AQ15&lt;0,'Indices Auto'!AR15&gt;100),"A",IF(AND('Cambios Auto'!AQ15&gt;0,'Indices Auto'!AR15&lt;100),"N",IF(AND('Cambios Auto'!AQ15&gt;0,'Indices Auto'!AR15&gt;100),"R","NULL"))))</f>
        <v>R</v>
      </c>
      <c r="AR15" s="2" t="str">
        <f>IF(AND('Cambios Auto'!AR15&lt;0,'Indices Auto'!AS15&lt;100),"V",IF(AND('Cambios Auto'!AR15&lt;0,'Indices Auto'!AS15&gt;100),"A",IF(AND('Cambios Auto'!AR15&gt;0,'Indices Auto'!AS15&lt;100),"N",IF(AND('Cambios Auto'!AR15&gt;0,'Indices Auto'!AS15&gt;100),"R","NULL"))))</f>
        <v>R</v>
      </c>
      <c r="AS15" s="2" t="str">
        <f>IF(AND('Cambios Auto'!AS15&lt;0,'Indices Auto'!AT15&lt;100),"V",IF(AND('Cambios Auto'!AS15&lt;0,'Indices Auto'!AT15&gt;100),"A",IF(AND('Cambios Auto'!AS15&gt;0,'Indices Auto'!AT15&lt;100),"N",IF(AND('Cambios Auto'!AS15&gt;0,'Indices Auto'!AT15&gt;100),"R","NULL"))))</f>
        <v>R</v>
      </c>
      <c r="AT15" s="2" t="str">
        <f>IF(AND('Cambios Auto'!AT15&lt;0,'Indices Auto'!AU15&lt;100),"V",IF(AND('Cambios Auto'!AT15&lt;0,'Indices Auto'!AU15&gt;100),"A",IF(AND('Cambios Auto'!AT15&gt;0,'Indices Auto'!AU15&lt;100),"N",IF(AND('Cambios Auto'!AT15&gt;0,'Indices Auto'!AU15&gt;100),"R","NULL"))))</f>
        <v>R</v>
      </c>
      <c r="AU15" s="2" t="str">
        <f>IF(AND('Cambios Auto'!AU15&lt;0,'Indices Auto'!AV15&lt;100),"V",IF(AND('Cambios Auto'!AU15&lt;0,'Indices Auto'!AV15&gt;100),"A",IF(AND('Cambios Auto'!AU15&gt;0,'Indices Auto'!AV15&lt;100),"N",IF(AND('Cambios Auto'!AU15&gt;0,'Indices Auto'!AV15&gt;100),"R","NULL"))))</f>
        <v>R</v>
      </c>
      <c r="AV15" s="2" t="str">
        <f>IF(AND('Cambios Auto'!AV15&lt;0,'Indices Auto'!AW15&lt;100),"V",IF(AND('Cambios Auto'!AV15&lt;0,'Indices Auto'!AW15&gt;100),"A",IF(AND('Cambios Auto'!AV15&gt;0,'Indices Auto'!AW15&lt;100),"N",IF(AND('Cambios Auto'!AV15&gt;0,'Indices Auto'!AW15&gt;100),"R","NULL"))))</f>
        <v>R</v>
      </c>
      <c r="AW15" s="2" t="str">
        <f>IF(AND('Cambios Auto'!AW15&lt;0,'Indices Auto'!AX15&lt;100),"V",IF(AND('Cambios Auto'!AW15&lt;0,'Indices Auto'!AX15&gt;100),"A",IF(AND('Cambios Auto'!AW15&gt;0,'Indices Auto'!AX15&lt;100),"N",IF(AND('Cambios Auto'!AW15&gt;0,'Indices Auto'!AX15&gt;100),"R","NULL"))))</f>
        <v>R</v>
      </c>
      <c r="AX15" s="2" t="str">
        <f>IF(AND('Cambios Auto'!AX15&lt;0,'Indices Auto'!AY15&lt;100),"V",IF(AND('Cambios Auto'!AX15&lt;0,'Indices Auto'!AY15&gt;100),"A",IF(AND('Cambios Auto'!AX15&gt;0,'Indices Auto'!AY15&lt;100),"N",IF(AND('Cambios Auto'!AX15&gt;0,'Indices Auto'!AY15&gt;100),"R","NULL"))))</f>
        <v>R</v>
      </c>
      <c r="AY15" s="2" t="str">
        <f>IF(AND('Cambios Auto'!AY15&lt;0,'Indices Auto'!AZ15&lt;100),"V",IF(AND('Cambios Auto'!AY15&lt;0,'Indices Auto'!AZ15&gt;100),"A",IF(AND('Cambios Auto'!AY15&gt;0,'Indices Auto'!AZ15&lt;100),"N",IF(AND('Cambios Auto'!AY15&gt;0,'Indices Auto'!AZ15&gt;100),"R","NULL"))))</f>
        <v>R</v>
      </c>
      <c r="AZ15" s="2" t="str">
        <f>IF(AND('Cambios Auto'!AZ15&lt;0,'Indices Auto'!BA15&lt;100),"V",IF(AND('Cambios Auto'!AZ15&lt;0,'Indices Auto'!BA15&gt;100),"A",IF(AND('Cambios Auto'!AZ15&gt;0,'Indices Auto'!BA15&lt;100),"N",IF(AND('Cambios Auto'!AZ15&gt;0,'Indices Auto'!BA15&gt;100),"R","NULL"))))</f>
        <v>R</v>
      </c>
      <c r="BA15" s="2" t="str">
        <f>IF(AND('Cambios Auto'!BA15&lt;0,'Indices Auto'!BB15&lt;100),"V",IF(AND('Cambios Auto'!BA15&lt;0,'Indices Auto'!BB15&gt;100),"A",IF(AND('Cambios Auto'!BA15&gt;0,'Indices Auto'!BB15&lt;100),"N",IF(AND('Cambios Auto'!BA15&gt;0,'Indices Auto'!BB15&gt;100),"R","NULL"))))</f>
        <v>R</v>
      </c>
      <c r="BB15" s="2" t="str">
        <f>IF(AND('Cambios Auto'!BB15&lt;0,'Indices Auto'!BC15&lt;100),"V",IF(AND('Cambios Auto'!BB15&lt;0,'Indices Auto'!BC15&gt;100),"A",IF(AND('Cambios Auto'!BB15&gt;0,'Indices Auto'!BC15&lt;100),"N",IF(AND('Cambios Auto'!BB15&gt;0,'Indices Auto'!BC15&gt;100),"R","NULL"))))</f>
        <v>R</v>
      </c>
      <c r="BC15" s="2" t="str">
        <f>IF(AND('Cambios Auto'!BC15&lt;0,'Indices Auto'!BD15&lt;100),"V",IF(AND('Cambios Auto'!BC15&lt;0,'Indices Auto'!BD15&gt;100),"A",IF(AND('Cambios Auto'!BC15&gt;0,'Indices Auto'!BD15&lt;100),"N",IF(AND('Cambios Auto'!BC15&gt;0,'Indices Auto'!BD15&gt;100),"R","NULL"))))</f>
        <v>R</v>
      </c>
      <c r="BD15" s="2" t="str">
        <f>IF(AND('Cambios Auto'!BD15&lt;0,'Indices Auto'!BE15&lt;100),"V",IF(AND('Cambios Auto'!BD15&lt;0,'Indices Auto'!BE15&gt;100),"A",IF(AND('Cambios Auto'!BD15&gt;0,'Indices Auto'!BE15&lt;100),"N",IF(AND('Cambios Auto'!BD15&gt;0,'Indices Auto'!BE15&gt;100),"R","NULL"))))</f>
        <v>R</v>
      </c>
      <c r="BE15" s="2" t="str">
        <f>IF(AND('Cambios Auto'!BE15&lt;0,'Indices Auto'!BF15&lt;100),"V",IF(AND('Cambios Auto'!BE15&lt;0,'Indices Auto'!BF15&gt;100),"A",IF(AND('Cambios Auto'!BE15&gt;0,'Indices Auto'!BF15&lt;100),"N",IF(AND('Cambios Auto'!BE15&gt;0,'Indices Auto'!BF15&gt;100),"R","NULL"))))</f>
        <v>A</v>
      </c>
      <c r="BF15" s="2" t="str">
        <f>IF(AND('Cambios Auto'!BF15&lt;0,'Indices Auto'!BG15&lt;100),"V",IF(AND('Cambios Auto'!BF15&lt;0,'Indices Auto'!BG15&gt;100),"A",IF(AND('Cambios Auto'!BF15&gt;0,'Indices Auto'!BG15&lt;100),"N",IF(AND('Cambios Auto'!BF15&gt;0,'Indices Auto'!BG15&gt;100),"R","NULL"))))</f>
        <v>A</v>
      </c>
      <c r="BG15" s="2" t="str">
        <f>IF(AND('Cambios Auto'!BG15&lt;0,'Indices Auto'!BH15&lt;100),"V",IF(AND('Cambios Auto'!BG15&lt;0,'Indices Auto'!BH15&gt;100),"A",IF(AND('Cambios Auto'!BG15&gt;0,'Indices Auto'!BH15&lt;100),"N",IF(AND('Cambios Auto'!BG15&gt;0,'Indices Auto'!BH15&gt;100),"R","NULL"))))</f>
        <v>A</v>
      </c>
      <c r="BH15" s="2" t="str">
        <f>IF(AND('Cambios Auto'!BH15&lt;0,'Indices Auto'!BI15&lt;100),"V",IF(AND('Cambios Auto'!BH15&lt;0,'Indices Auto'!BI15&gt;100),"A",IF(AND('Cambios Auto'!BH15&gt;0,'Indices Auto'!BI15&lt;100),"N",IF(AND('Cambios Auto'!BH15&gt;0,'Indices Auto'!BI15&gt;100),"R","NULL"))))</f>
        <v>A</v>
      </c>
      <c r="BI15" s="2" t="str">
        <f>IF(AND('Cambios Auto'!BI15&lt;0,'Indices Auto'!BJ15&lt;100),"V",IF(AND('Cambios Auto'!BI15&lt;0,'Indices Auto'!BJ15&gt;100),"A",IF(AND('Cambios Auto'!BI15&gt;0,'Indices Auto'!BJ15&lt;100),"N",IF(AND('Cambios Auto'!BI15&gt;0,'Indices Auto'!BJ15&gt;100),"R","NULL"))))</f>
        <v>A</v>
      </c>
      <c r="BJ15" s="2" t="str">
        <f>IF(AND('Cambios Auto'!BJ15&lt;0,'Indices Auto'!BK15&lt;100),"V",IF(AND('Cambios Auto'!BJ15&lt;0,'Indices Auto'!BK15&gt;100),"A",IF(AND('Cambios Auto'!BJ15&gt;0,'Indices Auto'!BK15&lt;100),"N",IF(AND('Cambios Auto'!BJ15&gt;0,'Indices Auto'!BK15&gt;100),"R","NULL"))))</f>
        <v>A</v>
      </c>
      <c r="BK15" s="2" t="str">
        <f>IF(AND('Cambios Auto'!BK15&lt;0,'Indices Auto'!BL15&lt;100),"V",IF(AND('Cambios Auto'!BK15&lt;0,'Indices Auto'!BL15&gt;100),"A",IF(AND('Cambios Auto'!BK15&gt;0,'Indices Auto'!BL15&lt;100),"N",IF(AND('Cambios Auto'!BK15&gt;0,'Indices Auto'!BL15&gt;100),"R","NULL"))))</f>
        <v>A</v>
      </c>
      <c r="BL15" s="2" t="str">
        <f>IF(AND('Cambios Auto'!BL15&lt;0,'Indices Auto'!BM15&lt;100),"V",IF(AND('Cambios Auto'!BL15&lt;0,'Indices Auto'!BM15&gt;100),"A",IF(AND('Cambios Auto'!BL15&gt;0,'Indices Auto'!BM15&lt;100),"N",IF(AND('Cambios Auto'!BL15&gt;0,'Indices Auto'!BM15&gt;100),"R","NULL"))))</f>
        <v>A</v>
      </c>
      <c r="BM15" s="2" t="str">
        <f>IF(AND('Cambios Auto'!BM15&lt;0,'Indices Auto'!BN15&lt;100),"V",IF(AND('Cambios Auto'!BM15&lt;0,'Indices Auto'!BN15&gt;100),"A",IF(AND('Cambios Auto'!BM15&gt;0,'Indices Auto'!BN15&lt;100),"N",IF(AND('Cambios Auto'!BM15&gt;0,'Indices Auto'!BN15&gt;100),"R","NULL"))))</f>
        <v>A</v>
      </c>
      <c r="BN15" s="2" t="str">
        <f>IF(AND('Cambios Auto'!BN15&lt;0,'Indices Auto'!BO15&lt;100),"V",IF(AND('Cambios Auto'!BN15&lt;0,'Indices Auto'!BO15&gt;100),"A",IF(AND('Cambios Auto'!BN15&gt;0,'Indices Auto'!BO15&lt;100),"N",IF(AND('Cambios Auto'!BN15&gt;0,'Indices Auto'!BO15&gt;100),"R","NULL"))))</f>
        <v>A</v>
      </c>
      <c r="BO15" s="2" t="str">
        <f>IF(AND('Cambios Auto'!BO15&lt;0,'Indices Auto'!BP15&lt;100),"V",IF(AND('Cambios Auto'!BO15&lt;0,'Indices Auto'!BP15&gt;100),"A",IF(AND('Cambios Auto'!BO15&gt;0,'Indices Auto'!BP15&lt;100),"N",IF(AND('Cambios Auto'!BO15&gt;0,'Indices Auto'!BP15&gt;100),"R","NULL"))))</f>
        <v>V</v>
      </c>
      <c r="BP15" s="2" t="str">
        <f>IF(AND('Cambios Auto'!BP15&lt;0,'Indices Auto'!BQ15&lt;100),"V",IF(AND('Cambios Auto'!BP15&lt;0,'Indices Auto'!BQ15&gt;100),"A",IF(AND('Cambios Auto'!BP15&gt;0,'Indices Auto'!BQ15&lt;100),"N",IF(AND('Cambios Auto'!BP15&gt;0,'Indices Auto'!BQ15&gt;100),"R","NULL"))))</f>
        <v>V</v>
      </c>
      <c r="BQ15" s="2" t="str">
        <f>IF(AND('Cambios Auto'!BQ15&lt;0,'Indices Auto'!BR15&lt;100),"V",IF(AND('Cambios Auto'!BQ15&lt;0,'Indices Auto'!BR15&gt;100),"A",IF(AND('Cambios Auto'!BQ15&gt;0,'Indices Auto'!BR15&lt;100),"N",IF(AND('Cambios Auto'!BQ15&gt;0,'Indices Auto'!BR15&gt;100),"R","NULL"))))</f>
        <v>V</v>
      </c>
      <c r="BR15" s="2" t="str">
        <f>IF(AND('Cambios Auto'!BR15&lt;0,'Indices Auto'!BS15&lt;100),"V",IF(AND('Cambios Auto'!BR15&lt;0,'Indices Auto'!BS15&gt;100),"A",IF(AND('Cambios Auto'!BR15&gt;0,'Indices Auto'!BS15&lt;100),"N",IF(AND('Cambios Auto'!BR15&gt;0,'Indices Auto'!BS15&gt;100),"R","NULL"))))</f>
        <v>V</v>
      </c>
      <c r="BS15" s="2" t="str">
        <f>IF(AND('Cambios Auto'!BS15&lt;0,'Indices Auto'!BT15&lt;100),"V",IF(AND('Cambios Auto'!BS15&lt;0,'Indices Auto'!BT15&gt;100),"A",IF(AND('Cambios Auto'!BS15&gt;0,'Indices Auto'!BT15&lt;100),"N",IF(AND('Cambios Auto'!BS15&gt;0,'Indices Auto'!BT15&gt;100),"R","NULL"))))</f>
        <v>V</v>
      </c>
      <c r="BT15" s="2" t="str">
        <f>IF(AND('Cambios Auto'!BT15&lt;0,'Indices Auto'!BU15&lt;100),"V",IF(AND('Cambios Auto'!BT15&lt;0,'Indices Auto'!BU15&gt;100),"A",IF(AND('Cambios Auto'!BT15&gt;0,'Indices Auto'!BU15&lt;100),"N",IF(AND('Cambios Auto'!BT15&gt;0,'Indices Auto'!BU15&gt;100),"R","NULL"))))</f>
        <v>V</v>
      </c>
      <c r="BU15" s="2" t="str">
        <f>IF(AND('Cambios Auto'!BU15&lt;0,'Indices Auto'!BV15&lt;100),"V",IF(AND('Cambios Auto'!BU15&lt;0,'Indices Auto'!BV15&gt;100),"A",IF(AND('Cambios Auto'!BU15&gt;0,'Indices Auto'!BV15&lt;100),"N",IF(AND('Cambios Auto'!BU15&gt;0,'Indices Auto'!BV15&gt;100),"R","NULL"))))</f>
        <v>V</v>
      </c>
      <c r="BV15" s="2" t="str">
        <f>IF(AND('Cambios Auto'!BV15&lt;0,'Indices Auto'!BW15&lt;100),"V",IF(AND('Cambios Auto'!BV15&lt;0,'Indices Auto'!BW15&gt;100),"A",IF(AND('Cambios Auto'!BV15&gt;0,'Indices Auto'!BW15&lt;100),"N",IF(AND('Cambios Auto'!BV15&gt;0,'Indices Auto'!BW15&gt;100),"R","NULL"))))</f>
        <v>V</v>
      </c>
      <c r="BW15" s="2" t="str">
        <f>IF(AND('Cambios Auto'!BW15&lt;0,'Indices Auto'!BX15&lt;100),"V",IF(AND('Cambios Auto'!BW15&lt;0,'Indices Auto'!BX15&gt;100),"A",IF(AND('Cambios Auto'!BW15&gt;0,'Indices Auto'!BX15&lt;100),"N",IF(AND('Cambios Auto'!BW15&gt;0,'Indices Auto'!BX15&gt;100),"R","NULL"))))</f>
        <v>N</v>
      </c>
      <c r="BX15" s="2" t="str">
        <f>IF(AND('Cambios Auto'!BX15&lt;0,'Indices Auto'!BY15&lt;100),"V",IF(AND('Cambios Auto'!BX15&lt;0,'Indices Auto'!BY15&gt;100),"A",IF(AND('Cambios Auto'!BX15&gt;0,'Indices Auto'!BY15&lt;100),"N",IF(AND('Cambios Auto'!BX15&gt;0,'Indices Auto'!BY15&gt;100),"R","NULL"))))</f>
        <v>N</v>
      </c>
      <c r="BY15" s="2" t="str">
        <f>IF(AND('Cambios Auto'!BY15&lt;0,'Indices Auto'!BZ15&lt;100),"V",IF(AND('Cambios Auto'!BY15&lt;0,'Indices Auto'!BZ15&gt;100),"A",IF(AND('Cambios Auto'!BY15&gt;0,'Indices Auto'!BZ15&lt;100),"N",IF(AND('Cambios Auto'!BY15&gt;0,'Indices Auto'!BZ15&gt;100),"R","NULL"))))</f>
        <v>R</v>
      </c>
      <c r="BZ15" s="2" t="str">
        <f>IF(AND('Cambios Auto'!BZ15&lt;0,'Indices Auto'!CA15&lt;100),"V",IF(AND('Cambios Auto'!BZ15&lt;0,'Indices Auto'!CA15&gt;100),"A",IF(AND('Cambios Auto'!BZ15&gt;0,'Indices Auto'!CA15&lt;100),"N",IF(AND('Cambios Auto'!BZ15&gt;0,'Indices Auto'!CA15&gt;100),"R","NULL"))))</f>
        <v>R</v>
      </c>
      <c r="CA15" s="2" t="str">
        <f>IF(AND('Cambios Auto'!CA15&lt;0,'Indices Auto'!CB15&lt;100),"V",IF(AND('Cambios Auto'!CA15&lt;0,'Indices Auto'!CB15&gt;100),"A",IF(AND('Cambios Auto'!CA15&gt;0,'Indices Auto'!CB15&lt;100),"N",IF(AND('Cambios Auto'!CA15&gt;0,'Indices Auto'!CB15&gt;100),"R","NULL"))))</f>
        <v>R</v>
      </c>
      <c r="CB15" s="2" t="str">
        <f>IF(AND('Cambios Auto'!CB15&lt;0,'Indices Auto'!CC15&lt;100),"V",IF(AND('Cambios Auto'!CB15&lt;0,'Indices Auto'!CC15&gt;100),"A",IF(AND('Cambios Auto'!CB15&gt;0,'Indices Auto'!CC15&lt;100),"N",IF(AND('Cambios Auto'!CB15&gt;0,'Indices Auto'!CC15&gt;100),"R","NULL"))))</f>
        <v>A</v>
      </c>
      <c r="CC15" s="2" t="str">
        <f>IF(AND('Cambios Auto'!CC15&lt;0,'Indices Auto'!CD15&lt;100),"V",IF(AND('Cambios Auto'!CC15&lt;0,'Indices Auto'!CD15&gt;100),"A",IF(AND('Cambios Auto'!CC15&gt;0,'Indices Auto'!CD15&lt;100),"N",IF(AND('Cambios Auto'!CC15&gt;0,'Indices Auto'!CD15&gt;100),"R","NULL"))))</f>
        <v>V</v>
      </c>
      <c r="CD15" s="2" t="str">
        <f>IF(AND('Cambios Auto'!CD15&lt;0,'Indices Auto'!CE15&lt;100),"V",IF(AND('Cambios Auto'!CD15&lt;0,'Indices Auto'!CE15&gt;100),"A",IF(AND('Cambios Auto'!CD15&gt;0,'Indices Auto'!CE15&lt;100),"N",IF(AND('Cambios Auto'!CD15&gt;0,'Indices Auto'!CE15&gt;100),"R","NULL"))))</f>
        <v>V</v>
      </c>
      <c r="CE15" s="2" t="str">
        <f>IF(AND('Cambios Auto'!CE15&lt;0,'Indices Auto'!CF15&lt;100),"V",IF(AND('Cambios Auto'!CE15&lt;0,'Indices Auto'!CF15&gt;100),"A",IF(AND('Cambios Auto'!CE15&gt;0,'Indices Auto'!CF15&lt;100),"N",IF(AND('Cambios Auto'!CE15&gt;0,'Indices Auto'!CF15&gt;100),"R","NULL"))))</f>
        <v>V</v>
      </c>
      <c r="CF15" s="2" t="str">
        <f>IF(AND('Cambios Auto'!CF15&lt;0,'Indices Auto'!CG15&lt;100),"V",IF(AND('Cambios Auto'!CF15&lt;0,'Indices Auto'!CG15&gt;100),"A",IF(AND('Cambios Auto'!CF15&gt;0,'Indices Auto'!CG15&lt;100),"N",IF(AND('Cambios Auto'!CF15&gt;0,'Indices Auto'!CG15&gt;100),"R","NULL"))))</f>
        <v>V</v>
      </c>
      <c r="CG15" s="2" t="str">
        <f>IF(AND('Cambios Auto'!CG15&lt;0,'Indices Auto'!CH15&lt;100),"V",IF(AND('Cambios Auto'!CG15&lt;0,'Indices Auto'!CH15&gt;100),"A",IF(AND('Cambios Auto'!CG15&gt;0,'Indices Auto'!CH15&lt;100),"N",IF(AND('Cambios Auto'!CG15&gt;0,'Indices Auto'!CH15&gt;100),"R","NULL"))))</f>
        <v>V</v>
      </c>
      <c r="CH15" s="2" t="str">
        <f>IF(AND('Cambios Auto'!CH15&lt;0,'Indices Auto'!CI15&lt;100),"V",IF(AND('Cambios Auto'!CH15&lt;0,'Indices Auto'!CI15&gt;100),"A",IF(AND('Cambios Auto'!CH15&gt;0,'Indices Auto'!CI15&lt;100),"N",IF(AND('Cambios Auto'!CH15&gt;0,'Indices Auto'!CI15&gt;100),"R","NULL"))))</f>
        <v>V</v>
      </c>
      <c r="CI15" s="2" t="str">
        <f>IF(AND('Cambios Auto'!CI15&lt;0,'Indices Auto'!CJ15&lt;100),"V",IF(AND('Cambios Auto'!CI15&lt;0,'Indices Auto'!CJ15&gt;100),"A",IF(AND('Cambios Auto'!CI15&gt;0,'Indices Auto'!CJ15&lt;100),"N",IF(AND('Cambios Auto'!CI15&gt;0,'Indices Auto'!CJ15&gt;100),"R","NULL"))))</f>
        <v>N</v>
      </c>
      <c r="CJ15" s="2" t="str">
        <f>IF(AND('Cambios Auto'!CJ15&lt;0,'Indices Auto'!CK15&lt;100),"V",IF(AND('Cambios Auto'!CJ15&lt;0,'Indices Auto'!CK15&gt;100),"A",IF(AND('Cambios Auto'!CJ15&gt;0,'Indices Auto'!CK15&lt;100),"N",IF(AND('Cambios Auto'!CJ15&gt;0,'Indices Auto'!CK15&gt;100),"R","NULL"))))</f>
        <v>N</v>
      </c>
      <c r="CK15" s="2" t="str">
        <f>IF(AND('Cambios Auto'!CK15&lt;0,'Indices Auto'!CL15&lt;100),"V",IF(AND('Cambios Auto'!CK15&lt;0,'Indices Auto'!CL15&gt;100),"A",IF(AND('Cambios Auto'!CK15&gt;0,'Indices Auto'!CL15&lt;100),"N",IF(AND('Cambios Auto'!CK15&gt;0,'Indices Auto'!CL15&gt;100),"R","NULL"))))</f>
        <v>N</v>
      </c>
      <c r="CL15" s="2" t="str">
        <f>IF(AND('Cambios Auto'!CL15&lt;0,'Indices Auto'!CM15&lt;100),"V",IF(AND('Cambios Auto'!CL15&lt;0,'Indices Auto'!CM15&gt;100),"A",IF(AND('Cambios Auto'!CL15&gt;0,'Indices Auto'!CM15&lt;100),"N",IF(AND('Cambios Auto'!CL15&gt;0,'Indices Auto'!CM15&gt;100),"R","NULL"))))</f>
        <v>N</v>
      </c>
      <c r="CM15" s="2" t="str">
        <f>IF(AND('Cambios Auto'!CM15&lt;0,'Indices Auto'!CN15&lt;100),"V",IF(AND('Cambios Auto'!CM15&lt;0,'Indices Auto'!CN15&gt;100),"A",IF(AND('Cambios Auto'!CM15&gt;0,'Indices Auto'!CN15&lt;100),"N",IF(AND('Cambios Auto'!CM15&gt;0,'Indices Auto'!CN15&gt;100),"R","NULL"))))</f>
        <v>N</v>
      </c>
      <c r="CN15" s="2" t="str">
        <f>IF(AND('Cambios Auto'!CN15&lt;0,'Indices Auto'!CO15&lt;100),"V",IF(AND('Cambios Auto'!CN15&lt;0,'Indices Auto'!CO15&gt;100),"A",IF(AND('Cambios Auto'!CN15&gt;0,'Indices Auto'!CO15&lt;100),"N",IF(AND('Cambios Auto'!CN15&gt;0,'Indices Auto'!CO15&gt;100),"R","NULL"))))</f>
        <v>V</v>
      </c>
      <c r="CO15" s="2" t="str">
        <f>IF(AND('Cambios Auto'!CO15&lt;0,'Indices Auto'!CP15&lt;100),"V",IF(AND('Cambios Auto'!CO15&lt;0,'Indices Auto'!CP15&gt;100),"A",IF(AND('Cambios Auto'!CO15&gt;0,'Indices Auto'!CP15&lt;100),"N",IF(AND('Cambios Auto'!CO15&gt;0,'Indices Auto'!CP15&gt;100),"R","NULL"))))</f>
        <v>V</v>
      </c>
      <c r="CP15" s="2" t="str">
        <f>IF(AND('Cambios Auto'!CP15&lt;0,'Indices Auto'!CQ15&lt;100),"V",IF(AND('Cambios Auto'!CP15&lt;0,'Indices Auto'!CQ15&gt;100),"A",IF(AND('Cambios Auto'!CP15&gt;0,'Indices Auto'!CQ15&lt;100),"N",IF(AND('Cambios Auto'!CP15&gt;0,'Indices Auto'!CQ15&gt;100),"R","NULL"))))</f>
        <v>V</v>
      </c>
      <c r="CQ15" s="2" t="str">
        <f>IF(AND('Cambios Auto'!CQ15&lt;0,'Indices Auto'!CR15&lt;100),"V",IF(AND('Cambios Auto'!CQ15&lt;0,'Indices Auto'!CR15&gt;100),"A",IF(AND('Cambios Auto'!CQ15&gt;0,'Indices Auto'!CR15&lt;100),"N",IF(AND('Cambios Auto'!CQ15&gt;0,'Indices Auto'!CR15&gt;100),"R","NULL"))))</f>
        <v>V</v>
      </c>
      <c r="CR15" s="2" t="str">
        <f>IF(AND('Cambios Auto'!CR15&lt;0,'Indices Auto'!CS15&lt;100),"V",IF(AND('Cambios Auto'!CR15&lt;0,'Indices Auto'!CS15&gt;100),"A",IF(AND('Cambios Auto'!CR15&gt;0,'Indices Auto'!CS15&lt;100),"N",IF(AND('Cambios Auto'!CR15&gt;0,'Indices Auto'!CS15&gt;100),"R","NULL"))))</f>
        <v>V</v>
      </c>
      <c r="CS15" s="2" t="str">
        <f>IF(AND('Cambios Auto'!CS15&lt;0,'Indices Auto'!CT15&lt;100),"V",IF(AND('Cambios Auto'!CS15&lt;0,'Indices Auto'!CT15&gt;100),"A",IF(AND('Cambios Auto'!CS15&gt;0,'Indices Auto'!CT15&lt;100),"N",IF(AND('Cambios Auto'!CS15&gt;0,'Indices Auto'!CT15&gt;100),"R","NULL"))))</f>
        <v>V</v>
      </c>
      <c r="CT15" s="2" t="str">
        <f>IF(AND('Cambios Auto'!CT15&lt;0,'Indices Auto'!CU15&lt;100),"V",IF(AND('Cambios Auto'!CT15&lt;0,'Indices Auto'!CU15&gt;100),"A",IF(AND('Cambios Auto'!CT15&gt;0,'Indices Auto'!CU15&lt;100),"N",IF(AND('Cambios Auto'!CT15&gt;0,'Indices Auto'!CU15&gt;100),"R","NULL"))))</f>
        <v>V</v>
      </c>
      <c r="CU15" s="2" t="str">
        <f>IF(AND('Cambios Auto'!CU15&lt;0,'Indices Auto'!CV15&lt;100),"V",IF(AND('Cambios Auto'!CU15&lt;0,'Indices Auto'!CV15&gt;100),"A",IF(AND('Cambios Auto'!CU15&gt;0,'Indices Auto'!CV15&lt;100),"N",IF(AND('Cambios Auto'!CU15&gt;0,'Indices Auto'!CV15&gt;100),"R","NULL"))))</f>
        <v>V</v>
      </c>
      <c r="CV15" s="2" t="str">
        <f>IF(AND('Cambios Auto'!CV15&lt;0,'Indices Auto'!CW15&lt;100),"V",IF(AND('Cambios Auto'!CV15&lt;0,'Indices Auto'!CW15&gt;100),"A",IF(AND('Cambios Auto'!CV15&gt;0,'Indices Auto'!CW15&lt;100),"N",IF(AND('Cambios Auto'!CV15&gt;0,'Indices Auto'!CW15&gt;100),"R","NULL"))))</f>
        <v>V</v>
      </c>
      <c r="CW15" s="2" t="str">
        <f>IF(AND('Cambios Auto'!CW15&lt;0,'Indices Auto'!CX15&lt;100),"V",IF(AND('Cambios Auto'!CW15&lt;0,'Indices Auto'!CX15&gt;100),"A",IF(AND('Cambios Auto'!CW15&gt;0,'Indices Auto'!CX15&lt;100),"N",IF(AND('Cambios Auto'!CW15&gt;0,'Indices Auto'!CX15&gt;100),"R","NULL"))))</f>
        <v>V</v>
      </c>
      <c r="CX15" s="2" t="str">
        <f>IF(AND('Cambios Auto'!CX15&lt;0,'Indices Auto'!CY15&lt;100),"V",IF(AND('Cambios Auto'!CX15&lt;0,'Indices Auto'!CY15&gt;100),"A",IF(AND('Cambios Auto'!CX15&gt;0,'Indices Auto'!CY15&lt;100),"N",IF(AND('Cambios Auto'!CX15&gt;0,'Indices Auto'!CY15&gt;100),"R","NULL"))))</f>
        <v>V</v>
      </c>
      <c r="CY15" s="2" t="str">
        <f>IF(AND('Cambios Auto'!CY15&lt;0,'Indices Auto'!CZ15&lt;100),"V",IF(AND('Cambios Auto'!CY15&lt;0,'Indices Auto'!CZ15&gt;100),"A",IF(AND('Cambios Auto'!CY15&gt;0,'Indices Auto'!CZ15&lt;100),"N",IF(AND('Cambios Auto'!CY15&gt;0,'Indices Auto'!CZ15&gt;100),"R","NULL"))))</f>
        <v>N</v>
      </c>
      <c r="CZ15" s="2" t="str">
        <f>IF(AND('Cambios Auto'!CZ15&lt;0,'Indices Auto'!DA15&lt;100),"V",IF(AND('Cambios Auto'!CZ15&lt;0,'Indices Auto'!DA15&gt;100),"A",IF(AND('Cambios Auto'!CZ15&gt;0,'Indices Auto'!DA15&lt;100),"N",IF(AND('Cambios Auto'!CZ15&gt;0,'Indices Auto'!DA15&gt;100),"R","NULL"))))</f>
        <v>N</v>
      </c>
      <c r="DA15" s="2" t="str">
        <f>IF(AND('Cambios Auto'!DA15&lt;0,'Indices Auto'!DB15&lt;100),"V",IF(AND('Cambios Auto'!DA15&lt;0,'Indices Auto'!DB15&gt;100),"A",IF(AND('Cambios Auto'!DA15&gt;0,'Indices Auto'!DB15&lt;100),"N",IF(AND('Cambios Auto'!DA15&gt;0,'Indices Auto'!DB15&gt;100),"R","NULL"))))</f>
        <v>N</v>
      </c>
      <c r="DB15" s="2" t="str">
        <f>IF(AND('Cambios Auto'!DB15&lt;0,'Indices Auto'!DC15&lt;100),"V",IF(AND('Cambios Auto'!DB15&lt;0,'Indices Auto'!DC15&gt;100),"A",IF(AND('Cambios Auto'!DB15&gt;0,'Indices Auto'!DC15&lt;100),"N",IF(AND('Cambios Auto'!DB15&gt;0,'Indices Auto'!DC15&gt;100),"R","NULL"))))</f>
        <v>R</v>
      </c>
      <c r="DC15" s="2" t="str">
        <f>IF(AND('Cambios Auto'!DC15&lt;0,'Indices Auto'!DD15&lt;100),"V",IF(AND('Cambios Auto'!DC15&lt;0,'Indices Auto'!DD15&gt;100),"A",IF(AND('Cambios Auto'!DC15&gt;0,'Indices Auto'!DD15&lt;100),"N",IF(AND('Cambios Auto'!DC15&gt;0,'Indices Auto'!DD15&gt;100),"R","NULL"))))</f>
        <v>R</v>
      </c>
      <c r="DD15" s="2" t="str">
        <f>IF(AND('Cambios Auto'!DD15&lt;0,'Indices Auto'!DE15&lt;100),"V",IF(AND('Cambios Auto'!DD15&lt;0,'Indices Auto'!DE15&gt;100),"A",IF(AND('Cambios Auto'!DD15&gt;0,'Indices Auto'!DE15&lt;100),"N",IF(AND('Cambios Auto'!DD15&gt;0,'Indices Auto'!DE15&gt;100),"R","NULL"))))</f>
        <v>R</v>
      </c>
      <c r="DE15" s="2" t="str">
        <f>IF(AND('Cambios Auto'!DE15&lt;0,'Indices Auto'!DF15&lt;100),"V",IF(AND('Cambios Auto'!DE15&lt;0,'Indices Auto'!DF15&gt;100),"A",IF(AND('Cambios Auto'!DE15&gt;0,'Indices Auto'!DF15&lt;100),"N",IF(AND('Cambios Auto'!DE15&gt;0,'Indices Auto'!DF15&gt;100),"R","NULL"))))</f>
        <v>R</v>
      </c>
      <c r="DF15" s="2" t="str">
        <f>IF(AND('Cambios Auto'!DF15&lt;0,'Indices Auto'!DG15&lt;100),"V",IF(AND('Cambios Auto'!DF15&lt;0,'Indices Auto'!DG15&gt;100),"A",IF(AND('Cambios Auto'!DF15&gt;0,'Indices Auto'!DG15&lt;100),"N",IF(AND('Cambios Auto'!DF15&gt;0,'Indices Auto'!DG15&gt;100),"R","NULL"))))</f>
        <v>R</v>
      </c>
      <c r="DG15" s="2" t="str">
        <f>IF(AND('Cambios Auto'!DG15&lt;0,'Indices Auto'!DH15&lt;100),"V",IF(AND('Cambios Auto'!DG15&lt;0,'Indices Auto'!DH15&gt;100),"A",IF(AND('Cambios Auto'!DG15&gt;0,'Indices Auto'!DH15&lt;100),"N",IF(AND('Cambios Auto'!DG15&gt;0,'Indices Auto'!DH15&gt;100),"R","NULL"))))</f>
        <v>R</v>
      </c>
      <c r="DH15" s="2" t="str">
        <f>IF(AND('Cambios Auto'!DH15&lt;0,'Indices Auto'!DI15&lt;100),"V",IF(AND('Cambios Auto'!DH15&lt;0,'Indices Auto'!DI15&gt;100),"A",IF(AND('Cambios Auto'!DH15&gt;0,'Indices Auto'!DI15&lt;100),"N",IF(AND('Cambios Auto'!DH15&gt;0,'Indices Auto'!DI15&gt;100),"R","NULL"))))</f>
        <v>R</v>
      </c>
      <c r="DI15" s="2" t="str">
        <f>IF(AND('Cambios Auto'!DI15&lt;0,'Indices Auto'!DJ15&lt;100),"V",IF(AND('Cambios Auto'!DI15&lt;0,'Indices Auto'!DJ15&gt;100),"A",IF(AND('Cambios Auto'!DI15&gt;0,'Indices Auto'!DJ15&lt;100),"N",IF(AND('Cambios Auto'!DI15&gt;0,'Indices Auto'!DJ15&gt;100),"R","NULL"))))</f>
        <v>A</v>
      </c>
      <c r="DJ15" s="2" t="str">
        <f>IF(AND('Cambios Auto'!DJ15&lt;0,'Indices Auto'!DK15&lt;100),"V",IF(AND('Cambios Auto'!DJ15&lt;0,'Indices Auto'!DK15&gt;100),"A",IF(AND('Cambios Auto'!DJ15&gt;0,'Indices Auto'!DK15&lt;100),"N",IF(AND('Cambios Auto'!DJ15&gt;0,'Indices Auto'!DK15&gt;100),"R","NULL"))))</f>
        <v>A</v>
      </c>
      <c r="DK15" s="2" t="str">
        <f>IF(AND('Cambios Auto'!DK15&lt;0,'Indices Auto'!DL15&lt;100),"V",IF(AND('Cambios Auto'!DK15&lt;0,'Indices Auto'!DL15&gt;100),"A",IF(AND('Cambios Auto'!DK15&gt;0,'Indices Auto'!DL15&lt;100),"N",IF(AND('Cambios Auto'!DK15&gt;0,'Indices Auto'!DL15&gt;100),"R","NULL"))))</f>
        <v>A</v>
      </c>
      <c r="DL15" s="2" t="str">
        <f>IF(AND('Cambios Auto'!DL15&lt;0,'Indices Auto'!DM15&lt;100),"V",IF(AND('Cambios Auto'!DL15&lt;0,'Indices Auto'!DM15&gt;100),"A",IF(AND('Cambios Auto'!DL15&gt;0,'Indices Auto'!DM15&lt;100),"N",IF(AND('Cambios Auto'!DL15&gt;0,'Indices Auto'!DM15&gt;100),"R","NULL"))))</f>
        <v>A</v>
      </c>
      <c r="DM15" s="2" t="str">
        <f>IF(AND('Cambios Auto'!DM15&lt;0,'Indices Auto'!DN15&lt;100),"V",IF(AND('Cambios Auto'!DM15&lt;0,'Indices Auto'!DN15&gt;100),"A",IF(AND('Cambios Auto'!DM15&gt;0,'Indices Auto'!DN15&lt;100),"N",IF(AND('Cambios Auto'!DM15&gt;0,'Indices Auto'!DN15&gt;100),"R","NULL"))))</f>
        <v>A</v>
      </c>
      <c r="DN15" s="2" t="str">
        <f>IF(AND('Cambios Auto'!DN15&lt;0,'Indices Auto'!DO15&lt;100),"V",IF(AND('Cambios Auto'!DN15&lt;0,'Indices Auto'!DO15&gt;100),"A",IF(AND('Cambios Auto'!DN15&gt;0,'Indices Auto'!DO15&lt;100),"N",IF(AND('Cambios Auto'!DN15&gt;0,'Indices Auto'!DO15&gt;100),"R","NULL"))))</f>
        <v>A</v>
      </c>
      <c r="DO15" s="2" t="str">
        <f>IF(AND('Cambios Auto'!DO15&lt;0,'Indices Auto'!DP15&lt;100),"V",IF(AND('Cambios Auto'!DO15&lt;0,'Indices Auto'!DP15&gt;100),"A",IF(AND('Cambios Auto'!DO15&gt;0,'Indices Auto'!DP15&lt;100),"N",IF(AND('Cambios Auto'!DO15&gt;0,'Indices Auto'!DP15&gt;100),"R","NULL"))))</f>
        <v>A</v>
      </c>
      <c r="DP15" s="2" t="str">
        <f>IF(AND('Cambios Auto'!DP15&lt;0,'Indices Auto'!DQ15&lt;100),"V",IF(AND('Cambios Auto'!DP15&lt;0,'Indices Auto'!DQ15&gt;100),"A",IF(AND('Cambios Auto'!DP15&gt;0,'Indices Auto'!DQ15&lt;100),"N",IF(AND('Cambios Auto'!DP15&gt;0,'Indices Auto'!DQ15&gt;100),"R","NULL"))))</f>
        <v>A</v>
      </c>
      <c r="DQ15" s="2" t="str">
        <f>IF(AND('Cambios Auto'!DQ15&lt;0,'Indices Auto'!DR15&lt;100),"V",IF(AND('Cambios Auto'!DQ15&lt;0,'Indices Auto'!DR15&gt;100),"A",IF(AND('Cambios Auto'!DQ15&gt;0,'Indices Auto'!DR15&lt;100),"N",IF(AND('Cambios Auto'!DQ15&gt;0,'Indices Auto'!DR15&gt;100),"R","NULL"))))</f>
        <v>A</v>
      </c>
      <c r="DR15" s="2" t="str">
        <f>IF(AND('Cambios Auto'!DR15&lt;0,'Indices Auto'!DS15&lt;100),"V",IF(AND('Cambios Auto'!DR15&lt;0,'Indices Auto'!DS15&gt;100),"A",IF(AND('Cambios Auto'!DR15&gt;0,'Indices Auto'!DS15&lt;100),"N",IF(AND('Cambios Auto'!DR15&gt;0,'Indices Auto'!DS15&gt;100),"R","NULL"))))</f>
        <v>A</v>
      </c>
      <c r="DS15" s="2" t="str">
        <f>IF(AND('Cambios Auto'!DS15&lt;0,'Indices Auto'!DT15&lt;100),"V",IF(AND('Cambios Auto'!DS15&lt;0,'Indices Auto'!DT15&gt;100),"A",IF(AND('Cambios Auto'!DS15&gt;0,'Indices Auto'!DT15&lt;100),"N",IF(AND('Cambios Auto'!DS15&gt;0,'Indices Auto'!DT15&gt;100),"R","NULL"))))</f>
        <v>A</v>
      </c>
      <c r="DT15" s="2" t="str">
        <f>IF(AND('Cambios Auto'!DT15&lt;0,'Indices Auto'!DU15&lt;100),"V",IF(AND('Cambios Auto'!DT15&lt;0,'Indices Auto'!DU15&gt;100),"A",IF(AND('Cambios Auto'!DT15&gt;0,'Indices Auto'!DU15&lt;100),"N",IF(AND('Cambios Auto'!DT15&gt;0,'Indices Auto'!DU15&gt;100),"R","NULL"))))</f>
        <v>A</v>
      </c>
      <c r="DU15" s="2" t="str">
        <f>IF(AND('Cambios Auto'!DU15&lt;0,'Indices Auto'!DV15&lt;100),"V",IF(AND('Cambios Auto'!DU15&lt;0,'Indices Auto'!DV15&gt;100),"A",IF(AND('Cambios Auto'!DU15&gt;0,'Indices Auto'!DV15&lt;100),"N",IF(AND('Cambios Auto'!DU15&gt;0,'Indices Auto'!DV15&gt;100),"R","NULL"))))</f>
        <v>A</v>
      </c>
      <c r="DV15" s="2" t="str">
        <f>IF(AND('Cambios Auto'!DV15&lt;0,'Indices Auto'!DW15&lt;100),"V",IF(AND('Cambios Auto'!DV15&lt;0,'Indices Auto'!DW15&gt;100),"A",IF(AND('Cambios Auto'!DV15&gt;0,'Indices Auto'!DW15&lt;100),"N",IF(AND('Cambios Auto'!DV15&gt;0,'Indices Auto'!DW15&gt;100),"R","NULL"))))</f>
        <v>A</v>
      </c>
      <c r="DW15" s="2" t="str">
        <f>IF(AND('Cambios Auto'!DW15&lt;0,'Indices Auto'!DX15&lt;100),"V",IF(AND('Cambios Auto'!DW15&lt;0,'Indices Auto'!DX15&gt;100),"A",IF(AND('Cambios Auto'!DW15&gt;0,'Indices Auto'!DX15&lt;100),"N",IF(AND('Cambios Auto'!DW15&gt;0,'Indices Auto'!DX15&gt;100),"R","NULL"))))</f>
        <v>R</v>
      </c>
      <c r="DX15" s="2" t="str">
        <f>IF(AND('Cambios Auto'!DX15&lt;0,'Indices Auto'!DY15&lt;100),"V",IF(AND('Cambios Auto'!DX15&lt;0,'Indices Auto'!DY15&gt;100),"A",IF(AND('Cambios Auto'!DX15&gt;0,'Indices Auto'!DY15&lt;100),"N",IF(AND('Cambios Auto'!DX15&gt;0,'Indices Auto'!DY15&gt;100),"R","NULL"))))</f>
        <v>A</v>
      </c>
      <c r="DY15" s="2" t="str">
        <f>IF(AND('Cambios Auto'!DY15&lt;0,'Indices Auto'!DZ15&lt;100),"V",IF(AND('Cambios Auto'!DY15&lt;0,'Indices Auto'!DZ15&gt;100),"A",IF(AND('Cambios Auto'!DY15&gt;0,'Indices Auto'!DZ15&lt;100),"N",IF(AND('Cambios Auto'!DY15&gt;0,'Indices Auto'!DZ15&gt;100),"R","NULL"))))</f>
        <v>A</v>
      </c>
      <c r="DZ15" s="2" t="str">
        <f>IF(AND('Cambios Auto'!DZ15&lt;0,'Indices Auto'!EA15&lt;100),"V",IF(AND('Cambios Auto'!DZ15&lt;0,'Indices Auto'!EA15&gt;100),"A",IF(AND('Cambios Auto'!DZ15&gt;0,'Indices Auto'!EA15&lt;100),"N",IF(AND('Cambios Auto'!DZ15&gt;0,'Indices Auto'!EA15&gt;100),"R","NULL"))))</f>
        <v>V</v>
      </c>
      <c r="EA15" s="2" t="str">
        <f>IF(AND('Cambios Auto'!EA15&lt;0,'Indices Auto'!EB15&lt;100),"V",IF(AND('Cambios Auto'!EA15&lt;0,'Indices Auto'!EB15&gt;100),"A",IF(AND('Cambios Auto'!EA15&gt;0,'Indices Auto'!EB15&lt;100),"N",IF(AND('Cambios Auto'!EA15&gt;0,'Indices Auto'!EB15&gt;100),"R","NULL"))))</f>
        <v>V</v>
      </c>
      <c r="EB15" s="2" t="str">
        <f>IF(AND('Cambios Auto'!EB15&lt;0,'Indices Auto'!EC15&lt;100),"V",IF(AND('Cambios Auto'!EB15&lt;0,'Indices Auto'!EC15&gt;100),"A",IF(AND('Cambios Auto'!EB15&gt;0,'Indices Auto'!EC15&lt;100),"N",IF(AND('Cambios Auto'!EB15&gt;0,'Indices Auto'!EC15&gt;100),"R","NULL"))))</f>
        <v>V</v>
      </c>
      <c r="EC15" s="2" t="str">
        <f>IF(AND('Cambios Auto'!EC15&lt;0,'Indices Auto'!ED15&lt;100),"V",IF(AND('Cambios Auto'!EC15&lt;0,'Indices Auto'!ED15&gt;100),"A",IF(AND('Cambios Auto'!EC15&gt;0,'Indices Auto'!ED15&lt;100),"N",IF(AND('Cambios Auto'!EC15&gt;0,'Indices Auto'!ED15&gt;100),"R","NULL"))))</f>
        <v>V</v>
      </c>
      <c r="ED15" s="2" t="str">
        <f>IF(AND('Cambios Auto'!ED15&lt;0,'Indices Auto'!EE15&lt;100),"V",IF(AND('Cambios Auto'!ED15&lt;0,'Indices Auto'!EE15&gt;100),"A",IF(AND('Cambios Auto'!ED15&gt;0,'Indices Auto'!EE15&lt;100),"N",IF(AND('Cambios Auto'!ED15&gt;0,'Indices Auto'!EE15&gt;100),"R","NULL"))))</f>
        <v>V</v>
      </c>
      <c r="EE15" s="2" t="str">
        <f>IF(AND('Cambios Auto'!EE15&lt;0,'Indices Auto'!EF15&lt;100),"V",IF(AND('Cambios Auto'!EE15&lt;0,'Indices Auto'!EF15&gt;100),"A",IF(AND('Cambios Auto'!EE15&gt;0,'Indices Auto'!EF15&lt;100),"N",IF(AND('Cambios Auto'!EE15&gt;0,'Indices Auto'!EF15&gt;100),"R","NULL"))))</f>
        <v>V</v>
      </c>
      <c r="EF15" s="2" t="str">
        <f>IF(AND('Cambios Auto'!EF15&lt;0,'Indices Auto'!EG15&lt;100),"V",IF(AND('Cambios Auto'!EF15&lt;0,'Indices Auto'!EG15&gt;100),"A",IF(AND('Cambios Auto'!EF15&gt;0,'Indices Auto'!EG15&lt;100),"N",IF(AND('Cambios Auto'!EF15&gt;0,'Indices Auto'!EG15&gt;100),"R","NULL"))))</f>
        <v>V</v>
      </c>
      <c r="EG15" s="2" t="str">
        <f>IF(AND('Cambios Auto'!EG15&lt;0,'Indices Auto'!EH15&lt;100),"V",IF(AND('Cambios Auto'!EG15&lt;0,'Indices Auto'!EH15&gt;100),"A",IF(AND('Cambios Auto'!EG15&gt;0,'Indices Auto'!EH15&lt;100),"N",IF(AND('Cambios Auto'!EG15&gt;0,'Indices Auto'!EH15&gt;100),"R","NULL"))))</f>
        <v>V</v>
      </c>
      <c r="EH15" s="2" t="str">
        <f>IF(AND('Cambios Auto'!EH15&lt;0,'Indices Auto'!EI15&lt;100),"V",IF(AND('Cambios Auto'!EH15&lt;0,'Indices Auto'!EI15&gt;100),"A",IF(AND('Cambios Auto'!EH15&gt;0,'Indices Auto'!EI15&lt;100),"N",IF(AND('Cambios Auto'!EH15&gt;0,'Indices Auto'!EI15&gt;100),"R","NULL"))))</f>
        <v>N</v>
      </c>
      <c r="EI15" s="2" t="str">
        <f>IF(AND('Cambios Auto'!EI15&lt;0,'Indices Auto'!EJ15&lt;100),"V",IF(AND('Cambios Auto'!EI15&lt;0,'Indices Auto'!EJ15&gt;100),"A",IF(AND('Cambios Auto'!EI15&gt;0,'Indices Auto'!EJ15&lt;100),"N",IF(AND('Cambios Auto'!EI15&gt;0,'Indices Auto'!EJ15&gt;100),"R","NULL"))))</f>
        <v>N</v>
      </c>
      <c r="EJ15" s="2" t="str">
        <f>IF(AND('Cambios Auto'!EJ15&lt;0,'Indices Auto'!EK15&lt;100),"V",IF(AND('Cambios Auto'!EJ15&lt;0,'Indices Auto'!EK15&gt;100),"A",IF(AND('Cambios Auto'!EJ15&gt;0,'Indices Auto'!EK15&lt;100),"N",IF(AND('Cambios Auto'!EJ15&gt;0,'Indices Auto'!EK15&gt;100),"R","NULL"))))</f>
        <v>N</v>
      </c>
      <c r="EK15" s="2" t="str">
        <f>IF(AND('Cambios Auto'!EK15&lt;0,'Indices Auto'!EL15&lt;100),"V",IF(AND('Cambios Auto'!EK15&lt;0,'Indices Auto'!EL15&gt;100),"A",IF(AND('Cambios Auto'!EK15&gt;0,'Indices Auto'!EL15&lt;100),"N",IF(AND('Cambios Auto'!EK15&gt;0,'Indices Auto'!EL15&gt;100),"R","NULL"))))</f>
        <v>R</v>
      </c>
      <c r="EL15" s="2" t="str">
        <f>IF(AND('Cambios Auto'!EL15&lt;0,'Indices Auto'!EM15&lt;100),"V",IF(AND('Cambios Auto'!EL15&lt;0,'Indices Auto'!EM15&gt;100),"A",IF(AND('Cambios Auto'!EL15&gt;0,'Indices Auto'!EM15&lt;100),"N",IF(AND('Cambios Auto'!EL15&gt;0,'Indices Auto'!EM15&gt;100),"R","NULL"))))</f>
        <v>R</v>
      </c>
      <c r="EM15" s="2" t="str">
        <f>IF(AND('Cambios Auto'!EM15&lt;0,'Indices Auto'!EN15&lt;100),"V",IF(AND('Cambios Auto'!EM15&lt;0,'Indices Auto'!EN15&gt;100),"A",IF(AND('Cambios Auto'!EM15&gt;0,'Indices Auto'!EN15&lt;100),"N",IF(AND('Cambios Auto'!EM15&gt;0,'Indices Auto'!EN15&gt;100),"R","NULL"))))</f>
        <v>R</v>
      </c>
      <c r="EN15" s="2" t="str">
        <f>IF(AND('Cambios Auto'!EN15&lt;0,'Indices Auto'!EO15&lt;100),"V",IF(AND('Cambios Auto'!EN15&lt;0,'Indices Auto'!EO15&gt;100),"A",IF(AND('Cambios Auto'!EN15&gt;0,'Indices Auto'!EO15&lt;100),"N",IF(AND('Cambios Auto'!EN15&gt;0,'Indices Auto'!EO15&gt;100),"R","NULL"))))</f>
        <v>R</v>
      </c>
      <c r="EO15" s="2" t="str">
        <f>IF(AND('Cambios Auto'!EO15&lt;0,'Indices Auto'!EP15&lt;100),"V",IF(AND('Cambios Auto'!EO15&lt;0,'Indices Auto'!EP15&gt;100),"A",IF(AND('Cambios Auto'!EO15&gt;0,'Indices Auto'!EP15&lt;100),"N",IF(AND('Cambios Auto'!EO15&gt;0,'Indices Auto'!EP15&gt;100),"R","NULL"))))</f>
        <v>R</v>
      </c>
      <c r="EP15" s="2" t="str">
        <f>IF(AND('Cambios Auto'!EP15&lt;0,'Indices Auto'!EQ15&lt;100),"V",IF(AND('Cambios Auto'!EP15&lt;0,'Indices Auto'!EQ15&gt;100),"A",IF(AND('Cambios Auto'!EP15&gt;0,'Indices Auto'!EQ15&lt;100),"N",IF(AND('Cambios Auto'!EP15&gt;0,'Indices Auto'!EQ15&gt;100),"R","NULL"))))</f>
        <v>A</v>
      </c>
      <c r="EQ15" s="2" t="str">
        <f>IF(AND('Cambios Auto'!EQ15&lt;0,'Indices Auto'!ER15&lt;100),"V",IF(AND('Cambios Auto'!EQ15&lt;0,'Indices Auto'!ER15&gt;100),"A",IF(AND('Cambios Auto'!EQ15&gt;0,'Indices Auto'!ER15&lt;100),"N",IF(AND('Cambios Auto'!EQ15&gt;0,'Indices Auto'!ER15&gt;100),"R","NULL"))))</f>
        <v>A</v>
      </c>
      <c r="ER15" s="2" t="str">
        <f>IF(AND('Cambios Auto'!ER15&lt;0,'Indices Auto'!ES15&lt;100),"V",IF(AND('Cambios Auto'!ER15&lt;0,'Indices Auto'!ES15&gt;100),"A",IF(AND('Cambios Auto'!ER15&gt;0,'Indices Auto'!ES15&lt;100),"N",IF(AND('Cambios Auto'!ER15&gt;0,'Indices Auto'!ES15&gt;100),"R","NULL"))))</f>
        <v>A</v>
      </c>
      <c r="ES15" s="2" t="str">
        <f>IF(AND('Cambios Auto'!ES15&lt;0,'Indices Auto'!ET15&lt;100),"V",IF(AND('Cambios Auto'!ES15&lt;0,'Indices Auto'!ET15&gt;100),"A",IF(AND('Cambios Auto'!ES15&gt;0,'Indices Auto'!ET15&lt;100),"N",IF(AND('Cambios Auto'!ES15&gt;0,'Indices Auto'!ET15&gt;100),"R","NULL"))))</f>
        <v>R</v>
      </c>
      <c r="ET15" s="2" t="str">
        <f>IF(AND('Cambios Auto'!ET15&lt;0,'Indices Auto'!EU15&lt;100),"V",IF(AND('Cambios Auto'!ET15&lt;0,'Indices Auto'!EU15&gt;100),"A",IF(AND('Cambios Auto'!ET15&gt;0,'Indices Auto'!EU15&lt;100),"N",IF(AND('Cambios Auto'!ET15&gt;0,'Indices Auto'!EU15&gt;100),"R","NULL"))))</f>
        <v>R</v>
      </c>
      <c r="EU15" s="2" t="str">
        <f>IF(AND('Cambios Auto'!EU15&lt;0,'Indices Auto'!EV15&lt;100),"V",IF(AND('Cambios Auto'!EU15&lt;0,'Indices Auto'!EV15&gt;100),"A",IF(AND('Cambios Auto'!EU15&gt;0,'Indices Auto'!EV15&lt;100),"N",IF(AND('Cambios Auto'!EU15&gt;0,'Indices Auto'!EV15&gt;100),"R","NULL"))))</f>
        <v>A</v>
      </c>
      <c r="EV15" s="2" t="str">
        <f>IF(AND('Cambios Auto'!EV15&lt;0,'Indices Auto'!EW15&lt;100),"V",IF(AND('Cambios Auto'!EV15&lt;0,'Indices Auto'!EW15&gt;100),"A",IF(AND('Cambios Auto'!EV15&gt;0,'Indices Auto'!EW15&lt;100),"N",IF(AND('Cambios Auto'!EV15&gt;0,'Indices Auto'!EW15&gt;100),"R","NULL"))))</f>
        <v>A</v>
      </c>
      <c r="EW15" s="2" t="str">
        <f>IF(AND('Cambios Auto'!EW15&lt;0,'Indices Auto'!EX15&lt;100),"V",IF(AND('Cambios Auto'!EW15&lt;0,'Indices Auto'!EX15&gt;100),"A",IF(AND('Cambios Auto'!EW15&gt;0,'Indices Auto'!EX15&lt;100),"N",IF(AND('Cambios Auto'!EW15&gt;0,'Indices Auto'!EX15&gt;100),"R","NULL"))))</f>
        <v>A</v>
      </c>
      <c r="EX15" s="2" t="str">
        <f>IF(AND('Cambios Auto'!EX15&lt;0,'Indices Auto'!EY15&lt;100),"V",IF(AND('Cambios Auto'!EX15&lt;0,'Indices Auto'!EY15&gt;100),"A",IF(AND('Cambios Auto'!EX15&gt;0,'Indices Auto'!EY15&lt;100),"N",IF(AND('Cambios Auto'!EX15&gt;0,'Indices Auto'!EY15&gt;100),"R","NULL"))))</f>
        <v>V</v>
      </c>
      <c r="EY15" s="2" t="str">
        <f>IF(AND('Cambios Auto'!EY15&lt;0,'Indices Auto'!EZ15&lt;100),"V",IF(AND('Cambios Auto'!EY15&lt;0,'Indices Auto'!EZ15&gt;100),"A",IF(AND('Cambios Auto'!EY15&gt;0,'Indices Auto'!EZ15&lt;100),"N",IF(AND('Cambios Auto'!EY15&gt;0,'Indices Auto'!EZ15&gt;100),"R","NULL"))))</f>
        <v>V</v>
      </c>
      <c r="EZ15" s="2" t="str">
        <f>IF(AND('Cambios Auto'!EZ15&lt;0,'Indices Auto'!FA15&lt;100),"V",IF(AND('Cambios Auto'!EZ15&lt;0,'Indices Auto'!FA15&gt;100),"A",IF(AND('Cambios Auto'!EZ15&gt;0,'Indices Auto'!FA15&lt;100),"N",IF(AND('Cambios Auto'!EZ15&gt;0,'Indices Auto'!FA15&gt;100),"R","NULL"))))</f>
        <v>V</v>
      </c>
      <c r="FA15" s="2" t="str">
        <f>IF(AND('Cambios Auto'!FA15&lt;0,'Indices Auto'!FB15&lt;100),"V",IF(AND('Cambios Auto'!FA15&lt;0,'Indices Auto'!FB15&gt;100),"A",IF(AND('Cambios Auto'!FA15&gt;0,'Indices Auto'!FB15&lt;100),"N",IF(AND('Cambios Auto'!FA15&gt;0,'Indices Auto'!FB15&gt;100),"R","NULL"))))</f>
        <v>V</v>
      </c>
      <c r="FB15" s="2" t="str">
        <f>IF(AND('Cambios Auto'!FB15&lt;0,'Indices Auto'!FC15&lt;100),"V",IF(AND('Cambios Auto'!FB15&lt;0,'Indices Auto'!FC15&gt;100),"A",IF(AND('Cambios Auto'!FB15&gt;0,'Indices Auto'!FC15&lt;100),"N",IF(AND('Cambios Auto'!FB15&gt;0,'Indices Auto'!FC15&gt;100),"R","NULL"))))</f>
        <v>V</v>
      </c>
      <c r="FC15" s="2" t="str">
        <f>IF(AND('Cambios Auto'!FC15&lt;0,'Indices Auto'!FD15&lt;100),"V",IF(AND('Cambios Auto'!FC15&lt;0,'Indices Auto'!FD15&gt;100),"A",IF(AND('Cambios Auto'!FC15&gt;0,'Indices Auto'!FD15&lt;100),"N",IF(AND('Cambios Auto'!FC15&gt;0,'Indices Auto'!FD15&gt;100),"R","NULL"))))</f>
        <v>V</v>
      </c>
      <c r="FD15" s="2" t="str">
        <f>IF(AND('Cambios Auto'!FD15&lt;0,'Indices Auto'!FE15&lt;100),"V",IF(AND('Cambios Auto'!FD15&lt;0,'Indices Auto'!FE15&gt;100),"A",IF(AND('Cambios Auto'!FD15&gt;0,'Indices Auto'!FE15&lt;100),"N",IF(AND('Cambios Auto'!FD15&gt;0,'Indices Auto'!FE15&gt;100),"R","NULL"))))</f>
        <v>V</v>
      </c>
      <c r="FE15" s="2" t="str">
        <f>IF(AND('Cambios Auto'!FE15&lt;0,'Indices Auto'!FF15&lt;100),"V",IF(AND('Cambios Auto'!FE15&lt;0,'Indices Auto'!FF15&gt;100),"A",IF(AND('Cambios Auto'!FE15&gt;0,'Indices Auto'!FF15&lt;100),"N",IF(AND('Cambios Auto'!FE15&gt;0,'Indices Auto'!FF15&gt;100),"R","NULL"))))</f>
        <v>V</v>
      </c>
      <c r="FF15" s="2" t="str">
        <f>IF(AND('Cambios Auto'!FF15&lt;0,'Indices Auto'!FG15&lt;100),"V",IF(AND('Cambios Auto'!FF15&lt;0,'Indices Auto'!FG15&gt;100),"A",IF(AND('Cambios Auto'!FF15&gt;0,'Indices Auto'!FG15&lt;100),"N",IF(AND('Cambios Auto'!FF15&gt;0,'Indices Auto'!FG15&gt;100),"R","NULL"))))</f>
        <v>N</v>
      </c>
      <c r="FG15" s="2" t="str">
        <f>IF(AND('Cambios Auto'!FG15&lt;0,'Indices Auto'!FH15&lt;100),"V",IF(AND('Cambios Auto'!FG15&lt;0,'Indices Auto'!FH15&gt;100),"A",IF(AND('Cambios Auto'!FG15&gt;0,'Indices Auto'!FH15&lt;100),"N",IF(AND('Cambios Auto'!FG15&gt;0,'Indices Auto'!FH15&gt;100),"R","NULL"))))</f>
        <v>N</v>
      </c>
      <c r="FH15" s="2" t="str">
        <f>IF(AND('Cambios Auto'!FH15&lt;0,'Indices Auto'!FI15&lt;100),"V",IF(AND('Cambios Auto'!FH15&lt;0,'Indices Auto'!FI15&gt;100),"A",IF(AND('Cambios Auto'!FH15&gt;0,'Indices Auto'!FI15&lt;100),"N",IF(AND('Cambios Auto'!FH15&gt;0,'Indices Auto'!FI15&gt;100),"R","NULL"))))</f>
        <v>N</v>
      </c>
      <c r="FI15" s="2" t="str">
        <f>IF(AND('Cambios Auto'!FI15&lt;0,'Indices Auto'!FJ15&lt;100),"V",IF(AND('Cambios Auto'!FI15&lt;0,'Indices Auto'!FJ15&gt;100),"A",IF(AND('Cambios Auto'!FI15&gt;0,'Indices Auto'!FJ15&lt;100),"N",IF(AND('Cambios Auto'!FI15&gt;0,'Indices Auto'!FJ15&gt;100),"R","NULL"))))</f>
        <v>N</v>
      </c>
      <c r="FJ15" s="2" t="str">
        <f>IF(AND('Cambios Auto'!FJ15&lt;0,'Indices Auto'!FK15&lt;100),"V",IF(AND('Cambios Auto'!FJ15&lt;0,'Indices Auto'!FK15&gt;100),"A",IF(AND('Cambios Auto'!FJ15&gt;0,'Indices Auto'!FK15&lt;100),"N",IF(AND('Cambios Auto'!FJ15&gt;0,'Indices Auto'!FK15&gt;100),"R","NULL"))))</f>
        <v>N</v>
      </c>
      <c r="FK15" s="2" t="str">
        <f>IF(AND('Cambios Auto'!FK15&lt;0,'Indices Auto'!FL15&lt;100),"V",IF(AND('Cambios Auto'!FK15&lt;0,'Indices Auto'!FL15&gt;100),"A",IF(AND('Cambios Auto'!FK15&gt;0,'Indices Auto'!FL15&lt;100),"N",IF(AND('Cambios Auto'!FK15&gt;0,'Indices Auto'!FL15&gt;100),"R","NULL"))))</f>
        <v>V</v>
      </c>
      <c r="FL15" s="2" t="str">
        <f>IF(AND('Cambios Auto'!FL15&lt;0,'Indices Auto'!FM15&lt;100),"V",IF(AND('Cambios Auto'!FL15&lt;0,'Indices Auto'!FM15&gt;100),"A",IF(AND('Cambios Auto'!FL15&gt;0,'Indices Auto'!FM15&lt;100),"N",IF(AND('Cambios Auto'!FL15&gt;0,'Indices Auto'!FM15&gt;100),"R","NULL"))))</f>
        <v>V</v>
      </c>
      <c r="FM15" s="2" t="str">
        <f>IF(AND('Cambios Auto'!FM15&lt;0,'Indices Auto'!FN15&lt;100),"V",IF(AND('Cambios Auto'!FM15&lt;0,'Indices Auto'!FN15&gt;100),"A",IF(AND('Cambios Auto'!FM15&gt;0,'Indices Auto'!FN15&lt;100),"N",IF(AND('Cambios Auto'!FM15&gt;0,'Indices Auto'!FN15&gt;100),"R","NULL"))))</f>
        <v>V</v>
      </c>
      <c r="FN15" s="2" t="str">
        <f>IF(AND('Cambios Auto'!FN15&lt;0,'Indices Auto'!FO15&lt;100),"V",IF(AND('Cambios Auto'!FN15&lt;0,'Indices Auto'!FO15&gt;100),"A",IF(AND('Cambios Auto'!FN15&gt;0,'Indices Auto'!FO15&lt;100),"N",IF(AND('Cambios Auto'!FN15&gt;0,'Indices Auto'!FO15&gt;100),"R","NULL"))))</f>
        <v>V</v>
      </c>
      <c r="FO15" s="2" t="str">
        <f>IF(AND('Cambios Auto'!FO15&lt;0,'Indices Auto'!FP15&lt;100),"V",IF(AND('Cambios Auto'!FO15&lt;0,'Indices Auto'!FP15&gt;100),"A",IF(AND('Cambios Auto'!FO15&gt;0,'Indices Auto'!FP15&lt;100),"N",IF(AND('Cambios Auto'!FO15&gt;0,'Indices Auto'!FP15&gt;100),"R","NULL"))))</f>
        <v>V</v>
      </c>
      <c r="FP15" s="2" t="str">
        <f>IF(AND('Cambios Auto'!FP15&lt;0,'Indices Auto'!FQ15&lt;100),"V",IF(AND('Cambios Auto'!FP15&lt;0,'Indices Auto'!FQ15&gt;100),"A",IF(AND('Cambios Auto'!FP15&gt;0,'Indices Auto'!FQ15&lt;100),"N",IF(AND('Cambios Auto'!FP15&gt;0,'Indices Auto'!FQ15&gt;100),"R","NULL"))))</f>
        <v>V</v>
      </c>
      <c r="FQ15" s="2" t="str">
        <f>IF(AND('Cambios Auto'!FQ15&lt;0,'Indices Auto'!FR15&lt;100),"V",IF(AND('Cambios Auto'!FQ15&lt;0,'Indices Auto'!FR15&gt;100),"A",IF(AND('Cambios Auto'!FQ15&gt;0,'Indices Auto'!FR15&lt;100),"N",IF(AND('Cambios Auto'!FQ15&gt;0,'Indices Auto'!FR15&gt;100),"R","NULL"))))</f>
        <v>V</v>
      </c>
      <c r="FR15" s="2" t="str">
        <f>IF(AND('Cambios Auto'!FR15&lt;0,'Indices Auto'!FS15&lt;100),"V",IF(AND('Cambios Auto'!FR15&lt;0,'Indices Auto'!FS15&gt;100),"A",IF(AND('Cambios Auto'!FR15&gt;0,'Indices Auto'!FS15&lt;100),"N",IF(AND('Cambios Auto'!FR15&gt;0,'Indices Auto'!FS15&gt;100),"R","NULL"))))</f>
        <v>V</v>
      </c>
      <c r="FS15" s="2" t="str">
        <f>IF(AND('Cambios Auto'!FS15&lt;0,'Indices Auto'!FT15&lt;100),"V",IF(AND('Cambios Auto'!FS15&lt;0,'Indices Auto'!FT15&gt;100),"A",IF(AND('Cambios Auto'!FS15&gt;0,'Indices Auto'!FT15&lt;100),"N",IF(AND('Cambios Auto'!FS15&gt;0,'Indices Auto'!FT15&gt;100),"R","NULL"))))</f>
        <v>V</v>
      </c>
      <c r="FT15" s="2" t="str">
        <f>IF(AND('Cambios Auto'!FT15&lt;0,'Indices Auto'!FU15&lt;100),"V",IF(AND('Cambios Auto'!FT15&lt;0,'Indices Auto'!FU15&gt;100),"A",IF(AND('Cambios Auto'!FT15&gt;0,'Indices Auto'!FU15&lt;100),"N",IF(AND('Cambios Auto'!FT15&gt;0,'Indices Auto'!FU15&gt;100),"R","NULL"))))</f>
        <v>V</v>
      </c>
      <c r="FU15" s="2" t="str">
        <f>IF(AND('Cambios Auto'!FU15&lt;0,'Indices Auto'!FV15&lt;100),"V",IF(AND('Cambios Auto'!FU15&lt;0,'Indices Auto'!FV15&gt;100),"A",IF(AND('Cambios Auto'!FU15&gt;0,'Indices Auto'!FV15&lt;100),"N",IF(AND('Cambios Auto'!FU15&gt;0,'Indices Auto'!FV15&gt;100),"R","NULL"))))</f>
        <v>N</v>
      </c>
      <c r="FV15" s="2" t="str">
        <f>IF(AND('Cambios Auto'!FV15&lt;0,'Indices Auto'!FW15&lt;100),"V",IF(AND('Cambios Auto'!FV15&lt;0,'Indices Auto'!FW15&gt;100),"A",IF(AND('Cambios Auto'!FV15&gt;0,'Indices Auto'!FW15&lt;100),"N",IF(AND('Cambios Auto'!FV15&gt;0,'Indices Auto'!FW15&gt;100),"R","NULL"))))</f>
        <v>N</v>
      </c>
      <c r="FW15" s="2" t="str">
        <f>IF(AND('Cambios Auto'!FW15&lt;0,'Indices Auto'!FX15&lt;100),"V",IF(AND('Cambios Auto'!FW15&lt;0,'Indices Auto'!FX15&gt;100),"A",IF(AND('Cambios Auto'!FW15&gt;0,'Indices Auto'!FX15&lt;100),"N",IF(AND('Cambios Auto'!FW15&gt;0,'Indices Auto'!FX15&gt;100),"R","NULL"))))</f>
        <v>N</v>
      </c>
      <c r="FX15" s="2" t="str">
        <f>IF(AND('Cambios Auto'!FX15&lt;0,'Indices Auto'!FY15&lt;100),"V",IF(AND('Cambios Auto'!FX15&lt;0,'Indices Auto'!FY15&gt;100),"A",IF(AND('Cambios Auto'!FX15&gt;0,'Indices Auto'!FY15&lt;100),"N",IF(AND('Cambios Auto'!FX15&gt;0,'Indices Auto'!FY15&gt;100),"R","NULL"))))</f>
        <v>N</v>
      </c>
      <c r="FY15" s="2" t="str">
        <f>IF(AND('Cambios Auto'!FY15&lt;0,'Indices Auto'!FZ15&lt;100),"V",IF(AND('Cambios Auto'!FY15&lt;0,'Indices Auto'!FZ15&gt;100),"A",IF(AND('Cambios Auto'!FY15&gt;0,'Indices Auto'!FZ15&lt;100),"N",IF(AND('Cambios Auto'!FY15&gt;0,'Indices Auto'!FZ15&gt;100),"R","NULL"))))</f>
        <v>N</v>
      </c>
      <c r="FZ15" s="2" t="str">
        <f>IF(AND('Cambios Auto'!FZ15&lt;0,'Indices Auto'!GA15&lt;100),"V",IF(AND('Cambios Auto'!FZ15&lt;0,'Indices Auto'!GA15&gt;100),"A",IF(AND('Cambios Auto'!FZ15&gt;0,'Indices Auto'!GA15&lt;100),"N",IF(AND('Cambios Auto'!FZ15&gt;0,'Indices Auto'!GA15&gt;100),"R","NULL"))))</f>
        <v>N</v>
      </c>
      <c r="GA15" s="2" t="str">
        <f>IF(AND('Cambios Auto'!GA15&lt;0,'Indices Auto'!GB15&lt;100),"V",IF(AND('Cambios Auto'!GA15&lt;0,'Indices Auto'!GB15&gt;100),"A",IF(AND('Cambios Auto'!GA15&gt;0,'Indices Auto'!GB15&lt;100),"N",IF(AND('Cambios Auto'!GA15&gt;0,'Indices Auto'!GB15&gt;100),"R","NULL"))))</f>
        <v>N</v>
      </c>
      <c r="GB15" s="2" t="str">
        <f>IF(AND('Cambios Auto'!GB15&lt;0,'Indices Auto'!GC15&lt;100),"V",IF(AND('Cambios Auto'!GB15&lt;0,'Indices Auto'!GC15&gt;100),"A",IF(AND('Cambios Auto'!GB15&gt;0,'Indices Auto'!GC15&lt;100),"N",IF(AND('Cambios Auto'!GB15&gt;0,'Indices Auto'!GC15&gt;100),"R","NULL"))))</f>
        <v>R</v>
      </c>
      <c r="GC15" s="2" t="str">
        <f>IF(AND('Cambios Auto'!GC15&lt;0,'Indices Auto'!GD15&lt;100),"V",IF(AND('Cambios Auto'!GC15&lt;0,'Indices Auto'!GD15&gt;100),"A",IF(AND('Cambios Auto'!GC15&gt;0,'Indices Auto'!GD15&lt;100),"N",IF(AND('Cambios Auto'!GC15&gt;0,'Indices Auto'!GD15&gt;100),"R","NULL"))))</f>
        <v>R</v>
      </c>
      <c r="GD15" s="2" t="str">
        <f>IF(AND('Cambios Auto'!GD15&lt;0,'Indices Auto'!GE15&lt;100),"V",IF(AND('Cambios Auto'!GD15&lt;0,'Indices Auto'!GE15&gt;100),"A",IF(AND('Cambios Auto'!GD15&gt;0,'Indices Auto'!GE15&lt;100),"N",IF(AND('Cambios Auto'!GD15&gt;0,'Indices Auto'!GE15&gt;100),"R","NULL"))))</f>
        <v>R</v>
      </c>
      <c r="GE15" s="2" t="str">
        <f>IF(AND('Cambios Auto'!GE15&lt;0,'Indices Auto'!GF15&lt;100),"V",IF(AND('Cambios Auto'!GE15&lt;0,'Indices Auto'!GF15&gt;100),"A",IF(AND('Cambios Auto'!GE15&gt;0,'Indices Auto'!GF15&lt;100),"N",IF(AND('Cambios Auto'!GE15&gt;0,'Indices Auto'!GF15&gt;100),"R","NULL"))))</f>
        <v>R</v>
      </c>
      <c r="GF15" s="2" t="str">
        <f>IF(AND('Cambios Auto'!GF15&lt;0,'Indices Auto'!GG15&lt;100),"V",IF(AND('Cambios Auto'!GF15&lt;0,'Indices Auto'!GG15&gt;100),"A",IF(AND('Cambios Auto'!GF15&gt;0,'Indices Auto'!GG15&lt;100),"N",IF(AND('Cambios Auto'!GF15&gt;0,'Indices Auto'!GG15&gt;100),"R","NULL"))))</f>
        <v>R</v>
      </c>
      <c r="GG15" s="2" t="str">
        <f>IF(AND('Cambios Auto'!GG15&lt;0,'Indices Auto'!GH15&lt;100),"V",IF(AND('Cambios Auto'!GG15&lt;0,'Indices Auto'!GH15&gt;100),"A",IF(AND('Cambios Auto'!GG15&gt;0,'Indices Auto'!GH15&lt;100),"N",IF(AND('Cambios Auto'!GG15&gt;0,'Indices Auto'!GH15&gt;100),"R","NULL"))))</f>
        <v>R</v>
      </c>
      <c r="GH15" s="2" t="str">
        <f>IF(AND('Cambios Auto'!GH15&lt;0,'Indices Auto'!GR15&lt;100),"V",IF(AND('Cambios Auto'!GH15&lt;0,'Indices Auto'!GR15&gt;100),"A",IF(AND('Cambios Auto'!GH15&gt;0,'Indices Auto'!GR15&lt;100),"N",IF(AND('Cambios Auto'!GH15&gt;0,'Indices Auto'!GR15&gt;100),"R","NULL"))))</f>
        <v>R</v>
      </c>
      <c r="GI15" s="2" t="str">
        <f>IF(AND('Cambios Auto'!GI15&lt;0,'Indices Auto'!GS15&lt;100),"V",IF(AND('Cambios Auto'!GI15&lt;0,'Indices Auto'!GS15&gt;100),"A",IF(AND('Cambios Auto'!GI15&gt;0,'Indices Auto'!GS15&lt;100),"N",IF(AND('Cambios Auto'!GI15&gt;0,'Indices Auto'!GS15&gt;100),"R","NULL"))))</f>
        <v>R</v>
      </c>
      <c r="GJ15" s="2" t="str">
        <f>IF(AND('Cambios Auto'!GJ15&lt;0,'Indices Auto'!GT15&lt;100),"V",IF(AND('Cambios Auto'!GJ15&lt;0,'Indices Auto'!GT15&gt;100),"A",IF(AND('Cambios Auto'!GJ15&gt;0,'Indices Auto'!GT15&lt;100),"N",IF(AND('Cambios Auto'!GJ15&gt;0,'Indices Auto'!GT15&gt;100),"R","NULL"))))</f>
        <v>R</v>
      </c>
      <c r="GK15" s="2" t="str">
        <f>IF(AND('Cambios Auto'!GK15&lt;0,'Indices Auto'!GU15&lt;100),"V",IF(AND('Cambios Auto'!GK15&lt;0,'Indices Auto'!GU15&gt;100),"A",IF(AND('Cambios Auto'!GK15&gt;0,'Indices Auto'!GU15&lt;100),"N",IF(AND('Cambios Auto'!GK15&gt;0,'Indices Auto'!GU15&gt;100),"R","NULL"))))</f>
        <v>R</v>
      </c>
      <c r="GL15" s="2" t="str">
        <f>IF(AND('Cambios Auto'!GL15&lt;0,'Indices Auto'!GV15&lt;100),"V",IF(AND('Cambios Auto'!GL15&lt;0,'Indices Auto'!GV15&gt;100),"A",IF(AND('Cambios Auto'!GL15&gt;0,'Indices Auto'!GV15&lt;100),"N",IF(AND('Cambios Auto'!GL15&gt;0,'Indices Auto'!GV15&gt;100),"R","NULL"))))</f>
        <v>N</v>
      </c>
      <c r="GM15" s="2" t="str">
        <f>IF(AND('Cambios Auto'!GM15&lt;0,'Indices Auto'!GW15&lt;100),"V",IF(AND('Cambios Auto'!GM15&lt;0,'Indices Auto'!GW15&gt;100),"A",IF(AND('Cambios Auto'!GM15&gt;0,'Indices Auto'!GW15&lt;100),"N",IF(AND('Cambios Auto'!GM15&gt;0,'Indices Auto'!GW15&gt;100),"R","NULL"))))</f>
        <v>N</v>
      </c>
      <c r="GN15" s="2" t="str">
        <f>IF(AND('Cambios Auto'!GN15&lt;0,'Indices Auto'!GX15&lt;100),"V",IF(AND('Cambios Auto'!GN15&lt;0,'Indices Auto'!GX15&gt;100),"A",IF(AND('Cambios Auto'!GN15&gt;0,'Indices Auto'!GX15&lt;100),"N",IF(AND('Cambios Auto'!GN15&gt;0,'Indices Auto'!GX15&gt;100),"R","NULL"))))</f>
        <v>N</v>
      </c>
      <c r="GO15" s="2" t="str">
        <f>IF(AND('Cambios Auto'!GO15&lt;0,'Indices Auto'!GY15&lt;100),"V",IF(AND('Cambios Auto'!GO15&lt;0,'Indices Auto'!GY15&gt;100),"A",IF(AND('Cambios Auto'!GO15&gt;0,'Indices Auto'!GY15&lt;100),"N",IF(AND('Cambios Auto'!GO15&gt;0,'Indices Auto'!GY15&gt;100),"R","NULL"))))</f>
        <v>N</v>
      </c>
      <c r="GP15" s="2" t="str">
        <f>IF(AND('Cambios Auto'!GP15&lt;0,'Indices Auto'!GZ15&lt;100),"V",IF(AND('Cambios Auto'!GP15&lt;0,'Indices Auto'!GZ15&gt;100),"A",IF(AND('Cambios Auto'!GP15&gt;0,'Indices Auto'!GZ15&lt;100),"N",IF(AND('Cambios Auto'!GP15&gt;0,'Indices Auto'!GZ15&gt;100),"R","NULL"))))</f>
        <v>N</v>
      </c>
      <c r="GQ15" s="2" t="str">
        <f>IF(AND('Cambios Auto'!GQ15&lt;0,'Indices Auto'!HA15&lt;100),"V",IF(AND('Cambios Auto'!GQ15&lt;0,'Indices Auto'!HA15&gt;100),"A",IF(AND('Cambios Auto'!GQ15&gt;0,'Indices Auto'!HA15&lt;100),"N",IF(AND('Cambios Auto'!GQ15&gt;0,'Indices Auto'!HA15&gt;100),"R","NULL"))))</f>
        <v>NULL</v>
      </c>
      <c r="GR15" s="2" t="str">
        <f>IF(AND('Cambios Auto'!GR15&lt;0,'Indices Auto'!HB15&lt;100),"V",IF(AND('Cambios Auto'!GR15&lt;0,'Indices Auto'!HB15&gt;100),"A",IF(AND('Cambios Auto'!GR15&gt;0,'Indices Auto'!HB15&lt;100),"N",IF(AND('Cambios Auto'!GR15&gt;0,'Indices Auto'!HB15&gt;100),"R","NULL"))))</f>
        <v>NULL</v>
      </c>
      <c r="GS15" s="2" t="str">
        <f>IF(AND('Cambios Auto'!GS15&lt;0,'Indices Auto'!HC15&lt;100),"V",IF(AND('Cambios Auto'!GS15&lt;0,'Indices Auto'!HC15&gt;100),"A",IF(AND('Cambios Auto'!GS15&gt;0,'Indices Auto'!HC15&lt;100),"N",IF(AND('Cambios Auto'!GS15&gt;0,'Indices Auto'!HC15&gt;100),"R","NULL"))))</f>
        <v>NULL</v>
      </c>
      <c r="GT15" s="2" t="str">
        <f>IF(AND('Cambios Auto'!GT15&lt;0,'Indices Auto'!HD15&lt;100),"V",IF(AND('Cambios Auto'!GT15&lt;0,'Indices Auto'!HD15&gt;100),"A",IF(AND('Cambios Auto'!GT15&gt;0,'Indices Auto'!HD15&lt;100),"N",IF(AND('Cambios Auto'!GT15&gt;0,'Indices Auto'!HD15&gt;100),"R","NULL"))))</f>
        <v>NULL</v>
      </c>
      <c r="GU15" s="2" t="str">
        <f>IF(AND('Cambios Auto'!GU15&lt;0,'Indices Auto'!HE15&lt;100),"V",IF(AND('Cambios Auto'!GU15&lt;0,'Indices Auto'!HE15&gt;100),"A",IF(AND('Cambios Auto'!GU15&gt;0,'Indices Auto'!HE15&lt;100),"N",IF(AND('Cambios Auto'!GU15&gt;0,'Indices Auto'!HE15&gt;100),"R","NULL"))))</f>
        <v>NULL</v>
      </c>
      <c r="GV15" s="2" t="str">
        <f>IF(AND('Cambios Auto'!GV15&lt;0,'Indices Auto'!HF15&lt;100),"V",IF(AND('Cambios Auto'!GV15&lt;0,'Indices Auto'!HF15&gt;100),"A",IF(AND('Cambios Auto'!GV15&gt;0,'Indices Auto'!HF15&lt;100),"N",IF(AND('Cambios Auto'!GV15&gt;0,'Indices Auto'!HF15&gt;100),"R","NULL"))))</f>
        <v>NULL</v>
      </c>
      <c r="GW15" s="2" t="str">
        <f>IF(AND('Cambios Auto'!GW15&lt;0,'Indices Auto'!HG15&lt;100),"V",IF(AND('Cambios Auto'!GW15&lt;0,'Indices Auto'!HG15&gt;100),"A",IF(AND('Cambios Auto'!GW15&gt;0,'Indices Auto'!HG15&lt;100),"N",IF(AND('Cambios Auto'!GW15&gt;0,'Indices Auto'!HG15&gt;100),"R","NULL"))))</f>
        <v>NULL</v>
      </c>
      <c r="GX15" s="2" t="str">
        <f>IF(AND('Cambios Auto'!GX15&lt;0,'Indices Auto'!HH15&lt;100),"V",IF(AND('Cambios Auto'!GX15&lt;0,'Indices Auto'!HH15&gt;100),"A",IF(AND('Cambios Auto'!GX15&gt;0,'Indices Auto'!HH15&lt;100),"N",IF(AND('Cambios Auto'!GX15&gt;0,'Indices Auto'!HH15&gt;100),"R","NULL"))))</f>
        <v>NULL</v>
      </c>
      <c r="GY15" s="2" t="str">
        <f>IF(AND('Cambios Auto'!GY15&lt;0,'Indices Auto'!HI15&lt;100),"V",IF(AND('Cambios Auto'!GY15&lt;0,'Indices Auto'!HI15&gt;100),"A",IF(AND('Cambios Auto'!GY15&gt;0,'Indices Auto'!HI15&lt;100),"N",IF(AND('Cambios Auto'!GY15&gt;0,'Indices Auto'!HI15&gt;100),"R","NULL"))))</f>
        <v>NULL</v>
      </c>
      <c r="GZ15" s="2" t="str">
        <f>IF(AND('Cambios Auto'!GZ15&lt;0,'Indices Auto'!HJ15&lt;100),"V",IF(AND('Cambios Auto'!GZ15&lt;0,'Indices Auto'!HJ15&gt;100),"A",IF(AND('Cambios Auto'!GZ15&gt;0,'Indices Auto'!HJ15&lt;100),"N",IF(AND('Cambios Auto'!GZ15&gt;0,'Indices Auto'!HJ15&gt;100),"R","NULL"))))</f>
        <v>NULL</v>
      </c>
      <c r="HA15" s="2" t="str">
        <f>IF(AND('Cambios Auto'!HA15&lt;0,'Indices Auto'!HK15&lt;100),"V",IF(AND('Cambios Auto'!HA15&lt;0,'Indices Auto'!HK15&gt;100),"A",IF(AND('Cambios Auto'!HA15&gt;0,'Indices Auto'!HK15&lt;100),"N",IF(AND('Cambios Auto'!HA15&gt;0,'Indices Auto'!HK15&gt;100),"R","NULL"))))</f>
        <v>NULL</v>
      </c>
      <c r="HB15" s="2" t="str">
        <f>IF(AND('Cambios Auto'!HB15&lt;0,'Indices Auto'!HL15&lt;100),"V",IF(AND('Cambios Auto'!HB15&lt;0,'Indices Auto'!HL15&gt;100),"A",IF(AND('Cambios Auto'!HB15&gt;0,'Indices Auto'!HL15&lt;100),"N",IF(AND('Cambios Auto'!HB15&gt;0,'Indices Auto'!HL15&gt;100),"R","NULL"))))</f>
        <v>NULL</v>
      </c>
      <c r="HC15" s="2" t="str">
        <f>IF(AND('Cambios Auto'!HC15&lt;0,'Indices Auto'!HM15&lt;100),"V",IF(AND('Cambios Auto'!HC15&lt;0,'Indices Auto'!HM15&gt;100),"A",IF(AND('Cambios Auto'!HC15&gt;0,'Indices Auto'!HM15&lt;100),"N",IF(AND('Cambios Auto'!HC15&gt;0,'Indices Auto'!HM15&gt;100),"R","NULL"))))</f>
        <v>NULL</v>
      </c>
      <c r="HD15" s="2" t="str">
        <f>IF(AND('Cambios Auto'!HD15&lt;0,'Indices Auto'!HN15&lt;100),"V",IF(AND('Cambios Auto'!HD15&lt;0,'Indices Auto'!HN15&gt;100),"A",IF(AND('Cambios Auto'!HD15&gt;0,'Indices Auto'!HN15&lt;100),"N",IF(AND('Cambios Auto'!HD15&gt;0,'Indices Auto'!HN15&gt;100),"R","NULL"))))</f>
        <v>NULL</v>
      </c>
      <c r="HE15" s="2" t="str">
        <f>IF(AND('Cambios Auto'!HE15&lt;0,'Indices Auto'!HO15&lt;100),"V",IF(AND('Cambios Auto'!HE15&lt;0,'Indices Auto'!HO15&gt;100),"A",IF(AND('Cambios Auto'!HE15&gt;0,'Indices Auto'!HO15&lt;100),"N",IF(AND('Cambios Auto'!HE15&gt;0,'Indices Auto'!HO15&gt;100),"R","NULL"))))</f>
        <v>NULL</v>
      </c>
      <c r="HF15" s="2" t="str">
        <f>IF(AND('Cambios Auto'!HF15&lt;0,'Indices Auto'!HP15&lt;100),"V",IF(AND('Cambios Auto'!HF15&lt;0,'Indices Auto'!HP15&gt;100),"A",IF(AND('Cambios Auto'!HF15&gt;0,'Indices Auto'!HP15&lt;100),"N",IF(AND('Cambios Auto'!HF15&gt;0,'Indices Auto'!HP15&gt;100),"R","NULL"))))</f>
        <v>NULL</v>
      </c>
      <c r="HG15" s="2" t="str">
        <f>IF(AND('Cambios Auto'!HG15&lt;0,'Indices Auto'!HQ15&lt;100),"V",IF(AND('Cambios Auto'!HG15&lt;0,'Indices Auto'!HQ15&gt;100),"A",IF(AND('Cambios Auto'!HG15&gt;0,'Indices Auto'!HQ15&lt;100),"N",IF(AND('Cambios Auto'!HG15&gt;0,'Indices Auto'!HQ15&gt;100),"R","NULL"))))</f>
        <v>NULL</v>
      </c>
      <c r="HH15" s="2" t="str">
        <f>IF(AND('Cambios Auto'!HH15&lt;0,'Indices Auto'!HR15&lt;100),"V",IF(AND('Cambios Auto'!HH15&lt;0,'Indices Auto'!HR15&gt;100),"A",IF(AND('Cambios Auto'!HH15&gt;0,'Indices Auto'!HR15&lt;100),"N",IF(AND('Cambios Auto'!HH15&gt;0,'Indices Auto'!HR15&gt;100),"R","NULL"))))</f>
        <v>NULL</v>
      </c>
      <c r="HI15" s="2" t="str">
        <f>IF(AND('Cambios Auto'!HI15&lt;0,'Indices Auto'!HS15&lt;100),"V",IF(AND('Cambios Auto'!HI15&lt;0,'Indices Auto'!HS15&gt;100),"A",IF(AND('Cambios Auto'!HI15&gt;0,'Indices Auto'!HS15&lt;100),"N",IF(AND('Cambios Auto'!HI15&gt;0,'Indices Auto'!HS15&gt;100),"R","NULL"))))</f>
        <v>NULL</v>
      </c>
      <c r="HJ15" s="2" t="str">
        <f>IF(AND('Cambios Auto'!HJ15&lt;0,'Indices Auto'!HT15&lt;100),"V",IF(AND('Cambios Auto'!HJ15&lt;0,'Indices Auto'!HT15&gt;100),"A",IF(AND('Cambios Auto'!HJ15&gt;0,'Indices Auto'!HT15&lt;100),"N",IF(AND('Cambios Auto'!HJ15&gt;0,'Indices Auto'!HT15&gt;100),"R","NULL"))))</f>
        <v>NULL</v>
      </c>
      <c r="HK15" s="2" t="str">
        <f>IF(AND('Cambios Auto'!HK15&lt;0,'Indices Auto'!HU15&lt;100),"V",IF(AND('Cambios Auto'!HK15&lt;0,'Indices Auto'!HU15&gt;100),"A",IF(AND('Cambios Auto'!HK15&gt;0,'Indices Auto'!HU15&lt;100),"N",IF(AND('Cambios Auto'!HK15&gt;0,'Indices Auto'!HU15&gt;100),"R","NULL"))))</f>
        <v>NULL</v>
      </c>
      <c r="HL15" s="2" t="str">
        <f>IF(AND('Cambios Auto'!HL15&lt;0,'Indices Auto'!HV15&lt;100),"V",IF(AND('Cambios Auto'!HL15&lt;0,'Indices Auto'!HV15&gt;100),"A",IF(AND('Cambios Auto'!HL15&gt;0,'Indices Auto'!HV15&lt;100),"N",IF(AND('Cambios Auto'!HL15&gt;0,'Indices Auto'!HV15&gt;100),"R","NULL"))))</f>
        <v>NULL</v>
      </c>
      <c r="HM15" s="2" t="str">
        <f>IF(AND('Cambios Auto'!HM15&lt;0,'Indices Auto'!HW15&lt;100),"V",IF(AND('Cambios Auto'!HM15&lt;0,'Indices Auto'!HW15&gt;100),"A",IF(AND('Cambios Auto'!HM15&gt;0,'Indices Auto'!HW15&lt;100),"N",IF(AND('Cambios Auto'!HM15&gt;0,'Indices Auto'!HW15&gt;100),"R","NULL"))))</f>
        <v>NULL</v>
      </c>
      <c r="HN15" s="2" t="str">
        <f>IF(AND('Cambios Auto'!HN15&lt;0,'Indices Auto'!HX15&lt;100),"V",IF(AND('Cambios Auto'!HN15&lt;0,'Indices Auto'!HX15&gt;100),"A",IF(AND('Cambios Auto'!HN15&gt;0,'Indices Auto'!HX15&lt;100),"N",IF(AND('Cambios Auto'!HN15&gt;0,'Indices Auto'!HX15&gt;100),"R","NULL"))))</f>
        <v>NULL</v>
      </c>
      <c r="HO15" s="2" t="str">
        <f>IF(AND('Cambios Auto'!HO15&lt;0,'Indices Auto'!HY15&lt;100),"V",IF(AND('Cambios Auto'!HO15&lt;0,'Indices Auto'!HY15&gt;100),"A",IF(AND('Cambios Auto'!HO15&gt;0,'Indices Auto'!HY15&lt;100),"N",IF(AND('Cambios Auto'!HO15&gt;0,'Indices Auto'!HY15&gt;100),"R","NULL"))))</f>
        <v>NULL</v>
      </c>
      <c r="HP15" s="2" t="str">
        <f>IF(AND('Cambios Auto'!HP15&lt;0,'Indices Auto'!HZ15&lt;100),"V",IF(AND('Cambios Auto'!HP15&lt;0,'Indices Auto'!HZ15&gt;100),"A",IF(AND('Cambios Auto'!HP15&gt;0,'Indices Auto'!HZ15&lt;100),"N",IF(AND('Cambios Auto'!HP15&gt;0,'Indices Auto'!HZ15&gt;100),"R","NULL"))))</f>
        <v>NULL</v>
      </c>
      <c r="HQ15" s="2" t="str">
        <f>IF(AND('Cambios Auto'!HQ15&lt;0,'Indices Auto'!IA15&lt;100),"V",IF(AND('Cambios Auto'!HQ15&lt;0,'Indices Auto'!IA15&gt;100),"A",IF(AND('Cambios Auto'!HQ15&gt;0,'Indices Auto'!IA15&lt;100),"N",IF(AND('Cambios Auto'!HQ15&gt;0,'Indices Auto'!IA15&gt;100),"R","NULL"))))</f>
        <v>NULL</v>
      </c>
      <c r="HR15" s="2" t="str">
        <f>IF(AND('Cambios Auto'!HR15&lt;0,'Indices Auto'!IB15&lt;100),"V",IF(AND('Cambios Auto'!HR15&lt;0,'Indices Auto'!IB15&gt;100),"A",IF(AND('Cambios Auto'!HR15&gt;0,'Indices Auto'!IB15&lt;100),"N",IF(AND('Cambios Auto'!HR15&gt;0,'Indices Auto'!IB15&gt;100),"R","NULL"))))</f>
        <v>NULL</v>
      </c>
      <c r="HS15" s="2" t="str">
        <f>IF(AND('Cambios Auto'!HS15&lt;0,'Indices Auto'!IC15&lt;100),"V",IF(AND('Cambios Auto'!HS15&lt;0,'Indices Auto'!IC15&gt;100),"A",IF(AND('Cambios Auto'!HS15&gt;0,'Indices Auto'!IC15&lt;100),"N",IF(AND('Cambios Auto'!HS15&gt;0,'Indices Auto'!IC15&gt;100),"R","NULL"))))</f>
        <v>NULL</v>
      </c>
      <c r="HT15" s="2" t="str">
        <f>IF(AND('Cambios Auto'!HT15&lt;0,'Indices Auto'!ID15&lt;100),"V",IF(AND('Cambios Auto'!HT15&lt;0,'Indices Auto'!ID15&gt;100),"A",IF(AND('Cambios Auto'!HT15&gt;0,'Indices Auto'!ID15&lt;100),"N",IF(AND('Cambios Auto'!HT15&gt;0,'Indices Auto'!ID15&gt;100),"R","NULL"))))</f>
        <v>NULL</v>
      </c>
      <c r="HU15" s="2" t="str">
        <f>IF(AND('Cambios Auto'!HU15&lt;0,'Indices Auto'!IE15&lt;100),"V",IF(AND('Cambios Auto'!HU15&lt;0,'Indices Auto'!IE15&gt;100),"A",IF(AND('Cambios Auto'!HU15&gt;0,'Indices Auto'!IE15&lt;100),"N",IF(AND('Cambios Auto'!HU15&gt;0,'Indices Auto'!IE15&gt;100),"R","NULL"))))</f>
        <v>NULL</v>
      </c>
      <c r="HV15" s="2" t="str">
        <f>IF(AND('Cambios Auto'!HV15&lt;0,'Indices Auto'!IF15&lt;100),"V",IF(AND('Cambios Auto'!HV15&lt;0,'Indices Auto'!IF15&gt;100),"A",IF(AND('Cambios Auto'!HV15&gt;0,'Indices Auto'!IF15&lt;100),"N",IF(AND('Cambios Auto'!HV15&gt;0,'Indices Auto'!IF15&gt;100),"R","NULL"))))</f>
        <v>NULL</v>
      </c>
      <c r="HW15" s="2" t="str">
        <f>IF(AND('Cambios Auto'!HW15&lt;0,'Indices Auto'!IG15&lt;100),"V",IF(AND('Cambios Auto'!HW15&lt;0,'Indices Auto'!IG15&gt;100),"A",IF(AND('Cambios Auto'!HW15&gt;0,'Indices Auto'!IG15&lt;100),"N",IF(AND('Cambios Auto'!HW15&gt;0,'Indices Auto'!IG15&gt;100),"R","NULL"))))</f>
        <v>NULL</v>
      </c>
      <c r="HX15" s="2" t="str">
        <f>IF(AND('Cambios Auto'!HX15&lt;0,'Indices Auto'!IH15&lt;100),"V",IF(AND('Cambios Auto'!HX15&lt;0,'Indices Auto'!IH15&gt;100),"A",IF(AND('Cambios Auto'!HX15&gt;0,'Indices Auto'!IH15&lt;100),"N",IF(AND('Cambios Auto'!HX15&gt;0,'Indices Auto'!IH15&gt;100),"R","NULL"))))</f>
        <v>NULL</v>
      </c>
      <c r="HY15" s="2" t="str">
        <f>IF(AND('Cambios Auto'!HY15&lt;0,'Indices Auto'!II15&lt;100),"V",IF(AND('Cambios Auto'!HY15&lt;0,'Indices Auto'!II15&gt;100),"A",IF(AND('Cambios Auto'!HY15&gt;0,'Indices Auto'!II15&lt;100),"N",IF(AND('Cambios Auto'!HY15&gt;0,'Indices Auto'!II15&gt;100),"R","NULL"))))</f>
        <v>NULL</v>
      </c>
      <c r="HZ15" s="2" t="str">
        <f>IF(AND('Cambios Auto'!HZ15&lt;0,'Indices Auto'!IJ15&lt;100),"V",IF(AND('Cambios Auto'!HZ15&lt;0,'Indices Auto'!IJ15&gt;100),"A",IF(AND('Cambios Auto'!HZ15&gt;0,'Indices Auto'!IJ15&lt;100),"N",IF(AND('Cambios Auto'!HZ15&gt;0,'Indices Auto'!IJ15&gt;100),"R","NULL"))))</f>
        <v>NULL</v>
      </c>
      <c r="IA15" s="2" t="str">
        <f>IF(AND('Cambios Auto'!IA15&lt;0,'Indices Auto'!IK15&lt;100),"V",IF(AND('Cambios Auto'!IA15&lt;0,'Indices Auto'!IK15&gt;100),"A",IF(AND('Cambios Auto'!IA15&gt;0,'Indices Auto'!IK15&lt;100),"N",IF(AND('Cambios Auto'!IA15&gt;0,'Indices Auto'!IK15&gt;100),"R","NULL"))))</f>
        <v>NULL</v>
      </c>
      <c r="IB15" s="2" t="str">
        <f>IF(AND('Cambios Auto'!IB15&lt;0,'Indices Auto'!IL15&lt;100),"V",IF(AND('Cambios Auto'!IB15&lt;0,'Indices Auto'!IL15&gt;100),"A",IF(AND('Cambios Auto'!IB15&gt;0,'Indices Auto'!IL15&lt;100),"N",IF(AND('Cambios Auto'!IB15&gt;0,'Indices Auto'!IL15&gt;100),"R","NULL"))))</f>
        <v>NULL</v>
      </c>
      <c r="IC15" s="2" t="str">
        <f>IF(AND('Cambios Auto'!IC15&lt;0,'Indices Auto'!IM15&lt;100),"V",IF(AND('Cambios Auto'!IC15&lt;0,'Indices Auto'!IM15&gt;100),"A",IF(AND('Cambios Auto'!IC15&gt;0,'Indices Auto'!IM15&lt;100),"N",IF(AND('Cambios Auto'!IC15&gt;0,'Indices Auto'!IM15&gt;100),"R","NULL"))))</f>
        <v>NULL</v>
      </c>
      <c r="ID15" s="2" t="str">
        <f>IF(AND('Cambios Auto'!ID15&lt;0,'Indices Auto'!IN15&lt;100),"V",IF(AND('Cambios Auto'!ID15&lt;0,'Indices Auto'!IN15&gt;100),"A",IF(AND('Cambios Auto'!ID15&gt;0,'Indices Auto'!IN15&lt;100),"N",IF(AND('Cambios Auto'!ID15&gt;0,'Indices Auto'!IN15&gt;100),"R","NULL"))))</f>
        <v>NULL</v>
      </c>
      <c r="IE15" s="2" t="str">
        <f>IF(AND('Cambios Auto'!IE15&lt;0,'Indices Auto'!IO15&lt;100),"V",IF(AND('Cambios Auto'!IE15&lt;0,'Indices Auto'!IO15&gt;100),"A",IF(AND('Cambios Auto'!IE15&gt;0,'Indices Auto'!IO15&lt;100),"N",IF(AND('Cambios Auto'!IE15&gt;0,'Indices Auto'!IO15&gt;100),"R","NULL"))))</f>
        <v>NULL</v>
      </c>
      <c r="IF15" s="2" t="str">
        <f>IF(AND('Cambios Auto'!IF15&lt;0,'Indices Auto'!IP15&lt;100),"V",IF(AND('Cambios Auto'!IF15&lt;0,'Indices Auto'!IP15&gt;100),"A",IF(AND('Cambios Auto'!IF15&gt;0,'Indices Auto'!IP15&lt;100),"N",IF(AND('Cambios Auto'!IF15&gt;0,'Indices Auto'!IP15&gt;100),"R","NULL"))))</f>
        <v>NULL</v>
      </c>
      <c r="IG15" s="2" t="str">
        <f>IF(AND('Cambios Auto'!IG15&lt;0,'Indices Auto'!IQ15&lt;100),"V",IF(AND('Cambios Auto'!IG15&lt;0,'Indices Auto'!IQ15&gt;100),"A",IF(AND('Cambios Auto'!IG15&gt;0,'Indices Auto'!IQ15&lt;100),"N",IF(AND('Cambios Auto'!IG15&gt;0,'Indices Auto'!IQ15&gt;100),"R","NULL"))))</f>
        <v>NULL</v>
      </c>
      <c r="IH15" s="2" t="str">
        <f>IF(AND('Cambios Auto'!IH15&lt;0,'Indices Auto'!IR15&lt;100),"V",IF(AND('Cambios Auto'!IH15&lt;0,'Indices Auto'!IR15&gt;100),"A",IF(AND('Cambios Auto'!IH15&gt;0,'Indices Auto'!IR15&lt;100),"N",IF(AND('Cambios Auto'!IH15&gt;0,'Indices Auto'!IR15&gt;100),"R","NULL"))))</f>
        <v>NULL</v>
      </c>
      <c r="II15" s="2" t="str">
        <f>IF(AND('Cambios Auto'!II15&lt;0,'Indices Auto'!IS15&lt;100),"V",IF(AND('Cambios Auto'!II15&lt;0,'Indices Auto'!IS15&gt;100),"A",IF(AND('Cambios Auto'!II15&gt;0,'Indices Auto'!IS15&lt;100),"N",IF(AND('Cambios Auto'!II15&gt;0,'Indices Auto'!IS15&gt;100),"R","NULL"))))</f>
        <v>NULL</v>
      </c>
      <c r="IJ15" s="2" t="str">
        <f>IF(AND('Cambios Auto'!IJ15&lt;0,'Indices Auto'!IT15&lt;100),"V",IF(AND('Cambios Auto'!IJ15&lt;0,'Indices Auto'!IT15&gt;100),"A",IF(AND('Cambios Auto'!IJ15&gt;0,'Indices Auto'!IT15&lt;100),"N",IF(AND('Cambios Auto'!IJ15&gt;0,'Indices Auto'!IT15&gt;100),"R","NULL"))))</f>
        <v>NULL</v>
      </c>
      <c r="IK15" s="2" t="str">
        <f>IF(AND('Cambios Auto'!IK15&lt;0,'Indices Auto'!IU15&lt;100),"V",IF(AND('Cambios Auto'!IK15&lt;0,'Indices Auto'!IU15&gt;100),"A",IF(AND('Cambios Auto'!IK15&gt;0,'Indices Auto'!IU15&lt;100),"N",IF(AND('Cambios Auto'!IK15&gt;0,'Indices Auto'!IU15&gt;100),"R","NULL"))))</f>
        <v>NULL</v>
      </c>
      <c r="IL15" s="2" t="str">
        <f>IF(AND('Cambios Auto'!IL15&lt;0,'Indices Auto'!IV15&lt;100),"V",IF(AND('Cambios Auto'!IL15&lt;0,'Indices Auto'!IV15&gt;100),"A",IF(AND('Cambios Auto'!IL15&gt;0,'Indices Auto'!IV15&lt;100),"N",IF(AND('Cambios Auto'!IL15&gt;0,'Indices Auto'!IV15&gt;100),"R","NULL"))))</f>
        <v>NULL</v>
      </c>
      <c r="IM15" s="2" t="str">
        <f>IF(AND('Cambios Auto'!IM15&lt;0,'Indices Auto'!IW15&lt;100),"V",IF(AND('Cambios Auto'!IM15&lt;0,'Indices Auto'!IW15&gt;100),"A",IF(AND('Cambios Auto'!IM15&gt;0,'Indices Auto'!IW15&lt;100),"N",IF(AND('Cambios Auto'!IM15&gt;0,'Indices Auto'!IW15&gt;100),"R","NULL"))))</f>
        <v>NULL</v>
      </c>
      <c r="IN15" s="2" t="str">
        <f>IF(AND('Cambios Auto'!IN15&lt;0,'Indices Auto'!IX15&lt;100),"V",IF(AND('Cambios Auto'!IN15&lt;0,'Indices Auto'!IX15&gt;100),"A",IF(AND('Cambios Auto'!IN15&gt;0,'Indices Auto'!IX15&lt;100),"N",IF(AND('Cambios Auto'!IN15&gt;0,'Indices Auto'!IX15&gt;100),"R","NULL"))))</f>
        <v>NULL</v>
      </c>
      <c r="IO15" s="2" t="str">
        <f>IF(AND('Cambios Auto'!IO15&lt;0,'Indices Auto'!IY15&lt;100),"V",IF(AND('Cambios Auto'!IO15&lt;0,'Indices Auto'!IY15&gt;100),"A",IF(AND('Cambios Auto'!IO15&gt;0,'Indices Auto'!IY15&lt;100),"N",IF(AND('Cambios Auto'!IO15&gt;0,'Indices Auto'!IY15&gt;100),"R","NULL"))))</f>
        <v>NULL</v>
      </c>
      <c r="IP15" s="2" t="str">
        <f>IF(AND('Cambios Auto'!IP15&lt;0,'Indices Auto'!IZ15&lt;100),"V",IF(AND('Cambios Auto'!IP15&lt;0,'Indices Auto'!IZ15&gt;100),"A",IF(AND('Cambios Auto'!IP15&gt;0,'Indices Auto'!IZ15&lt;100),"N",IF(AND('Cambios Auto'!IP15&gt;0,'Indices Auto'!IZ15&gt;100),"R","NULL"))))</f>
        <v>NULL</v>
      </c>
      <c r="IQ15" s="2" t="str">
        <f>IF(AND('Cambios Auto'!IQ15&lt;0,'Indices Auto'!JA15&lt;100),"V",IF(AND('Cambios Auto'!IQ15&lt;0,'Indices Auto'!JA15&gt;100),"A",IF(AND('Cambios Auto'!IQ15&gt;0,'Indices Auto'!JA15&lt;100),"N",IF(AND('Cambios Auto'!IQ15&gt;0,'Indices Auto'!JA15&gt;100),"R","NULL"))))</f>
        <v>NULL</v>
      </c>
      <c r="IR15" s="2" t="str">
        <f>IF(AND('Cambios Auto'!IR15&lt;0,'Indices Auto'!JB15&lt;100),"V",IF(AND('Cambios Auto'!IR15&lt;0,'Indices Auto'!JB15&gt;100),"A",IF(AND('Cambios Auto'!IR15&gt;0,'Indices Auto'!JB15&lt;100),"N",IF(AND('Cambios Auto'!IR15&gt;0,'Indices Auto'!JB15&gt;100),"R","NULL"))))</f>
        <v>NULL</v>
      </c>
      <c r="IS15" s="2" t="str">
        <f>IF(AND('Cambios Auto'!IS15&lt;0,'Indices Auto'!JC15&lt;100),"V",IF(AND('Cambios Auto'!IS15&lt;0,'Indices Auto'!JC15&gt;100),"A",IF(AND('Cambios Auto'!IS15&gt;0,'Indices Auto'!JC15&lt;100),"N",IF(AND('Cambios Auto'!IS15&gt;0,'Indices Auto'!JC15&gt;100),"R","NULL"))))</f>
        <v>NULL</v>
      </c>
      <c r="IT15" s="14"/>
    </row>
    <row r="16" spans="1:254" x14ac:dyDescent="0.25">
      <c r="A16" s="22" t="s">
        <v>202</v>
      </c>
      <c r="B16" s="2" t="str">
        <f>IF(AND('Cambios Auto'!B16&lt;0,'Indices Auto'!C16&lt;100),"V",IF(AND('Cambios Auto'!B16&lt;0,'Indices Auto'!C16&gt;100),"A",IF(AND('Cambios Auto'!B16&gt;0,'Indices Auto'!C16&lt;100),"N",IF(AND('Cambios Auto'!B16&gt;0,'Indices Auto'!C16&gt;100),"R","NULL"))))</f>
        <v>V</v>
      </c>
      <c r="C16" s="2" t="str">
        <f>IF(AND('Cambios Auto'!C16&lt;0,'Indices Auto'!D16&lt;100),"V",IF(AND('Cambios Auto'!C16&lt;0,'Indices Auto'!D16&gt;100),"A",IF(AND('Cambios Auto'!C16&gt;0,'Indices Auto'!D16&lt;100),"N",IF(AND('Cambios Auto'!C16&gt;0,'Indices Auto'!D16&gt;100),"R","NULL"))))</f>
        <v>V</v>
      </c>
      <c r="D16" s="2" t="str">
        <f>IF(AND('Cambios Auto'!D16&lt;0,'Indices Auto'!E16&lt;100),"V",IF(AND('Cambios Auto'!D16&lt;0,'Indices Auto'!E16&gt;100),"A",IF(AND('Cambios Auto'!D16&gt;0,'Indices Auto'!E16&lt;100),"N",IF(AND('Cambios Auto'!D16&gt;0,'Indices Auto'!E16&gt;100),"R","NULL"))))</f>
        <v>V</v>
      </c>
      <c r="E16" s="2" t="str">
        <f>IF(AND('Cambios Auto'!E16&lt;0,'Indices Auto'!F16&lt;100),"V",IF(AND('Cambios Auto'!E16&lt;0,'Indices Auto'!F16&gt;100),"A",IF(AND('Cambios Auto'!E16&gt;0,'Indices Auto'!F16&lt;100),"N",IF(AND('Cambios Auto'!E16&gt;0,'Indices Auto'!F16&gt;100),"R","NULL"))))</f>
        <v>N</v>
      </c>
      <c r="F16" s="2" t="str">
        <f>IF(AND('Cambios Auto'!F16&lt;0,'Indices Auto'!G16&lt;100),"V",IF(AND('Cambios Auto'!F16&lt;0,'Indices Auto'!G16&gt;100),"A",IF(AND('Cambios Auto'!F16&gt;0,'Indices Auto'!G16&lt;100),"N",IF(AND('Cambios Auto'!F16&gt;0,'Indices Auto'!G16&gt;100),"R","NULL"))))</f>
        <v>R</v>
      </c>
      <c r="G16" s="2" t="str">
        <f>IF(AND('Cambios Auto'!G16&lt;0,'Indices Auto'!H16&lt;100),"V",IF(AND('Cambios Auto'!G16&lt;0,'Indices Auto'!H16&gt;100),"A",IF(AND('Cambios Auto'!G16&gt;0,'Indices Auto'!H16&lt;100),"N",IF(AND('Cambios Auto'!G16&gt;0,'Indices Auto'!H16&gt;100),"R","NULL"))))</f>
        <v>R</v>
      </c>
      <c r="H16" s="2" t="str">
        <f>IF(AND('Cambios Auto'!H16&lt;0,'Indices Auto'!I16&lt;100),"V",IF(AND('Cambios Auto'!H16&lt;0,'Indices Auto'!I16&gt;100),"A",IF(AND('Cambios Auto'!H16&gt;0,'Indices Auto'!I16&lt;100),"N",IF(AND('Cambios Auto'!H16&gt;0,'Indices Auto'!I16&gt;100),"R","NULL"))))</f>
        <v>R</v>
      </c>
      <c r="I16" s="2" t="str">
        <f>IF(AND('Cambios Auto'!I16&lt;0,'Indices Auto'!J16&lt;100),"V",IF(AND('Cambios Auto'!I16&lt;0,'Indices Auto'!J16&gt;100),"A",IF(AND('Cambios Auto'!I16&gt;0,'Indices Auto'!J16&lt;100),"N",IF(AND('Cambios Auto'!I16&gt;0,'Indices Auto'!J16&gt;100),"R","NULL"))))</f>
        <v>R</v>
      </c>
      <c r="J16" s="2" t="str">
        <f>IF(AND('Cambios Auto'!J16&lt;0,'Indices Auto'!K16&lt;100),"V",IF(AND('Cambios Auto'!J16&lt;0,'Indices Auto'!K16&gt;100),"A",IF(AND('Cambios Auto'!J16&gt;0,'Indices Auto'!K16&lt;100),"N",IF(AND('Cambios Auto'!J16&gt;0,'Indices Auto'!K16&gt;100),"R","NULL"))))</f>
        <v>R</v>
      </c>
      <c r="K16" s="2" t="str">
        <f>IF(AND('Cambios Auto'!K16&lt;0,'Indices Auto'!L16&lt;100),"V",IF(AND('Cambios Auto'!K16&lt;0,'Indices Auto'!L16&gt;100),"A",IF(AND('Cambios Auto'!K16&gt;0,'Indices Auto'!L16&lt;100),"N",IF(AND('Cambios Auto'!K16&gt;0,'Indices Auto'!L16&gt;100),"R","NULL"))))</f>
        <v>R</v>
      </c>
      <c r="L16" s="2" t="str">
        <f>IF(AND('Cambios Auto'!L16&lt;0,'Indices Auto'!M16&lt;100),"V",IF(AND('Cambios Auto'!L16&lt;0,'Indices Auto'!M16&gt;100),"A",IF(AND('Cambios Auto'!L16&gt;0,'Indices Auto'!M16&lt;100),"N",IF(AND('Cambios Auto'!L16&gt;0,'Indices Auto'!M16&gt;100),"R","NULL"))))</f>
        <v>R</v>
      </c>
      <c r="M16" s="2" t="str">
        <f>IF(AND('Cambios Auto'!M16&lt;0,'Indices Auto'!N16&lt;100),"V",IF(AND('Cambios Auto'!M16&lt;0,'Indices Auto'!N16&gt;100),"A",IF(AND('Cambios Auto'!M16&gt;0,'Indices Auto'!N16&lt;100),"N",IF(AND('Cambios Auto'!M16&gt;0,'Indices Auto'!N16&gt;100),"R","NULL"))))</f>
        <v>R</v>
      </c>
      <c r="N16" s="2" t="str">
        <f>IF(AND('Cambios Auto'!N16&lt;0,'Indices Auto'!O16&lt;100),"V",IF(AND('Cambios Auto'!N16&lt;0,'Indices Auto'!O16&gt;100),"A",IF(AND('Cambios Auto'!N16&gt;0,'Indices Auto'!O16&lt;100),"N",IF(AND('Cambios Auto'!N16&gt;0,'Indices Auto'!O16&gt;100),"R","NULL"))))</f>
        <v>R</v>
      </c>
      <c r="O16" s="2" t="str">
        <f>IF(AND('Cambios Auto'!O16&lt;0,'Indices Auto'!P16&lt;100),"V",IF(AND('Cambios Auto'!O16&lt;0,'Indices Auto'!P16&gt;100),"A",IF(AND('Cambios Auto'!O16&gt;0,'Indices Auto'!P16&lt;100),"N",IF(AND('Cambios Auto'!O16&gt;0,'Indices Auto'!P16&gt;100),"R","NULL"))))</f>
        <v>A</v>
      </c>
      <c r="P16" s="2" t="str">
        <f>IF(AND('Cambios Auto'!P16&lt;0,'Indices Auto'!Q16&lt;100),"V",IF(AND('Cambios Auto'!P16&lt;0,'Indices Auto'!Q16&gt;100),"A",IF(AND('Cambios Auto'!P16&gt;0,'Indices Auto'!Q16&lt;100),"N",IF(AND('Cambios Auto'!P16&gt;0,'Indices Auto'!Q16&gt;100),"R","NULL"))))</f>
        <v>A</v>
      </c>
      <c r="Q16" s="2" t="str">
        <f>IF(AND('Cambios Auto'!Q16&lt;0,'Indices Auto'!R16&lt;100),"V",IF(AND('Cambios Auto'!Q16&lt;0,'Indices Auto'!R16&gt;100),"A",IF(AND('Cambios Auto'!Q16&gt;0,'Indices Auto'!R16&lt;100),"N",IF(AND('Cambios Auto'!Q16&gt;0,'Indices Auto'!R16&gt;100),"R","NULL"))))</f>
        <v>A</v>
      </c>
      <c r="R16" s="2" t="str">
        <f>IF(AND('Cambios Auto'!R16&lt;0,'Indices Auto'!S16&lt;100),"V",IF(AND('Cambios Auto'!R16&lt;0,'Indices Auto'!S16&gt;100),"A",IF(AND('Cambios Auto'!R16&gt;0,'Indices Auto'!S16&lt;100),"N",IF(AND('Cambios Auto'!R16&gt;0,'Indices Auto'!S16&gt;100),"R","NULL"))))</f>
        <v>A</v>
      </c>
      <c r="S16" s="2" t="str">
        <f>IF(AND('Cambios Auto'!S16&lt;0,'Indices Auto'!T16&lt;100),"V",IF(AND('Cambios Auto'!S16&lt;0,'Indices Auto'!T16&gt;100),"A",IF(AND('Cambios Auto'!S16&gt;0,'Indices Auto'!T16&lt;100),"N",IF(AND('Cambios Auto'!S16&gt;0,'Indices Auto'!T16&gt;100),"R","NULL"))))</f>
        <v>V</v>
      </c>
      <c r="T16" s="2" t="str">
        <f>IF(AND('Cambios Auto'!T16&lt;0,'Indices Auto'!U16&lt;100),"V",IF(AND('Cambios Auto'!T16&lt;0,'Indices Auto'!U16&gt;100),"A",IF(AND('Cambios Auto'!T16&gt;0,'Indices Auto'!U16&lt;100),"N",IF(AND('Cambios Auto'!T16&gt;0,'Indices Auto'!U16&gt;100),"R","NULL"))))</f>
        <v>V</v>
      </c>
      <c r="U16" s="2" t="str">
        <f>IF(AND('Cambios Auto'!U16&lt;0,'Indices Auto'!V16&lt;100),"V",IF(AND('Cambios Auto'!U16&lt;0,'Indices Auto'!V16&gt;100),"A",IF(AND('Cambios Auto'!U16&gt;0,'Indices Auto'!V16&lt;100),"N",IF(AND('Cambios Auto'!U16&gt;0,'Indices Auto'!V16&gt;100),"R","NULL"))))</f>
        <v>V</v>
      </c>
      <c r="V16" s="2" t="str">
        <f>IF(AND('Cambios Auto'!V16&lt;0,'Indices Auto'!W16&lt;100),"V",IF(AND('Cambios Auto'!V16&lt;0,'Indices Auto'!W16&gt;100),"A",IF(AND('Cambios Auto'!V16&gt;0,'Indices Auto'!W16&lt;100),"N",IF(AND('Cambios Auto'!V16&gt;0,'Indices Auto'!W16&gt;100),"R","NULL"))))</f>
        <v>V</v>
      </c>
      <c r="W16" s="2" t="str">
        <f>IF(AND('Cambios Auto'!W16&lt;0,'Indices Auto'!X16&lt;100),"V",IF(AND('Cambios Auto'!W16&lt;0,'Indices Auto'!X16&gt;100),"A",IF(AND('Cambios Auto'!W16&gt;0,'Indices Auto'!X16&lt;100),"N",IF(AND('Cambios Auto'!W16&gt;0,'Indices Auto'!X16&gt;100),"R","NULL"))))</f>
        <v>V</v>
      </c>
      <c r="X16" s="2" t="str">
        <f>IF(AND('Cambios Auto'!X16&lt;0,'Indices Auto'!Y16&lt;100),"V",IF(AND('Cambios Auto'!X16&lt;0,'Indices Auto'!Y16&gt;100),"A",IF(AND('Cambios Auto'!X16&gt;0,'Indices Auto'!Y16&lt;100),"N",IF(AND('Cambios Auto'!X16&gt;0,'Indices Auto'!Y16&gt;100),"R","NULL"))))</f>
        <v>V</v>
      </c>
      <c r="Y16" s="2" t="str">
        <f>IF(AND('Cambios Auto'!Y16&lt;0,'Indices Auto'!Z16&lt;100),"V",IF(AND('Cambios Auto'!Y16&lt;0,'Indices Auto'!Z16&gt;100),"A",IF(AND('Cambios Auto'!Y16&gt;0,'Indices Auto'!Z16&lt;100),"N",IF(AND('Cambios Auto'!Y16&gt;0,'Indices Auto'!Z16&gt;100),"R","NULL"))))</f>
        <v>V</v>
      </c>
      <c r="Z16" s="2" t="str">
        <f>IF(AND('Cambios Auto'!Z16&lt;0,'Indices Auto'!AA16&lt;100),"V",IF(AND('Cambios Auto'!Z16&lt;0,'Indices Auto'!AA16&gt;100),"A",IF(AND('Cambios Auto'!Z16&gt;0,'Indices Auto'!AA16&lt;100),"N",IF(AND('Cambios Auto'!Z16&gt;0,'Indices Auto'!AA16&gt;100),"R","NULL"))))</f>
        <v>V</v>
      </c>
      <c r="AA16" s="2" t="str">
        <f>IF(AND('Cambios Auto'!AA16&lt;0,'Indices Auto'!AB16&lt;100),"V",IF(AND('Cambios Auto'!AA16&lt;0,'Indices Auto'!AB16&gt;100),"A",IF(AND('Cambios Auto'!AA16&gt;0,'Indices Auto'!AB16&lt;100),"N",IF(AND('Cambios Auto'!AA16&gt;0,'Indices Auto'!AB16&gt;100),"R","NULL"))))</f>
        <v>V</v>
      </c>
      <c r="AB16" s="2" t="str">
        <f>IF(AND('Cambios Auto'!AB16&lt;0,'Indices Auto'!AC16&lt;100),"V",IF(AND('Cambios Auto'!AB16&lt;0,'Indices Auto'!AC16&gt;100),"A",IF(AND('Cambios Auto'!AB16&gt;0,'Indices Auto'!AC16&lt;100),"N",IF(AND('Cambios Auto'!AB16&gt;0,'Indices Auto'!AC16&gt;100),"R","NULL"))))</f>
        <v>V</v>
      </c>
      <c r="AC16" s="2" t="str">
        <f>IF(AND('Cambios Auto'!AC16&lt;0,'Indices Auto'!AD16&lt;100),"V",IF(AND('Cambios Auto'!AC16&lt;0,'Indices Auto'!AD16&gt;100),"A",IF(AND('Cambios Auto'!AC16&gt;0,'Indices Auto'!AD16&lt;100),"N",IF(AND('Cambios Auto'!AC16&gt;0,'Indices Auto'!AD16&gt;100),"R","NULL"))))</f>
        <v>N</v>
      </c>
      <c r="AD16" s="2" t="str">
        <f>IF(AND('Cambios Auto'!AD16&lt;0,'Indices Auto'!AE16&lt;100),"V",IF(AND('Cambios Auto'!AD16&lt;0,'Indices Auto'!AE16&gt;100),"A",IF(AND('Cambios Auto'!AD16&gt;0,'Indices Auto'!AE16&lt;100),"N",IF(AND('Cambios Auto'!AD16&gt;0,'Indices Auto'!AE16&gt;100),"R","NULL"))))</f>
        <v>N</v>
      </c>
      <c r="AE16" s="2" t="str">
        <f>IF(AND('Cambios Auto'!AE16&lt;0,'Indices Auto'!AF16&lt;100),"V",IF(AND('Cambios Auto'!AE16&lt;0,'Indices Auto'!AF16&gt;100),"A",IF(AND('Cambios Auto'!AE16&gt;0,'Indices Auto'!AF16&lt;100),"N",IF(AND('Cambios Auto'!AE16&gt;0,'Indices Auto'!AF16&gt;100),"R","NULL"))))</f>
        <v>N</v>
      </c>
      <c r="AF16" s="2" t="str">
        <f>IF(AND('Cambios Auto'!AF16&lt;0,'Indices Auto'!AG16&lt;100),"V",IF(AND('Cambios Auto'!AF16&lt;0,'Indices Auto'!AG16&gt;100),"A",IF(AND('Cambios Auto'!AF16&gt;0,'Indices Auto'!AG16&lt;100),"N",IF(AND('Cambios Auto'!AF16&gt;0,'Indices Auto'!AG16&gt;100),"R","NULL"))))</f>
        <v>N</v>
      </c>
      <c r="AG16" s="2" t="str">
        <f>IF(AND('Cambios Auto'!AG16&lt;0,'Indices Auto'!AH16&lt;100),"V",IF(AND('Cambios Auto'!AG16&lt;0,'Indices Auto'!AH16&gt;100),"A",IF(AND('Cambios Auto'!AG16&gt;0,'Indices Auto'!AH16&lt;100),"N",IF(AND('Cambios Auto'!AG16&gt;0,'Indices Auto'!AH16&gt;100),"R","NULL"))))</f>
        <v>N</v>
      </c>
      <c r="AH16" s="2" t="str">
        <f>IF(AND('Cambios Auto'!AH16&lt;0,'Indices Auto'!AI16&lt;100),"V",IF(AND('Cambios Auto'!AH16&lt;0,'Indices Auto'!AI16&gt;100),"A",IF(AND('Cambios Auto'!AH16&gt;0,'Indices Auto'!AI16&lt;100),"N",IF(AND('Cambios Auto'!AH16&gt;0,'Indices Auto'!AI16&gt;100),"R","NULL"))))</f>
        <v>N</v>
      </c>
      <c r="AI16" s="2" t="str">
        <f>IF(AND('Cambios Auto'!AI16&lt;0,'Indices Auto'!AJ16&lt;100),"V",IF(AND('Cambios Auto'!AI16&lt;0,'Indices Auto'!AJ16&gt;100),"A",IF(AND('Cambios Auto'!AI16&gt;0,'Indices Auto'!AJ16&lt;100),"N",IF(AND('Cambios Auto'!AI16&gt;0,'Indices Auto'!AJ16&gt;100),"R","NULL"))))</f>
        <v>N</v>
      </c>
      <c r="AJ16" s="2" t="str">
        <f>IF(AND('Cambios Auto'!AJ16&lt;0,'Indices Auto'!AK16&lt;100),"V",IF(AND('Cambios Auto'!AJ16&lt;0,'Indices Auto'!AK16&gt;100),"A",IF(AND('Cambios Auto'!AJ16&gt;0,'Indices Auto'!AK16&lt;100),"N",IF(AND('Cambios Auto'!AJ16&gt;0,'Indices Auto'!AK16&gt;100),"R","NULL"))))</f>
        <v>N</v>
      </c>
      <c r="AK16" s="2" t="str">
        <f>IF(AND('Cambios Auto'!AK16&lt;0,'Indices Auto'!AL16&lt;100),"V",IF(AND('Cambios Auto'!AK16&lt;0,'Indices Auto'!AL16&gt;100),"A",IF(AND('Cambios Auto'!AK16&gt;0,'Indices Auto'!AL16&lt;100),"N",IF(AND('Cambios Auto'!AK16&gt;0,'Indices Auto'!AL16&gt;100),"R","NULL"))))</f>
        <v>N</v>
      </c>
      <c r="AL16" s="2" t="str">
        <f>IF(AND('Cambios Auto'!AL16&lt;0,'Indices Auto'!AM16&lt;100),"V",IF(AND('Cambios Auto'!AL16&lt;0,'Indices Auto'!AM16&gt;100),"A",IF(AND('Cambios Auto'!AL16&gt;0,'Indices Auto'!AM16&lt;100),"N",IF(AND('Cambios Auto'!AL16&gt;0,'Indices Auto'!AM16&gt;100),"R","NULL"))))</f>
        <v>N</v>
      </c>
      <c r="AM16" s="2" t="str">
        <f>IF(AND('Cambios Auto'!AM16&lt;0,'Indices Auto'!AN16&lt;100),"V",IF(AND('Cambios Auto'!AM16&lt;0,'Indices Auto'!AN16&gt;100),"A",IF(AND('Cambios Auto'!AM16&gt;0,'Indices Auto'!AN16&lt;100),"N",IF(AND('Cambios Auto'!AM16&gt;0,'Indices Auto'!AN16&gt;100),"R","NULL"))))</f>
        <v>V</v>
      </c>
      <c r="AN16" s="2" t="str">
        <f>IF(AND('Cambios Auto'!AN16&lt;0,'Indices Auto'!AO16&lt;100),"V",IF(AND('Cambios Auto'!AN16&lt;0,'Indices Auto'!AO16&gt;100),"A",IF(AND('Cambios Auto'!AN16&gt;0,'Indices Auto'!AO16&lt;100),"N",IF(AND('Cambios Auto'!AN16&gt;0,'Indices Auto'!AO16&gt;100),"R","NULL"))))</f>
        <v>V</v>
      </c>
      <c r="AO16" s="2" t="str">
        <f>IF(AND('Cambios Auto'!AO16&lt;0,'Indices Auto'!AP16&lt;100),"V",IF(AND('Cambios Auto'!AO16&lt;0,'Indices Auto'!AP16&gt;100),"A",IF(AND('Cambios Auto'!AO16&gt;0,'Indices Auto'!AP16&lt;100),"N",IF(AND('Cambios Auto'!AO16&gt;0,'Indices Auto'!AP16&gt;100),"R","NULL"))))</f>
        <v>V</v>
      </c>
      <c r="AP16" s="2" t="str">
        <f>IF(AND('Cambios Auto'!AP16&lt;0,'Indices Auto'!AQ16&lt;100),"V",IF(AND('Cambios Auto'!AP16&lt;0,'Indices Auto'!AQ16&gt;100),"A",IF(AND('Cambios Auto'!AP16&gt;0,'Indices Auto'!AQ16&lt;100),"N",IF(AND('Cambios Auto'!AP16&gt;0,'Indices Auto'!AQ16&gt;100),"R","NULL"))))</f>
        <v>V</v>
      </c>
      <c r="AQ16" s="2" t="str">
        <f>IF(AND('Cambios Auto'!AQ16&lt;0,'Indices Auto'!AR16&lt;100),"V",IF(AND('Cambios Auto'!AQ16&lt;0,'Indices Auto'!AR16&gt;100),"A",IF(AND('Cambios Auto'!AQ16&gt;0,'Indices Auto'!AR16&lt;100),"N",IF(AND('Cambios Auto'!AQ16&gt;0,'Indices Auto'!AR16&gt;100),"R","NULL"))))</f>
        <v>V</v>
      </c>
      <c r="AR16" s="2" t="str">
        <f>IF(AND('Cambios Auto'!AR16&lt;0,'Indices Auto'!AS16&lt;100),"V",IF(AND('Cambios Auto'!AR16&lt;0,'Indices Auto'!AS16&gt;100),"A",IF(AND('Cambios Auto'!AR16&gt;0,'Indices Auto'!AS16&lt;100),"N",IF(AND('Cambios Auto'!AR16&gt;0,'Indices Auto'!AS16&gt;100),"R","NULL"))))</f>
        <v>V</v>
      </c>
      <c r="AS16" s="2" t="str">
        <f>IF(AND('Cambios Auto'!AS16&lt;0,'Indices Auto'!AT16&lt;100),"V",IF(AND('Cambios Auto'!AS16&lt;0,'Indices Auto'!AT16&gt;100),"A",IF(AND('Cambios Auto'!AS16&gt;0,'Indices Auto'!AT16&lt;100),"N",IF(AND('Cambios Auto'!AS16&gt;0,'Indices Auto'!AT16&gt;100),"R","NULL"))))</f>
        <v>V</v>
      </c>
      <c r="AT16" s="2" t="str">
        <f>IF(AND('Cambios Auto'!AT16&lt;0,'Indices Auto'!AU16&lt;100),"V",IF(AND('Cambios Auto'!AT16&lt;0,'Indices Auto'!AU16&gt;100),"A",IF(AND('Cambios Auto'!AT16&gt;0,'Indices Auto'!AU16&lt;100),"N",IF(AND('Cambios Auto'!AT16&gt;0,'Indices Auto'!AU16&gt;100),"R","NULL"))))</f>
        <v>V</v>
      </c>
      <c r="AU16" s="2" t="str">
        <f>IF(AND('Cambios Auto'!AU16&lt;0,'Indices Auto'!AV16&lt;100),"V",IF(AND('Cambios Auto'!AU16&lt;0,'Indices Auto'!AV16&gt;100),"A",IF(AND('Cambios Auto'!AU16&gt;0,'Indices Auto'!AV16&lt;100),"N",IF(AND('Cambios Auto'!AU16&gt;0,'Indices Auto'!AV16&gt;100),"R","NULL"))))</f>
        <v>V</v>
      </c>
      <c r="AV16" s="2" t="str">
        <f>IF(AND('Cambios Auto'!AV16&lt;0,'Indices Auto'!AW16&lt;100),"V",IF(AND('Cambios Auto'!AV16&lt;0,'Indices Auto'!AW16&gt;100),"A",IF(AND('Cambios Auto'!AV16&gt;0,'Indices Auto'!AW16&lt;100),"N",IF(AND('Cambios Auto'!AV16&gt;0,'Indices Auto'!AW16&gt;100),"R","NULL"))))</f>
        <v>N</v>
      </c>
      <c r="AW16" s="2" t="str">
        <f>IF(AND('Cambios Auto'!AW16&lt;0,'Indices Auto'!AX16&lt;100),"V",IF(AND('Cambios Auto'!AW16&lt;0,'Indices Auto'!AX16&gt;100),"A",IF(AND('Cambios Auto'!AW16&gt;0,'Indices Auto'!AX16&lt;100),"N",IF(AND('Cambios Auto'!AW16&gt;0,'Indices Auto'!AX16&gt;100),"R","NULL"))))</f>
        <v>N</v>
      </c>
      <c r="AX16" s="2" t="str">
        <f>IF(AND('Cambios Auto'!AX16&lt;0,'Indices Auto'!AY16&lt;100),"V",IF(AND('Cambios Auto'!AX16&lt;0,'Indices Auto'!AY16&gt;100),"A",IF(AND('Cambios Auto'!AX16&gt;0,'Indices Auto'!AY16&lt;100),"N",IF(AND('Cambios Auto'!AX16&gt;0,'Indices Auto'!AY16&gt;100),"R","NULL"))))</f>
        <v>N</v>
      </c>
      <c r="AY16" s="2" t="str">
        <f>IF(AND('Cambios Auto'!AY16&lt;0,'Indices Auto'!AZ16&lt;100),"V",IF(AND('Cambios Auto'!AY16&lt;0,'Indices Auto'!AZ16&gt;100),"A",IF(AND('Cambios Auto'!AY16&gt;0,'Indices Auto'!AZ16&lt;100),"N",IF(AND('Cambios Auto'!AY16&gt;0,'Indices Auto'!AZ16&gt;100),"R","NULL"))))</f>
        <v>N</v>
      </c>
      <c r="AZ16" s="2" t="str">
        <f>IF(AND('Cambios Auto'!AZ16&lt;0,'Indices Auto'!BA16&lt;100),"V",IF(AND('Cambios Auto'!AZ16&lt;0,'Indices Auto'!BA16&gt;100),"A",IF(AND('Cambios Auto'!AZ16&gt;0,'Indices Auto'!BA16&lt;100),"N",IF(AND('Cambios Auto'!AZ16&gt;0,'Indices Auto'!BA16&gt;100),"R","NULL"))))</f>
        <v>N</v>
      </c>
      <c r="BA16" s="2" t="str">
        <f>IF(AND('Cambios Auto'!BA16&lt;0,'Indices Auto'!BB16&lt;100),"V",IF(AND('Cambios Auto'!BA16&lt;0,'Indices Auto'!BB16&gt;100),"A",IF(AND('Cambios Auto'!BA16&gt;0,'Indices Auto'!BB16&lt;100),"N",IF(AND('Cambios Auto'!BA16&gt;0,'Indices Auto'!BB16&gt;100),"R","NULL"))))</f>
        <v>N</v>
      </c>
      <c r="BB16" s="2" t="str">
        <f>IF(AND('Cambios Auto'!BB16&lt;0,'Indices Auto'!BC16&lt;100),"V",IF(AND('Cambios Auto'!BB16&lt;0,'Indices Auto'!BC16&gt;100),"A",IF(AND('Cambios Auto'!BB16&gt;0,'Indices Auto'!BC16&lt;100),"N",IF(AND('Cambios Auto'!BB16&gt;0,'Indices Auto'!BC16&gt;100),"R","NULL"))))</f>
        <v>N</v>
      </c>
      <c r="BC16" s="2" t="str">
        <f>IF(AND('Cambios Auto'!BC16&lt;0,'Indices Auto'!BD16&lt;100),"V",IF(AND('Cambios Auto'!BC16&lt;0,'Indices Auto'!BD16&gt;100),"A",IF(AND('Cambios Auto'!BC16&gt;0,'Indices Auto'!BD16&lt;100),"N",IF(AND('Cambios Auto'!BC16&gt;0,'Indices Auto'!BD16&gt;100),"R","NULL"))))</f>
        <v>N</v>
      </c>
      <c r="BD16" s="2" t="str">
        <f>IF(AND('Cambios Auto'!BD16&lt;0,'Indices Auto'!BE16&lt;100),"V",IF(AND('Cambios Auto'!BD16&lt;0,'Indices Auto'!BE16&gt;100),"A",IF(AND('Cambios Auto'!BD16&gt;0,'Indices Auto'!BE16&lt;100),"N",IF(AND('Cambios Auto'!BD16&gt;0,'Indices Auto'!BE16&gt;100),"R","NULL"))))</f>
        <v>N</v>
      </c>
      <c r="BE16" s="2" t="str">
        <f>IF(AND('Cambios Auto'!BE16&lt;0,'Indices Auto'!BF16&lt;100),"V",IF(AND('Cambios Auto'!BE16&lt;0,'Indices Auto'!BF16&gt;100),"A",IF(AND('Cambios Auto'!BE16&gt;0,'Indices Auto'!BF16&lt;100),"N",IF(AND('Cambios Auto'!BE16&gt;0,'Indices Auto'!BF16&gt;100),"R","NULL"))))</f>
        <v>N</v>
      </c>
      <c r="BF16" s="2" t="str">
        <f>IF(AND('Cambios Auto'!BF16&lt;0,'Indices Auto'!BG16&lt;100),"V",IF(AND('Cambios Auto'!BF16&lt;0,'Indices Auto'!BG16&gt;100),"A",IF(AND('Cambios Auto'!BF16&gt;0,'Indices Auto'!BG16&lt;100),"N",IF(AND('Cambios Auto'!BF16&gt;0,'Indices Auto'!BG16&gt;100),"R","NULL"))))</f>
        <v>R</v>
      </c>
      <c r="BG16" s="2" t="str">
        <f>IF(AND('Cambios Auto'!BG16&lt;0,'Indices Auto'!BH16&lt;100),"V",IF(AND('Cambios Auto'!BG16&lt;0,'Indices Auto'!BH16&gt;100),"A",IF(AND('Cambios Auto'!BG16&gt;0,'Indices Auto'!BH16&lt;100),"N",IF(AND('Cambios Auto'!BG16&gt;0,'Indices Auto'!BH16&gt;100),"R","NULL"))))</f>
        <v>R</v>
      </c>
      <c r="BH16" s="2" t="str">
        <f>IF(AND('Cambios Auto'!BH16&lt;0,'Indices Auto'!BI16&lt;100),"V",IF(AND('Cambios Auto'!BH16&lt;0,'Indices Auto'!BI16&gt;100),"A",IF(AND('Cambios Auto'!BH16&gt;0,'Indices Auto'!BI16&lt;100),"N",IF(AND('Cambios Auto'!BH16&gt;0,'Indices Auto'!BI16&gt;100),"R","NULL"))))</f>
        <v>R</v>
      </c>
      <c r="BI16" s="2" t="str">
        <f>IF(AND('Cambios Auto'!BI16&lt;0,'Indices Auto'!BJ16&lt;100),"V",IF(AND('Cambios Auto'!BI16&lt;0,'Indices Auto'!BJ16&gt;100),"A",IF(AND('Cambios Auto'!BI16&gt;0,'Indices Auto'!BJ16&lt;100),"N",IF(AND('Cambios Auto'!BI16&gt;0,'Indices Auto'!BJ16&gt;100),"R","NULL"))))</f>
        <v>R</v>
      </c>
      <c r="BJ16" s="2" t="str">
        <f>IF(AND('Cambios Auto'!BJ16&lt;0,'Indices Auto'!BK16&lt;100),"V",IF(AND('Cambios Auto'!BJ16&lt;0,'Indices Auto'!BK16&gt;100),"A",IF(AND('Cambios Auto'!BJ16&gt;0,'Indices Auto'!BK16&lt;100),"N",IF(AND('Cambios Auto'!BJ16&gt;0,'Indices Auto'!BK16&gt;100),"R","NULL"))))</f>
        <v>R</v>
      </c>
      <c r="BK16" s="2" t="str">
        <f>IF(AND('Cambios Auto'!BK16&lt;0,'Indices Auto'!BL16&lt;100),"V",IF(AND('Cambios Auto'!BK16&lt;0,'Indices Auto'!BL16&gt;100),"A",IF(AND('Cambios Auto'!BK16&gt;0,'Indices Auto'!BL16&lt;100),"N",IF(AND('Cambios Auto'!BK16&gt;0,'Indices Auto'!BL16&gt;100),"R","NULL"))))</f>
        <v>R</v>
      </c>
      <c r="BL16" s="2" t="str">
        <f>IF(AND('Cambios Auto'!BL16&lt;0,'Indices Auto'!BM16&lt;100),"V",IF(AND('Cambios Auto'!BL16&lt;0,'Indices Auto'!BM16&gt;100),"A",IF(AND('Cambios Auto'!BL16&gt;0,'Indices Auto'!BM16&lt;100),"N",IF(AND('Cambios Auto'!BL16&gt;0,'Indices Auto'!BM16&gt;100),"R","NULL"))))</f>
        <v>R</v>
      </c>
      <c r="BM16" s="2" t="str">
        <f>IF(AND('Cambios Auto'!BM16&lt;0,'Indices Auto'!BN16&lt;100),"V",IF(AND('Cambios Auto'!BM16&lt;0,'Indices Auto'!BN16&gt;100),"A",IF(AND('Cambios Auto'!BM16&gt;0,'Indices Auto'!BN16&lt;100),"N",IF(AND('Cambios Auto'!BM16&gt;0,'Indices Auto'!BN16&gt;100),"R","NULL"))))</f>
        <v>R</v>
      </c>
      <c r="BN16" s="2" t="str">
        <f>IF(AND('Cambios Auto'!BN16&lt;0,'Indices Auto'!BO16&lt;100),"V",IF(AND('Cambios Auto'!BN16&lt;0,'Indices Auto'!BO16&gt;100),"A",IF(AND('Cambios Auto'!BN16&gt;0,'Indices Auto'!BO16&lt;100),"N",IF(AND('Cambios Auto'!BN16&gt;0,'Indices Auto'!BO16&gt;100),"R","NULL"))))</f>
        <v>R</v>
      </c>
      <c r="BO16" s="2" t="str">
        <f>IF(AND('Cambios Auto'!BO16&lt;0,'Indices Auto'!BP16&lt;100),"V",IF(AND('Cambios Auto'!BO16&lt;0,'Indices Auto'!BP16&gt;100),"A",IF(AND('Cambios Auto'!BO16&gt;0,'Indices Auto'!BP16&lt;100),"N",IF(AND('Cambios Auto'!BO16&gt;0,'Indices Auto'!BP16&gt;100),"R","NULL"))))</f>
        <v>R</v>
      </c>
      <c r="BP16" s="2" t="str">
        <f>IF(AND('Cambios Auto'!BP16&lt;0,'Indices Auto'!BQ16&lt;100),"V",IF(AND('Cambios Auto'!BP16&lt;0,'Indices Auto'!BQ16&gt;100),"A",IF(AND('Cambios Auto'!BP16&gt;0,'Indices Auto'!BQ16&lt;100),"N",IF(AND('Cambios Auto'!BP16&gt;0,'Indices Auto'!BQ16&gt;100),"R","NULL"))))</f>
        <v>A</v>
      </c>
      <c r="BQ16" s="2" t="str">
        <f>IF(AND('Cambios Auto'!BQ16&lt;0,'Indices Auto'!BR16&lt;100),"V",IF(AND('Cambios Auto'!BQ16&lt;0,'Indices Auto'!BR16&gt;100),"A",IF(AND('Cambios Auto'!BQ16&gt;0,'Indices Auto'!BR16&lt;100),"N",IF(AND('Cambios Auto'!BQ16&gt;0,'Indices Auto'!BR16&gt;100),"R","NULL"))))</f>
        <v>A</v>
      </c>
      <c r="BR16" s="2" t="str">
        <f>IF(AND('Cambios Auto'!BR16&lt;0,'Indices Auto'!BS16&lt;100),"V",IF(AND('Cambios Auto'!BR16&lt;0,'Indices Auto'!BS16&gt;100),"A",IF(AND('Cambios Auto'!BR16&gt;0,'Indices Auto'!BS16&lt;100),"N",IF(AND('Cambios Auto'!BR16&gt;0,'Indices Auto'!BS16&gt;100),"R","NULL"))))</f>
        <v>A</v>
      </c>
      <c r="BS16" s="2" t="str">
        <f>IF(AND('Cambios Auto'!BS16&lt;0,'Indices Auto'!BT16&lt;100),"V",IF(AND('Cambios Auto'!BS16&lt;0,'Indices Auto'!BT16&gt;100),"A",IF(AND('Cambios Auto'!BS16&gt;0,'Indices Auto'!BT16&lt;100),"N",IF(AND('Cambios Auto'!BS16&gt;0,'Indices Auto'!BT16&gt;100),"R","NULL"))))</f>
        <v>A</v>
      </c>
      <c r="BT16" s="2" t="str">
        <f>IF(AND('Cambios Auto'!BT16&lt;0,'Indices Auto'!BU16&lt;100),"V",IF(AND('Cambios Auto'!BT16&lt;0,'Indices Auto'!BU16&gt;100),"A",IF(AND('Cambios Auto'!BT16&gt;0,'Indices Auto'!BU16&lt;100),"N",IF(AND('Cambios Auto'!BT16&gt;0,'Indices Auto'!BU16&gt;100),"R","NULL"))))</f>
        <v>A</v>
      </c>
      <c r="BU16" s="2" t="str">
        <f>IF(AND('Cambios Auto'!BU16&lt;0,'Indices Auto'!BV16&lt;100),"V",IF(AND('Cambios Auto'!BU16&lt;0,'Indices Auto'!BV16&gt;100),"A",IF(AND('Cambios Auto'!BU16&gt;0,'Indices Auto'!BV16&lt;100),"N",IF(AND('Cambios Auto'!BU16&gt;0,'Indices Auto'!BV16&gt;100),"R","NULL"))))</f>
        <v>A</v>
      </c>
      <c r="BV16" s="2" t="str">
        <f>IF(AND('Cambios Auto'!BV16&lt;0,'Indices Auto'!BW16&lt;100),"V",IF(AND('Cambios Auto'!BV16&lt;0,'Indices Auto'!BW16&gt;100),"A",IF(AND('Cambios Auto'!BV16&gt;0,'Indices Auto'!BW16&lt;100),"N",IF(AND('Cambios Auto'!BV16&gt;0,'Indices Auto'!BW16&gt;100),"R","NULL"))))</f>
        <v>A</v>
      </c>
      <c r="BW16" s="2" t="str">
        <f>IF(AND('Cambios Auto'!BW16&lt;0,'Indices Auto'!BX16&lt;100),"V",IF(AND('Cambios Auto'!BW16&lt;0,'Indices Auto'!BX16&gt;100),"A",IF(AND('Cambios Auto'!BW16&gt;0,'Indices Auto'!BX16&lt;100),"N",IF(AND('Cambios Auto'!BW16&gt;0,'Indices Auto'!BX16&gt;100),"R","NULL"))))</f>
        <v>A</v>
      </c>
      <c r="BX16" s="2" t="str">
        <f>IF(AND('Cambios Auto'!BX16&lt;0,'Indices Auto'!BY16&lt;100),"V",IF(AND('Cambios Auto'!BX16&lt;0,'Indices Auto'!BY16&gt;100),"A",IF(AND('Cambios Auto'!BX16&gt;0,'Indices Auto'!BY16&lt;100),"N",IF(AND('Cambios Auto'!BX16&gt;0,'Indices Auto'!BY16&gt;100),"R","NULL"))))</f>
        <v>A</v>
      </c>
      <c r="BY16" s="2" t="str">
        <f>IF(AND('Cambios Auto'!BY16&lt;0,'Indices Auto'!BZ16&lt;100),"V",IF(AND('Cambios Auto'!BY16&lt;0,'Indices Auto'!BZ16&gt;100),"A",IF(AND('Cambios Auto'!BY16&gt;0,'Indices Auto'!BZ16&lt;100),"N",IF(AND('Cambios Auto'!BY16&gt;0,'Indices Auto'!BZ16&gt;100),"R","NULL"))))</f>
        <v>V</v>
      </c>
      <c r="BZ16" s="2" t="str">
        <f>IF(AND('Cambios Auto'!BZ16&lt;0,'Indices Auto'!CA16&lt;100),"V",IF(AND('Cambios Auto'!BZ16&lt;0,'Indices Auto'!CA16&gt;100),"A",IF(AND('Cambios Auto'!BZ16&gt;0,'Indices Auto'!CA16&lt;100),"N",IF(AND('Cambios Auto'!BZ16&gt;0,'Indices Auto'!CA16&gt;100),"R","NULL"))))</f>
        <v>V</v>
      </c>
      <c r="CA16" s="2" t="str">
        <f>IF(AND('Cambios Auto'!CA16&lt;0,'Indices Auto'!CB16&lt;100),"V",IF(AND('Cambios Auto'!CA16&lt;0,'Indices Auto'!CB16&gt;100),"A",IF(AND('Cambios Auto'!CA16&gt;0,'Indices Auto'!CB16&lt;100),"N",IF(AND('Cambios Auto'!CA16&gt;0,'Indices Auto'!CB16&gt;100),"R","NULL"))))</f>
        <v>V</v>
      </c>
      <c r="CB16" s="2" t="str">
        <f>IF(AND('Cambios Auto'!CB16&lt;0,'Indices Auto'!CC16&lt;100),"V",IF(AND('Cambios Auto'!CB16&lt;0,'Indices Auto'!CC16&gt;100),"A",IF(AND('Cambios Auto'!CB16&gt;0,'Indices Auto'!CC16&lt;100),"N",IF(AND('Cambios Auto'!CB16&gt;0,'Indices Auto'!CC16&gt;100),"R","NULL"))))</f>
        <v>V</v>
      </c>
      <c r="CC16" s="2" t="str">
        <f>IF(AND('Cambios Auto'!CC16&lt;0,'Indices Auto'!CD16&lt;100),"V",IF(AND('Cambios Auto'!CC16&lt;0,'Indices Auto'!CD16&gt;100),"A",IF(AND('Cambios Auto'!CC16&gt;0,'Indices Auto'!CD16&lt;100),"N",IF(AND('Cambios Auto'!CC16&gt;0,'Indices Auto'!CD16&gt;100),"R","NULL"))))</f>
        <v>V</v>
      </c>
      <c r="CD16" s="2" t="str">
        <f>IF(AND('Cambios Auto'!CD16&lt;0,'Indices Auto'!CE16&lt;100),"V",IF(AND('Cambios Auto'!CD16&lt;0,'Indices Auto'!CE16&gt;100),"A",IF(AND('Cambios Auto'!CD16&gt;0,'Indices Auto'!CE16&lt;100),"N",IF(AND('Cambios Auto'!CD16&gt;0,'Indices Auto'!CE16&gt;100),"R","NULL"))))</f>
        <v>N</v>
      </c>
      <c r="CE16" s="2" t="str">
        <f>IF(AND('Cambios Auto'!CE16&lt;0,'Indices Auto'!CF16&lt;100),"V",IF(AND('Cambios Auto'!CE16&lt;0,'Indices Auto'!CF16&gt;100),"A",IF(AND('Cambios Auto'!CE16&gt;0,'Indices Auto'!CF16&lt;100),"N",IF(AND('Cambios Auto'!CE16&gt;0,'Indices Auto'!CF16&gt;100),"R","NULL"))))</f>
        <v>N</v>
      </c>
      <c r="CF16" s="2" t="str">
        <f>IF(AND('Cambios Auto'!CF16&lt;0,'Indices Auto'!CG16&lt;100),"V",IF(AND('Cambios Auto'!CF16&lt;0,'Indices Auto'!CG16&gt;100),"A",IF(AND('Cambios Auto'!CF16&gt;0,'Indices Auto'!CG16&lt;100),"N",IF(AND('Cambios Auto'!CF16&gt;0,'Indices Auto'!CG16&gt;100),"R","NULL"))))</f>
        <v>N</v>
      </c>
      <c r="CG16" s="2" t="str">
        <f>IF(AND('Cambios Auto'!CG16&lt;0,'Indices Auto'!CH16&lt;100),"V",IF(AND('Cambios Auto'!CG16&lt;0,'Indices Auto'!CH16&gt;100),"A",IF(AND('Cambios Auto'!CG16&gt;0,'Indices Auto'!CH16&lt;100),"N",IF(AND('Cambios Auto'!CG16&gt;0,'Indices Auto'!CH16&gt;100),"R","NULL"))))</f>
        <v>R</v>
      </c>
      <c r="CH16" s="2" t="str">
        <f>IF(AND('Cambios Auto'!CH16&lt;0,'Indices Auto'!CI16&lt;100),"V",IF(AND('Cambios Auto'!CH16&lt;0,'Indices Auto'!CI16&gt;100),"A",IF(AND('Cambios Auto'!CH16&gt;0,'Indices Auto'!CI16&lt;100),"N",IF(AND('Cambios Auto'!CH16&gt;0,'Indices Auto'!CI16&gt;100),"R","NULL"))))</f>
        <v>R</v>
      </c>
      <c r="CI16" s="2" t="str">
        <f>IF(AND('Cambios Auto'!CI16&lt;0,'Indices Auto'!CJ16&lt;100),"V",IF(AND('Cambios Auto'!CI16&lt;0,'Indices Auto'!CJ16&gt;100),"A",IF(AND('Cambios Auto'!CI16&gt;0,'Indices Auto'!CJ16&lt;100),"N",IF(AND('Cambios Auto'!CI16&gt;0,'Indices Auto'!CJ16&gt;100),"R","NULL"))))</f>
        <v>R</v>
      </c>
      <c r="CJ16" s="2" t="str">
        <f>IF(AND('Cambios Auto'!CJ16&lt;0,'Indices Auto'!CK16&lt;100),"V",IF(AND('Cambios Auto'!CJ16&lt;0,'Indices Auto'!CK16&gt;100),"A",IF(AND('Cambios Auto'!CJ16&gt;0,'Indices Auto'!CK16&lt;100),"N",IF(AND('Cambios Auto'!CJ16&gt;0,'Indices Auto'!CK16&gt;100),"R","NULL"))))</f>
        <v>R</v>
      </c>
      <c r="CK16" s="2" t="str">
        <f>IF(AND('Cambios Auto'!CK16&lt;0,'Indices Auto'!CL16&lt;100),"V",IF(AND('Cambios Auto'!CK16&lt;0,'Indices Auto'!CL16&gt;100),"A",IF(AND('Cambios Auto'!CK16&gt;0,'Indices Auto'!CL16&lt;100),"N",IF(AND('Cambios Auto'!CK16&gt;0,'Indices Auto'!CL16&gt;100),"R","NULL"))))</f>
        <v>R</v>
      </c>
      <c r="CL16" s="2" t="str">
        <f>IF(AND('Cambios Auto'!CL16&lt;0,'Indices Auto'!CM16&lt;100),"V",IF(AND('Cambios Auto'!CL16&lt;0,'Indices Auto'!CM16&gt;100),"A",IF(AND('Cambios Auto'!CL16&gt;0,'Indices Auto'!CM16&lt;100),"N",IF(AND('Cambios Auto'!CL16&gt;0,'Indices Auto'!CM16&gt;100),"R","NULL"))))</f>
        <v>R</v>
      </c>
      <c r="CM16" s="2" t="str">
        <f>IF(AND('Cambios Auto'!CM16&lt;0,'Indices Auto'!CN16&lt;100),"V",IF(AND('Cambios Auto'!CM16&lt;0,'Indices Auto'!CN16&gt;100),"A",IF(AND('Cambios Auto'!CM16&gt;0,'Indices Auto'!CN16&lt;100),"N",IF(AND('Cambios Auto'!CM16&gt;0,'Indices Auto'!CN16&gt;100),"R","NULL"))))</f>
        <v>R</v>
      </c>
      <c r="CN16" s="2" t="str">
        <f>IF(AND('Cambios Auto'!CN16&lt;0,'Indices Auto'!CO16&lt;100),"V",IF(AND('Cambios Auto'!CN16&lt;0,'Indices Auto'!CO16&gt;100),"A",IF(AND('Cambios Auto'!CN16&gt;0,'Indices Auto'!CO16&lt;100),"N",IF(AND('Cambios Auto'!CN16&gt;0,'Indices Auto'!CO16&gt;100),"R","NULL"))))</f>
        <v>R</v>
      </c>
      <c r="CO16" s="2" t="str">
        <f>IF(AND('Cambios Auto'!CO16&lt;0,'Indices Auto'!CP16&lt;100),"V",IF(AND('Cambios Auto'!CO16&lt;0,'Indices Auto'!CP16&gt;100),"A",IF(AND('Cambios Auto'!CO16&gt;0,'Indices Auto'!CP16&lt;100),"N",IF(AND('Cambios Auto'!CO16&gt;0,'Indices Auto'!CP16&gt;100),"R","NULL"))))</f>
        <v>R</v>
      </c>
      <c r="CP16" s="2" t="str">
        <f>IF(AND('Cambios Auto'!CP16&lt;0,'Indices Auto'!CQ16&lt;100),"V",IF(AND('Cambios Auto'!CP16&lt;0,'Indices Auto'!CQ16&gt;100),"A",IF(AND('Cambios Auto'!CP16&gt;0,'Indices Auto'!CQ16&lt;100),"N",IF(AND('Cambios Auto'!CP16&gt;0,'Indices Auto'!CQ16&gt;100),"R","NULL"))))</f>
        <v>R</v>
      </c>
      <c r="CQ16" s="2" t="str">
        <f>IF(AND('Cambios Auto'!CQ16&lt;0,'Indices Auto'!CR16&lt;100),"V",IF(AND('Cambios Auto'!CQ16&lt;0,'Indices Auto'!CR16&gt;100),"A",IF(AND('Cambios Auto'!CQ16&gt;0,'Indices Auto'!CR16&lt;100),"N",IF(AND('Cambios Auto'!CQ16&gt;0,'Indices Auto'!CR16&gt;100),"R","NULL"))))</f>
        <v>R</v>
      </c>
      <c r="CR16" s="2" t="str">
        <f>IF(AND('Cambios Auto'!CR16&lt;0,'Indices Auto'!CS16&lt;100),"V",IF(AND('Cambios Auto'!CR16&lt;0,'Indices Auto'!CS16&gt;100),"A",IF(AND('Cambios Auto'!CR16&gt;0,'Indices Auto'!CS16&lt;100),"N",IF(AND('Cambios Auto'!CR16&gt;0,'Indices Auto'!CS16&gt;100),"R","NULL"))))</f>
        <v>R</v>
      </c>
      <c r="CS16" s="2" t="str">
        <f>IF(AND('Cambios Auto'!CS16&lt;0,'Indices Auto'!CT16&lt;100),"V",IF(AND('Cambios Auto'!CS16&lt;0,'Indices Auto'!CT16&gt;100),"A",IF(AND('Cambios Auto'!CS16&gt;0,'Indices Auto'!CT16&lt;100),"N",IF(AND('Cambios Auto'!CS16&gt;0,'Indices Auto'!CT16&gt;100),"R","NULL"))))</f>
        <v>R</v>
      </c>
      <c r="CT16" s="2" t="str">
        <f>IF(AND('Cambios Auto'!CT16&lt;0,'Indices Auto'!CU16&lt;100),"V",IF(AND('Cambios Auto'!CT16&lt;0,'Indices Auto'!CU16&gt;100),"A",IF(AND('Cambios Auto'!CT16&gt;0,'Indices Auto'!CU16&lt;100),"N",IF(AND('Cambios Auto'!CT16&gt;0,'Indices Auto'!CU16&gt;100),"R","NULL"))))</f>
        <v>R</v>
      </c>
      <c r="CU16" s="2" t="str">
        <f>IF(AND('Cambios Auto'!CU16&lt;0,'Indices Auto'!CV16&lt;100),"V",IF(AND('Cambios Auto'!CU16&lt;0,'Indices Auto'!CV16&gt;100),"A",IF(AND('Cambios Auto'!CU16&gt;0,'Indices Auto'!CV16&lt;100),"N",IF(AND('Cambios Auto'!CU16&gt;0,'Indices Auto'!CV16&gt;100),"R","NULL"))))</f>
        <v>R</v>
      </c>
      <c r="CV16" s="2" t="str">
        <f>IF(AND('Cambios Auto'!CV16&lt;0,'Indices Auto'!CW16&lt;100),"V",IF(AND('Cambios Auto'!CV16&lt;0,'Indices Auto'!CW16&gt;100),"A",IF(AND('Cambios Auto'!CV16&gt;0,'Indices Auto'!CW16&lt;100),"N",IF(AND('Cambios Auto'!CV16&gt;0,'Indices Auto'!CW16&gt;100),"R","NULL"))))</f>
        <v>R</v>
      </c>
      <c r="CW16" s="2" t="str">
        <f>IF(AND('Cambios Auto'!CW16&lt;0,'Indices Auto'!CX16&lt;100),"V",IF(AND('Cambios Auto'!CW16&lt;0,'Indices Auto'!CX16&gt;100),"A",IF(AND('Cambios Auto'!CW16&gt;0,'Indices Auto'!CX16&lt;100),"N",IF(AND('Cambios Auto'!CW16&gt;0,'Indices Auto'!CX16&gt;100),"R","NULL"))))</f>
        <v>R</v>
      </c>
      <c r="CX16" s="2" t="str">
        <f>IF(AND('Cambios Auto'!CX16&lt;0,'Indices Auto'!CY16&lt;100),"V",IF(AND('Cambios Auto'!CX16&lt;0,'Indices Auto'!CY16&gt;100),"A",IF(AND('Cambios Auto'!CX16&gt;0,'Indices Auto'!CY16&lt;100),"N",IF(AND('Cambios Auto'!CX16&gt;0,'Indices Auto'!CY16&gt;100),"R","NULL"))))</f>
        <v>R</v>
      </c>
      <c r="CY16" s="2" t="str">
        <f>IF(AND('Cambios Auto'!CY16&lt;0,'Indices Auto'!CZ16&lt;100),"V",IF(AND('Cambios Auto'!CY16&lt;0,'Indices Auto'!CZ16&gt;100),"A",IF(AND('Cambios Auto'!CY16&gt;0,'Indices Auto'!CZ16&lt;100),"N",IF(AND('Cambios Auto'!CY16&gt;0,'Indices Auto'!CZ16&gt;100),"R","NULL"))))</f>
        <v>R</v>
      </c>
      <c r="CZ16" s="2" t="str">
        <f>IF(AND('Cambios Auto'!CZ16&lt;0,'Indices Auto'!DA16&lt;100),"V",IF(AND('Cambios Auto'!CZ16&lt;0,'Indices Auto'!DA16&gt;100),"A",IF(AND('Cambios Auto'!CZ16&gt;0,'Indices Auto'!DA16&lt;100),"N",IF(AND('Cambios Auto'!CZ16&gt;0,'Indices Auto'!DA16&gt;100),"R","NULL"))))</f>
        <v>R</v>
      </c>
      <c r="DA16" s="2" t="str">
        <f>IF(AND('Cambios Auto'!DA16&lt;0,'Indices Auto'!DB16&lt;100),"V",IF(AND('Cambios Auto'!DA16&lt;0,'Indices Auto'!DB16&gt;100),"A",IF(AND('Cambios Auto'!DA16&gt;0,'Indices Auto'!DB16&lt;100),"N",IF(AND('Cambios Auto'!DA16&gt;0,'Indices Auto'!DB16&gt;100),"R","NULL"))))</f>
        <v>R</v>
      </c>
      <c r="DB16" s="2" t="str">
        <f>IF(AND('Cambios Auto'!DB16&lt;0,'Indices Auto'!DC16&lt;100),"V",IF(AND('Cambios Auto'!DB16&lt;0,'Indices Auto'!DC16&gt;100),"A",IF(AND('Cambios Auto'!DB16&gt;0,'Indices Auto'!DC16&lt;100),"N",IF(AND('Cambios Auto'!DB16&gt;0,'Indices Auto'!DC16&gt;100),"R","NULL"))))</f>
        <v>R</v>
      </c>
      <c r="DC16" s="2" t="str">
        <f>IF(AND('Cambios Auto'!DC16&lt;0,'Indices Auto'!DD16&lt;100),"V",IF(AND('Cambios Auto'!DC16&lt;0,'Indices Auto'!DD16&gt;100),"A",IF(AND('Cambios Auto'!DC16&gt;0,'Indices Auto'!DD16&lt;100),"N",IF(AND('Cambios Auto'!DC16&gt;0,'Indices Auto'!DD16&gt;100),"R","NULL"))))</f>
        <v>R</v>
      </c>
      <c r="DD16" s="2" t="str">
        <f>IF(AND('Cambios Auto'!DD16&lt;0,'Indices Auto'!DE16&lt;100),"V",IF(AND('Cambios Auto'!DD16&lt;0,'Indices Auto'!DE16&gt;100),"A",IF(AND('Cambios Auto'!DD16&gt;0,'Indices Auto'!DE16&lt;100),"N",IF(AND('Cambios Auto'!DD16&gt;0,'Indices Auto'!DE16&gt;100),"R","NULL"))))</f>
        <v>R</v>
      </c>
      <c r="DE16" s="2" t="str">
        <f>IF(AND('Cambios Auto'!DE16&lt;0,'Indices Auto'!DF16&lt;100),"V",IF(AND('Cambios Auto'!DE16&lt;0,'Indices Auto'!DF16&gt;100),"A",IF(AND('Cambios Auto'!DE16&gt;0,'Indices Auto'!DF16&lt;100),"N",IF(AND('Cambios Auto'!DE16&gt;0,'Indices Auto'!DF16&gt;100),"R","NULL"))))</f>
        <v>A</v>
      </c>
      <c r="DF16" s="2" t="str">
        <f>IF(AND('Cambios Auto'!DF16&lt;0,'Indices Auto'!DG16&lt;100),"V",IF(AND('Cambios Auto'!DF16&lt;0,'Indices Auto'!DG16&gt;100),"A",IF(AND('Cambios Auto'!DF16&gt;0,'Indices Auto'!DG16&lt;100),"N",IF(AND('Cambios Auto'!DF16&gt;0,'Indices Auto'!DG16&gt;100),"R","NULL"))))</f>
        <v>A</v>
      </c>
      <c r="DG16" s="2" t="str">
        <f>IF(AND('Cambios Auto'!DG16&lt;0,'Indices Auto'!DH16&lt;100),"V",IF(AND('Cambios Auto'!DG16&lt;0,'Indices Auto'!DH16&gt;100),"A",IF(AND('Cambios Auto'!DG16&gt;0,'Indices Auto'!DH16&lt;100),"N",IF(AND('Cambios Auto'!DG16&gt;0,'Indices Auto'!DH16&gt;100),"R","NULL"))))</f>
        <v>A</v>
      </c>
      <c r="DH16" s="2" t="str">
        <f>IF(AND('Cambios Auto'!DH16&lt;0,'Indices Auto'!DI16&lt;100),"V",IF(AND('Cambios Auto'!DH16&lt;0,'Indices Auto'!DI16&gt;100),"A",IF(AND('Cambios Auto'!DH16&gt;0,'Indices Auto'!DI16&lt;100),"N",IF(AND('Cambios Auto'!DH16&gt;0,'Indices Auto'!DI16&gt;100),"R","NULL"))))</f>
        <v>A</v>
      </c>
      <c r="DI16" s="2" t="str">
        <f>IF(AND('Cambios Auto'!DI16&lt;0,'Indices Auto'!DJ16&lt;100),"V",IF(AND('Cambios Auto'!DI16&lt;0,'Indices Auto'!DJ16&gt;100),"A",IF(AND('Cambios Auto'!DI16&gt;0,'Indices Auto'!DJ16&lt;100),"N",IF(AND('Cambios Auto'!DI16&gt;0,'Indices Auto'!DJ16&gt;100),"R","NULL"))))</f>
        <v>V</v>
      </c>
      <c r="DJ16" s="2" t="str">
        <f>IF(AND('Cambios Auto'!DJ16&lt;0,'Indices Auto'!DK16&lt;100),"V",IF(AND('Cambios Auto'!DJ16&lt;0,'Indices Auto'!DK16&gt;100),"A",IF(AND('Cambios Auto'!DJ16&gt;0,'Indices Auto'!DK16&lt;100),"N",IF(AND('Cambios Auto'!DJ16&gt;0,'Indices Auto'!DK16&gt;100),"R","NULL"))))</f>
        <v>V</v>
      </c>
      <c r="DK16" s="2" t="str">
        <f>IF(AND('Cambios Auto'!DK16&lt;0,'Indices Auto'!DL16&lt;100),"V",IF(AND('Cambios Auto'!DK16&lt;0,'Indices Auto'!DL16&gt;100),"A",IF(AND('Cambios Auto'!DK16&gt;0,'Indices Auto'!DL16&lt;100),"N",IF(AND('Cambios Auto'!DK16&gt;0,'Indices Auto'!DL16&gt;100),"R","NULL"))))</f>
        <v>V</v>
      </c>
      <c r="DL16" s="2" t="str">
        <f>IF(AND('Cambios Auto'!DL16&lt;0,'Indices Auto'!DM16&lt;100),"V",IF(AND('Cambios Auto'!DL16&lt;0,'Indices Auto'!DM16&gt;100),"A",IF(AND('Cambios Auto'!DL16&gt;0,'Indices Auto'!DM16&lt;100),"N",IF(AND('Cambios Auto'!DL16&gt;0,'Indices Auto'!DM16&gt;100),"R","NULL"))))</f>
        <v>V</v>
      </c>
      <c r="DM16" s="2" t="str">
        <f>IF(AND('Cambios Auto'!DM16&lt;0,'Indices Auto'!DN16&lt;100),"V",IF(AND('Cambios Auto'!DM16&lt;0,'Indices Auto'!DN16&gt;100),"A",IF(AND('Cambios Auto'!DM16&gt;0,'Indices Auto'!DN16&lt;100),"N",IF(AND('Cambios Auto'!DM16&gt;0,'Indices Auto'!DN16&gt;100),"R","NULL"))))</f>
        <v>V</v>
      </c>
      <c r="DN16" s="2" t="str">
        <f>IF(AND('Cambios Auto'!DN16&lt;0,'Indices Auto'!DO16&lt;100),"V",IF(AND('Cambios Auto'!DN16&lt;0,'Indices Auto'!DO16&gt;100),"A",IF(AND('Cambios Auto'!DN16&gt;0,'Indices Auto'!DO16&lt;100),"N",IF(AND('Cambios Auto'!DN16&gt;0,'Indices Auto'!DO16&gt;100),"R","NULL"))))</f>
        <v>V</v>
      </c>
      <c r="DO16" s="2" t="str">
        <f>IF(AND('Cambios Auto'!DO16&lt;0,'Indices Auto'!DP16&lt;100),"V",IF(AND('Cambios Auto'!DO16&lt;0,'Indices Auto'!DP16&gt;100),"A",IF(AND('Cambios Auto'!DO16&gt;0,'Indices Auto'!DP16&lt;100),"N",IF(AND('Cambios Auto'!DO16&gt;0,'Indices Auto'!DP16&gt;100),"R","NULL"))))</f>
        <v>V</v>
      </c>
      <c r="DP16" s="2" t="str">
        <f>IF(AND('Cambios Auto'!DP16&lt;0,'Indices Auto'!DQ16&lt;100),"V",IF(AND('Cambios Auto'!DP16&lt;0,'Indices Auto'!DQ16&gt;100),"A",IF(AND('Cambios Auto'!DP16&gt;0,'Indices Auto'!DQ16&lt;100),"N",IF(AND('Cambios Auto'!DP16&gt;0,'Indices Auto'!DQ16&gt;100),"R","NULL"))))</f>
        <v>N</v>
      </c>
      <c r="DQ16" s="2" t="str">
        <f>IF(AND('Cambios Auto'!DQ16&lt;0,'Indices Auto'!DR16&lt;100),"V",IF(AND('Cambios Auto'!DQ16&lt;0,'Indices Auto'!DR16&gt;100),"A",IF(AND('Cambios Auto'!DQ16&gt;0,'Indices Auto'!DR16&lt;100),"N",IF(AND('Cambios Auto'!DQ16&gt;0,'Indices Auto'!DR16&gt;100),"R","NULL"))))</f>
        <v>N</v>
      </c>
      <c r="DR16" s="2" t="str">
        <f>IF(AND('Cambios Auto'!DR16&lt;0,'Indices Auto'!DS16&lt;100),"V",IF(AND('Cambios Auto'!DR16&lt;0,'Indices Auto'!DS16&gt;100),"A",IF(AND('Cambios Auto'!DR16&gt;0,'Indices Auto'!DS16&lt;100),"N",IF(AND('Cambios Auto'!DR16&gt;0,'Indices Auto'!DS16&gt;100),"R","NULL"))))</f>
        <v>N</v>
      </c>
      <c r="DS16" s="2" t="str">
        <f>IF(AND('Cambios Auto'!DS16&lt;0,'Indices Auto'!DT16&lt;100),"V",IF(AND('Cambios Auto'!DS16&lt;0,'Indices Auto'!DT16&gt;100),"A",IF(AND('Cambios Auto'!DS16&gt;0,'Indices Auto'!DT16&lt;100),"N",IF(AND('Cambios Auto'!DS16&gt;0,'Indices Auto'!DT16&gt;100),"R","NULL"))))</f>
        <v>N</v>
      </c>
      <c r="DT16" s="2" t="str">
        <f>IF(AND('Cambios Auto'!DT16&lt;0,'Indices Auto'!DU16&lt;100),"V",IF(AND('Cambios Auto'!DT16&lt;0,'Indices Auto'!DU16&gt;100),"A",IF(AND('Cambios Auto'!DT16&gt;0,'Indices Auto'!DU16&lt;100),"N",IF(AND('Cambios Auto'!DT16&gt;0,'Indices Auto'!DU16&gt;100),"R","NULL"))))</f>
        <v>N</v>
      </c>
      <c r="DU16" s="2" t="str">
        <f>IF(AND('Cambios Auto'!DU16&lt;0,'Indices Auto'!DV16&lt;100),"V",IF(AND('Cambios Auto'!DU16&lt;0,'Indices Auto'!DV16&gt;100),"A",IF(AND('Cambios Auto'!DU16&gt;0,'Indices Auto'!DV16&lt;100),"N",IF(AND('Cambios Auto'!DU16&gt;0,'Indices Auto'!DV16&gt;100),"R","NULL"))))</f>
        <v>N</v>
      </c>
      <c r="DV16" s="2" t="str">
        <f>IF(AND('Cambios Auto'!DV16&lt;0,'Indices Auto'!DW16&lt;100),"V",IF(AND('Cambios Auto'!DV16&lt;0,'Indices Auto'!DW16&gt;100),"A",IF(AND('Cambios Auto'!DV16&gt;0,'Indices Auto'!DW16&lt;100),"N",IF(AND('Cambios Auto'!DV16&gt;0,'Indices Auto'!DW16&gt;100),"R","NULL"))))</f>
        <v>N</v>
      </c>
      <c r="DW16" s="2" t="str">
        <f>IF(AND('Cambios Auto'!DW16&lt;0,'Indices Auto'!DX16&lt;100),"V",IF(AND('Cambios Auto'!DW16&lt;0,'Indices Auto'!DX16&gt;100),"A",IF(AND('Cambios Auto'!DW16&gt;0,'Indices Auto'!DX16&lt;100),"N",IF(AND('Cambios Auto'!DW16&gt;0,'Indices Auto'!DX16&gt;100),"R","NULL"))))</f>
        <v>N</v>
      </c>
      <c r="DX16" s="2" t="str">
        <f>IF(AND('Cambios Auto'!DX16&lt;0,'Indices Auto'!DY16&lt;100),"V",IF(AND('Cambios Auto'!DX16&lt;0,'Indices Auto'!DY16&gt;100),"A",IF(AND('Cambios Auto'!DX16&gt;0,'Indices Auto'!DY16&lt;100),"N",IF(AND('Cambios Auto'!DX16&gt;0,'Indices Auto'!DY16&gt;100),"R","NULL"))))</f>
        <v>N</v>
      </c>
      <c r="DY16" s="2" t="str">
        <f>IF(AND('Cambios Auto'!DY16&lt;0,'Indices Auto'!DZ16&lt;100),"V",IF(AND('Cambios Auto'!DY16&lt;0,'Indices Auto'!DZ16&gt;100),"A",IF(AND('Cambios Auto'!DY16&gt;0,'Indices Auto'!DZ16&lt;100),"N",IF(AND('Cambios Auto'!DY16&gt;0,'Indices Auto'!DZ16&gt;100),"R","NULL"))))</f>
        <v>N</v>
      </c>
      <c r="DZ16" s="2" t="str">
        <f>IF(AND('Cambios Auto'!DZ16&lt;0,'Indices Auto'!EA16&lt;100),"V",IF(AND('Cambios Auto'!DZ16&lt;0,'Indices Auto'!EA16&gt;100),"A",IF(AND('Cambios Auto'!DZ16&gt;0,'Indices Auto'!EA16&lt;100),"N",IF(AND('Cambios Auto'!DZ16&gt;0,'Indices Auto'!EA16&gt;100),"R","NULL"))))</f>
        <v>N</v>
      </c>
      <c r="EA16" s="2" t="str">
        <f>IF(AND('Cambios Auto'!EA16&lt;0,'Indices Auto'!EB16&lt;100),"V",IF(AND('Cambios Auto'!EA16&lt;0,'Indices Auto'!EB16&gt;100),"A",IF(AND('Cambios Auto'!EA16&gt;0,'Indices Auto'!EB16&lt;100),"N",IF(AND('Cambios Auto'!EA16&gt;0,'Indices Auto'!EB16&gt;100),"R","NULL"))))</f>
        <v>N</v>
      </c>
      <c r="EB16" s="2" t="str">
        <f>IF(AND('Cambios Auto'!EB16&lt;0,'Indices Auto'!EC16&lt;100),"V",IF(AND('Cambios Auto'!EB16&lt;0,'Indices Auto'!EC16&gt;100),"A",IF(AND('Cambios Auto'!EB16&gt;0,'Indices Auto'!EC16&lt;100),"N",IF(AND('Cambios Auto'!EB16&gt;0,'Indices Auto'!EC16&gt;100),"R","NULL"))))</f>
        <v>N</v>
      </c>
      <c r="EC16" s="2" t="str">
        <f>IF(AND('Cambios Auto'!EC16&lt;0,'Indices Auto'!ED16&lt;100),"V",IF(AND('Cambios Auto'!EC16&lt;0,'Indices Auto'!ED16&gt;100),"A",IF(AND('Cambios Auto'!EC16&gt;0,'Indices Auto'!ED16&lt;100),"N",IF(AND('Cambios Auto'!EC16&gt;0,'Indices Auto'!ED16&gt;100),"R","NULL"))))</f>
        <v>N</v>
      </c>
      <c r="ED16" s="2" t="str">
        <f>IF(AND('Cambios Auto'!ED16&lt;0,'Indices Auto'!EE16&lt;100),"V",IF(AND('Cambios Auto'!ED16&lt;0,'Indices Auto'!EE16&gt;100),"A",IF(AND('Cambios Auto'!ED16&gt;0,'Indices Auto'!EE16&lt;100),"N",IF(AND('Cambios Auto'!ED16&gt;0,'Indices Auto'!EE16&gt;100),"R","NULL"))))</f>
        <v>N</v>
      </c>
      <c r="EE16" s="2" t="str">
        <f>IF(AND('Cambios Auto'!EE16&lt;0,'Indices Auto'!EF16&lt;100),"V",IF(AND('Cambios Auto'!EE16&lt;0,'Indices Auto'!EF16&gt;100),"A",IF(AND('Cambios Auto'!EE16&gt;0,'Indices Auto'!EF16&lt;100),"N",IF(AND('Cambios Auto'!EE16&gt;0,'Indices Auto'!EF16&gt;100),"R","NULL"))))</f>
        <v>N</v>
      </c>
      <c r="EF16" s="2" t="str">
        <f>IF(AND('Cambios Auto'!EF16&lt;0,'Indices Auto'!EG16&lt;100),"V",IF(AND('Cambios Auto'!EF16&lt;0,'Indices Auto'!EG16&gt;100),"A",IF(AND('Cambios Auto'!EF16&gt;0,'Indices Auto'!EG16&lt;100),"N",IF(AND('Cambios Auto'!EF16&gt;0,'Indices Auto'!EG16&gt;100),"R","NULL"))))</f>
        <v>N</v>
      </c>
      <c r="EG16" s="2" t="str">
        <f>IF(AND('Cambios Auto'!EG16&lt;0,'Indices Auto'!EH16&lt;100),"V",IF(AND('Cambios Auto'!EG16&lt;0,'Indices Auto'!EH16&gt;100),"A",IF(AND('Cambios Auto'!EG16&gt;0,'Indices Auto'!EH16&lt;100),"N",IF(AND('Cambios Auto'!EG16&gt;0,'Indices Auto'!EH16&gt;100),"R","NULL"))))</f>
        <v>N</v>
      </c>
      <c r="EH16" s="2" t="str">
        <f>IF(AND('Cambios Auto'!EH16&lt;0,'Indices Auto'!EI16&lt;100),"V",IF(AND('Cambios Auto'!EH16&lt;0,'Indices Auto'!EI16&gt;100),"A",IF(AND('Cambios Auto'!EH16&gt;0,'Indices Auto'!EI16&lt;100),"N",IF(AND('Cambios Auto'!EH16&gt;0,'Indices Auto'!EI16&gt;100),"R","NULL"))))</f>
        <v>N</v>
      </c>
      <c r="EI16" s="2" t="str">
        <f>IF(AND('Cambios Auto'!EI16&lt;0,'Indices Auto'!EJ16&lt;100),"V",IF(AND('Cambios Auto'!EI16&lt;0,'Indices Auto'!EJ16&gt;100),"A",IF(AND('Cambios Auto'!EI16&gt;0,'Indices Auto'!EJ16&lt;100),"N",IF(AND('Cambios Auto'!EI16&gt;0,'Indices Auto'!EJ16&gt;100),"R","NULL"))))</f>
        <v>N</v>
      </c>
      <c r="EJ16" s="2" t="str">
        <f>IF(AND('Cambios Auto'!EJ16&lt;0,'Indices Auto'!EK16&lt;100),"V",IF(AND('Cambios Auto'!EJ16&lt;0,'Indices Auto'!EK16&gt;100),"A",IF(AND('Cambios Auto'!EJ16&gt;0,'Indices Auto'!EK16&lt;100),"N",IF(AND('Cambios Auto'!EJ16&gt;0,'Indices Auto'!EK16&gt;100),"R","NULL"))))</f>
        <v>N</v>
      </c>
      <c r="EK16" s="2" t="str">
        <f>IF(AND('Cambios Auto'!EK16&lt;0,'Indices Auto'!EL16&lt;100),"V",IF(AND('Cambios Auto'!EK16&lt;0,'Indices Auto'!EL16&gt;100),"A",IF(AND('Cambios Auto'!EK16&gt;0,'Indices Auto'!EL16&lt;100),"N",IF(AND('Cambios Auto'!EK16&gt;0,'Indices Auto'!EL16&gt;100),"R","NULL"))))</f>
        <v>N</v>
      </c>
      <c r="EL16" s="2" t="str">
        <f>IF(AND('Cambios Auto'!EL16&lt;0,'Indices Auto'!EM16&lt;100),"V",IF(AND('Cambios Auto'!EL16&lt;0,'Indices Auto'!EM16&gt;100),"A",IF(AND('Cambios Auto'!EL16&gt;0,'Indices Auto'!EM16&lt;100),"N",IF(AND('Cambios Auto'!EL16&gt;0,'Indices Auto'!EM16&gt;100),"R","NULL"))))</f>
        <v>N</v>
      </c>
      <c r="EM16" s="2" t="str">
        <f>IF(AND('Cambios Auto'!EM16&lt;0,'Indices Auto'!EN16&lt;100),"V",IF(AND('Cambios Auto'!EM16&lt;0,'Indices Auto'!EN16&gt;100),"A",IF(AND('Cambios Auto'!EM16&gt;0,'Indices Auto'!EN16&lt;100),"N",IF(AND('Cambios Auto'!EM16&gt;0,'Indices Auto'!EN16&gt;100),"R","NULL"))))</f>
        <v>N</v>
      </c>
      <c r="EN16" s="2" t="str">
        <f>IF(AND('Cambios Auto'!EN16&lt;0,'Indices Auto'!EO16&lt;100),"V",IF(AND('Cambios Auto'!EN16&lt;0,'Indices Auto'!EO16&gt;100),"A",IF(AND('Cambios Auto'!EN16&gt;0,'Indices Auto'!EO16&lt;100),"N",IF(AND('Cambios Auto'!EN16&gt;0,'Indices Auto'!EO16&gt;100),"R","NULL"))))</f>
        <v>R</v>
      </c>
      <c r="EO16" s="2" t="str">
        <f>IF(AND('Cambios Auto'!EO16&lt;0,'Indices Auto'!EP16&lt;100),"V",IF(AND('Cambios Auto'!EO16&lt;0,'Indices Auto'!EP16&gt;100),"A",IF(AND('Cambios Auto'!EO16&gt;0,'Indices Auto'!EP16&lt;100),"N",IF(AND('Cambios Auto'!EO16&gt;0,'Indices Auto'!EP16&gt;100),"R","NULL"))))</f>
        <v>R</v>
      </c>
      <c r="EP16" s="2" t="str">
        <f>IF(AND('Cambios Auto'!EP16&lt;0,'Indices Auto'!EQ16&lt;100),"V",IF(AND('Cambios Auto'!EP16&lt;0,'Indices Auto'!EQ16&gt;100),"A",IF(AND('Cambios Auto'!EP16&gt;0,'Indices Auto'!EQ16&lt;100),"N",IF(AND('Cambios Auto'!EP16&gt;0,'Indices Auto'!EQ16&gt;100),"R","NULL"))))</f>
        <v>R</v>
      </c>
      <c r="EQ16" s="2" t="str">
        <f>IF(AND('Cambios Auto'!EQ16&lt;0,'Indices Auto'!ER16&lt;100),"V",IF(AND('Cambios Auto'!EQ16&lt;0,'Indices Auto'!ER16&gt;100),"A",IF(AND('Cambios Auto'!EQ16&gt;0,'Indices Auto'!ER16&lt;100),"N",IF(AND('Cambios Auto'!EQ16&gt;0,'Indices Auto'!ER16&gt;100),"R","NULL"))))</f>
        <v>R</v>
      </c>
      <c r="ER16" s="2" t="str">
        <f>IF(AND('Cambios Auto'!ER16&lt;0,'Indices Auto'!ES16&lt;100),"V",IF(AND('Cambios Auto'!ER16&lt;0,'Indices Auto'!ES16&gt;100),"A",IF(AND('Cambios Auto'!ER16&gt;0,'Indices Auto'!ES16&lt;100),"N",IF(AND('Cambios Auto'!ER16&gt;0,'Indices Auto'!ES16&gt;100),"R","NULL"))))</f>
        <v>R</v>
      </c>
      <c r="ES16" s="2" t="str">
        <f>IF(AND('Cambios Auto'!ES16&lt;0,'Indices Auto'!ET16&lt;100),"V",IF(AND('Cambios Auto'!ES16&lt;0,'Indices Auto'!ET16&gt;100),"A",IF(AND('Cambios Auto'!ES16&gt;0,'Indices Auto'!ET16&lt;100),"N",IF(AND('Cambios Auto'!ES16&gt;0,'Indices Auto'!ET16&gt;100),"R","NULL"))))</f>
        <v>R</v>
      </c>
      <c r="ET16" s="2" t="str">
        <f>IF(AND('Cambios Auto'!ET16&lt;0,'Indices Auto'!EU16&lt;100),"V",IF(AND('Cambios Auto'!ET16&lt;0,'Indices Auto'!EU16&gt;100),"A",IF(AND('Cambios Auto'!ET16&gt;0,'Indices Auto'!EU16&lt;100),"N",IF(AND('Cambios Auto'!ET16&gt;0,'Indices Auto'!EU16&gt;100),"R","NULL"))))</f>
        <v>R</v>
      </c>
      <c r="EU16" s="2" t="str">
        <f>IF(AND('Cambios Auto'!EU16&lt;0,'Indices Auto'!EV16&lt;100),"V",IF(AND('Cambios Auto'!EU16&lt;0,'Indices Auto'!EV16&gt;100),"A",IF(AND('Cambios Auto'!EU16&gt;0,'Indices Auto'!EV16&lt;100),"N",IF(AND('Cambios Auto'!EU16&gt;0,'Indices Auto'!EV16&gt;100),"R","NULL"))))</f>
        <v>R</v>
      </c>
      <c r="EV16" s="2" t="str">
        <f>IF(AND('Cambios Auto'!EV16&lt;0,'Indices Auto'!EW16&lt;100),"V",IF(AND('Cambios Auto'!EV16&lt;0,'Indices Auto'!EW16&gt;100),"A",IF(AND('Cambios Auto'!EV16&gt;0,'Indices Auto'!EW16&lt;100),"N",IF(AND('Cambios Auto'!EV16&gt;0,'Indices Auto'!EW16&gt;100),"R","NULL"))))</f>
        <v>R</v>
      </c>
      <c r="EW16" s="2" t="str">
        <f>IF(AND('Cambios Auto'!EW16&lt;0,'Indices Auto'!EX16&lt;100),"V",IF(AND('Cambios Auto'!EW16&lt;0,'Indices Auto'!EX16&gt;100),"A",IF(AND('Cambios Auto'!EW16&gt;0,'Indices Auto'!EX16&lt;100),"N",IF(AND('Cambios Auto'!EW16&gt;0,'Indices Auto'!EX16&gt;100),"R","NULL"))))</f>
        <v>R</v>
      </c>
      <c r="EX16" s="2" t="str">
        <f>IF(AND('Cambios Auto'!EX16&lt;0,'Indices Auto'!EY16&lt;100),"V",IF(AND('Cambios Auto'!EX16&lt;0,'Indices Auto'!EY16&gt;100),"A",IF(AND('Cambios Auto'!EX16&gt;0,'Indices Auto'!EY16&lt;100),"N",IF(AND('Cambios Auto'!EX16&gt;0,'Indices Auto'!EY16&gt;100),"R","NULL"))))</f>
        <v>R</v>
      </c>
      <c r="EY16" s="2" t="str">
        <f>IF(AND('Cambios Auto'!EY16&lt;0,'Indices Auto'!EZ16&lt;100),"V",IF(AND('Cambios Auto'!EY16&lt;0,'Indices Auto'!EZ16&gt;100),"A",IF(AND('Cambios Auto'!EY16&gt;0,'Indices Auto'!EZ16&lt;100),"N",IF(AND('Cambios Auto'!EY16&gt;0,'Indices Auto'!EZ16&gt;100),"R","NULL"))))</f>
        <v>R</v>
      </c>
      <c r="EZ16" s="2" t="str">
        <f>IF(AND('Cambios Auto'!EZ16&lt;0,'Indices Auto'!FA16&lt;100),"V",IF(AND('Cambios Auto'!EZ16&lt;0,'Indices Auto'!FA16&gt;100),"A",IF(AND('Cambios Auto'!EZ16&gt;0,'Indices Auto'!FA16&lt;100),"N",IF(AND('Cambios Auto'!EZ16&gt;0,'Indices Auto'!FA16&gt;100),"R","NULL"))))</f>
        <v>R</v>
      </c>
      <c r="FA16" s="2" t="str">
        <f>IF(AND('Cambios Auto'!FA16&lt;0,'Indices Auto'!FB16&lt;100),"V",IF(AND('Cambios Auto'!FA16&lt;0,'Indices Auto'!FB16&gt;100),"A",IF(AND('Cambios Auto'!FA16&gt;0,'Indices Auto'!FB16&lt;100),"N",IF(AND('Cambios Auto'!FA16&gt;0,'Indices Auto'!FB16&gt;100),"R","NULL"))))</f>
        <v>R</v>
      </c>
      <c r="FB16" s="2" t="str">
        <f>IF(AND('Cambios Auto'!FB16&lt;0,'Indices Auto'!FC16&lt;100),"V",IF(AND('Cambios Auto'!FB16&lt;0,'Indices Auto'!FC16&gt;100),"A",IF(AND('Cambios Auto'!FB16&gt;0,'Indices Auto'!FC16&lt;100),"N",IF(AND('Cambios Auto'!FB16&gt;0,'Indices Auto'!FC16&gt;100),"R","NULL"))))</f>
        <v>A</v>
      </c>
      <c r="FC16" s="2" t="str">
        <f>IF(AND('Cambios Auto'!FC16&lt;0,'Indices Auto'!FD16&lt;100),"V",IF(AND('Cambios Auto'!FC16&lt;0,'Indices Auto'!FD16&gt;100),"A",IF(AND('Cambios Auto'!FC16&gt;0,'Indices Auto'!FD16&lt;100),"N",IF(AND('Cambios Auto'!FC16&gt;0,'Indices Auto'!FD16&gt;100),"R","NULL"))))</f>
        <v>A</v>
      </c>
      <c r="FD16" s="2" t="str">
        <f>IF(AND('Cambios Auto'!FD16&lt;0,'Indices Auto'!FE16&lt;100),"V",IF(AND('Cambios Auto'!FD16&lt;0,'Indices Auto'!FE16&gt;100),"A",IF(AND('Cambios Auto'!FD16&gt;0,'Indices Auto'!FE16&lt;100),"N",IF(AND('Cambios Auto'!FD16&gt;0,'Indices Auto'!FE16&gt;100),"R","NULL"))))</f>
        <v>A</v>
      </c>
      <c r="FE16" s="2" t="str">
        <f>IF(AND('Cambios Auto'!FE16&lt;0,'Indices Auto'!FF16&lt;100),"V",IF(AND('Cambios Auto'!FE16&lt;0,'Indices Auto'!FF16&gt;100),"A",IF(AND('Cambios Auto'!FE16&gt;0,'Indices Auto'!FF16&lt;100),"N",IF(AND('Cambios Auto'!FE16&gt;0,'Indices Auto'!FF16&gt;100),"R","NULL"))))</f>
        <v>A</v>
      </c>
      <c r="FF16" s="2" t="str">
        <f>IF(AND('Cambios Auto'!FF16&lt;0,'Indices Auto'!FG16&lt;100),"V",IF(AND('Cambios Auto'!FF16&lt;0,'Indices Auto'!FG16&gt;100),"A",IF(AND('Cambios Auto'!FF16&gt;0,'Indices Auto'!FG16&lt;100),"N",IF(AND('Cambios Auto'!FF16&gt;0,'Indices Auto'!FG16&gt;100),"R","NULL"))))</f>
        <v>A</v>
      </c>
      <c r="FG16" s="2" t="str">
        <f>IF(AND('Cambios Auto'!FG16&lt;0,'Indices Auto'!FH16&lt;100),"V",IF(AND('Cambios Auto'!FG16&lt;0,'Indices Auto'!FH16&gt;100),"A",IF(AND('Cambios Auto'!FG16&gt;0,'Indices Auto'!FH16&lt;100),"N",IF(AND('Cambios Auto'!FG16&gt;0,'Indices Auto'!FH16&gt;100),"R","NULL"))))</f>
        <v>A</v>
      </c>
      <c r="FH16" s="2" t="str">
        <f>IF(AND('Cambios Auto'!FH16&lt;0,'Indices Auto'!FI16&lt;100),"V",IF(AND('Cambios Auto'!FH16&lt;0,'Indices Auto'!FI16&gt;100),"A",IF(AND('Cambios Auto'!FH16&gt;0,'Indices Auto'!FI16&lt;100),"N",IF(AND('Cambios Auto'!FH16&gt;0,'Indices Auto'!FI16&gt;100),"R","NULL"))))</f>
        <v>A</v>
      </c>
      <c r="FI16" s="2" t="str">
        <f>IF(AND('Cambios Auto'!FI16&lt;0,'Indices Auto'!FJ16&lt;100),"V",IF(AND('Cambios Auto'!FI16&lt;0,'Indices Auto'!FJ16&gt;100),"A",IF(AND('Cambios Auto'!FI16&gt;0,'Indices Auto'!FJ16&lt;100),"N",IF(AND('Cambios Auto'!FI16&gt;0,'Indices Auto'!FJ16&gt;100),"R","NULL"))))</f>
        <v>A</v>
      </c>
      <c r="FJ16" s="2" t="str">
        <f>IF(AND('Cambios Auto'!FJ16&lt;0,'Indices Auto'!FK16&lt;100),"V",IF(AND('Cambios Auto'!FJ16&lt;0,'Indices Auto'!FK16&gt;100),"A",IF(AND('Cambios Auto'!FJ16&gt;0,'Indices Auto'!FK16&lt;100),"N",IF(AND('Cambios Auto'!FJ16&gt;0,'Indices Auto'!FK16&gt;100),"R","NULL"))))</f>
        <v>V</v>
      </c>
      <c r="FK16" s="2" t="str">
        <f>IF(AND('Cambios Auto'!FK16&lt;0,'Indices Auto'!FL16&lt;100),"V",IF(AND('Cambios Auto'!FK16&lt;0,'Indices Auto'!FL16&gt;100),"A",IF(AND('Cambios Auto'!FK16&gt;0,'Indices Auto'!FL16&lt;100),"N",IF(AND('Cambios Auto'!FK16&gt;0,'Indices Auto'!FL16&gt;100),"R","NULL"))))</f>
        <v>V</v>
      </c>
      <c r="FL16" s="2" t="str">
        <f>IF(AND('Cambios Auto'!FL16&lt;0,'Indices Auto'!FM16&lt;100),"V",IF(AND('Cambios Auto'!FL16&lt;0,'Indices Auto'!FM16&gt;100),"A",IF(AND('Cambios Auto'!FL16&gt;0,'Indices Auto'!FM16&lt;100),"N",IF(AND('Cambios Auto'!FL16&gt;0,'Indices Auto'!FM16&gt;100),"R","NULL"))))</f>
        <v>V</v>
      </c>
      <c r="FM16" s="2" t="str">
        <f>IF(AND('Cambios Auto'!FM16&lt;0,'Indices Auto'!FN16&lt;100),"V",IF(AND('Cambios Auto'!FM16&lt;0,'Indices Auto'!FN16&gt;100),"A",IF(AND('Cambios Auto'!FM16&gt;0,'Indices Auto'!FN16&lt;100),"N",IF(AND('Cambios Auto'!FM16&gt;0,'Indices Auto'!FN16&gt;100),"R","NULL"))))</f>
        <v>V</v>
      </c>
      <c r="FN16" s="2" t="str">
        <f>IF(AND('Cambios Auto'!FN16&lt;0,'Indices Auto'!FO16&lt;100),"V",IF(AND('Cambios Auto'!FN16&lt;0,'Indices Auto'!FO16&gt;100),"A",IF(AND('Cambios Auto'!FN16&gt;0,'Indices Auto'!FO16&lt;100),"N",IF(AND('Cambios Auto'!FN16&gt;0,'Indices Auto'!FO16&gt;100),"R","NULL"))))</f>
        <v>V</v>
      </c>
      <c r="FO16" s="2" t="str">
        <f>IF(AND('Cambios Auto'!FO16&lt;0,'Indices Auto'!FP16&lt;100),"V",IF(AND('Cambios Auto'!FO16&lt;0,'Indices Auto'!FP16&gt;100),"A",IF(AND('Cambios Auto'!FO16&gt;0,'Indices Auto'!FP16&lt;100),"N",IF(AND('Cambios Auto'!FO16&gt;0,'Indices Auto'!FP16&gt;100),"R","NULL"))))</f>
        <v>V</v>
      </c>
      <c r="FP16" s="2" t="str">
        <f>IF(AND('Cambios Auto'!FP16&lt;0,'Indices Auto'!FQ16&lt;100),"V",IF(AND('Cambios Auto'!FP16&lt;0,'Indices Auto'!FQ16&gt;100),"A",IF(AND('Cambios Auto'!FP16&gt;0,'Indices Auto'!FQ16&lt;100),"N",IF(AND('Cambios Auto'!FP16&gt;0,'Indices Auto'!FQ16&gt;100),"R","NULL"))))</f>
        <v>V</v>
      </c>
      <c r="FQ16" s="2" t="str">
        <f>IF(AND('Cambios Auto'!FQ16&lt;0,'Indices Auto'!FR16&lt;100),"V",IF(AND('Cambios Auto'!FQ16&lt;0,'Indices Auto'!FR16&gt;100),"A",IF(AND('Cambios Auto'!FQ16&gt;0,'Indices Auto'!FR16&lt;100),"N",IF(AND('Cambios Auto'!FQ16&gt;0,'Indices Auto'!FR16&gt;100),"R","NULL"))))</f>
        <v>V</v>
      </c>
      <c r="FR16" s="2" t="str">
        <f>IF(AND('Cambios Auto'!FR16&lt;0,'Indices Auto'!FS16&lt;100),"V",IF(AND('Cambios Auto'!FR16&lt;0,'Indices Auto'!FS16&gt;100),"A",IF(AND('Cambios Auto'!FR16&gt;0,'Indices Auto'!FS16&lt;100),"N",IF(AND('Cambios Auto'!FR16&gt;0,'Indices Auto'!FS16&gt;100),"R","NULL"))))</f>
        <v>V</v>
      </c>
      <c r="FS16" s="2" t="str">
        <f>IF(AND('Cambios Auto'!FS16&lt;0,'Indices Auto'!FT16&lt;100),"V",IF(AND('Cambios Auto'!FS16&lt;0,'Indices Auto'!FT16&gt;100),"A",IF(AND('Cambios Auto'!FS16&gt;0,'Indices Auto'!FT16&lt;100),"N",IF(AND('Cambios Auto'!FS16&gt;0,'Indices Auto'!FT16&gt;100),"R","NULL"))))</f>
        <v>V</v>
      </c>
      <c r="FT16" s="2" t="str">
        <f>IF(AND('Cambios Auto'!FT16&lt;0,'Indices Auto'!FU16&lt;100),"V",IF(AND('Cambios Auto'!FT16&lt;0,'Indices Auto'!FU16&gt;100),"A",IF(AND('Cambios Auto'!FT16&gt;0,'Indices Auto'!FU16&lt;100),"N",IF(AND('Cambios Auto'!FT16&gt;0,'Indices Auto'!FU16&gt;100),"R","NULL"))))</f>
        <v>V</v>
      </c>
      <c r="FU16" s="2" t="str">
        <f>IF(AND('Cambios Auto'!FU16&lt;0,'Indices Auto'!FV16&lt;100),"V",IF(AND('Cambios Auto'!FU16&lt;0,'Indices Auto'!FV16&gt;100),"A",IF(AND('Cambios Auto'!FU16&gt;0,'Indices Auto'!FV16&lt;100),"N",IF(AND('Cambios Auto'!FU16&gt;0,'Indices Auto'!FV16&gt;100),"R","NULL"))))</f>
        <v>V</v>
      </c>
      <c r="FV16" s="2" t="str">
        <f>IF(AND('Cambios Auto'!FV16&lt;0,'Indices Auto'!FW16&lt;100),"V",IF(AND('Cambios Auto'!FV16&lt;0,'Indices Auto'!FW16&gt;100),"A",IF(AND('Cambios Auto'!FV16&gt;0,'Indices Auto'!FW16&lt;100),"N",IF(AND('Cambios Auto'!FV16&gt;0,'Indices Auto'!FW16&gt;100),"R","NULL"))))</f>
        <v>V</v>
      </c>
      <c r="FW16" s="2" t="str">
        <f>IF(AND('Cambios Auto'!FW16&lt;0,'Indices Auto'!FX16&lt;100),"V",IF(AND('Cambios Auto'!FW16&lt;0,'Indices Auto'!FX16&gt;100),"A",IF(AND('Cambios Auto'!FW16&gt;0,'Indices Auto'!FX16&lt;100),"N",IF(AND('Cambios Auto'!FW16&gt;0,'Indices Auto'!FX16&gt;100),"R","NULL"))))</f>
        <v>V</v>
      </c>
      <c r="FX16" s="2" t="str">
        <f>IF(AND('Cambios Auto'!FX16&lt;0,'Indices Auto'!FY16&lt;100),"V",IF(AND('Cambios Auto'!FX16&lt;0,'Indices Auto'!FY16&gt;100),"A",IF(AND('Cambios Auto'!FX16&gt;0,'Indices Auto'!FY16&lt;100),"N",IF(AND('Cambios Auto'!FX16&gt;0,'Indices Auto'!FY16&gt;100),"R","NULL"))))</f>
        <v>N</v>
      </c>
      <c r="FY16" s="2" t="str">
        <f>IF(AND('Cambios Auto'!FY16&lt;0,'Indices Auto'!FZ16&lt;100),"V",IF(AND('Cambios Auto'!FY16&lt;0,'Indices Auto'!FZ16&gt;100),"A",IF(AND('Cambios Auto'!FY16&gt;0,'Indices Auto'!FZ16&lt;100),"N",IF(AND('Cambios Auto'!FY16&gt;0,'Indices Auto'!FZ16&gt;100),"R","NULL"))))</f>
        <v>N</v>
      </c>
      <c r="FZ16" s="2" t="str">
        <f>IF(AND('Cambios Auto'!FZ16&lt;0,'Indices Auto'!GA16&lt;100),"V",IF(AND('Cambios Auto'!FZ16&lt;0,'Indices Auto'!GA16&gt;100),"A",IF(AND('Cambios Auto'!FZ16&gt;0,'Indices Auto'!GA16&lt;100),"N",IF(AND('Cambios Auto'!FZ16&gt;0,'Indices Auto'!GA16&gt;100),"R","NULL"))))</f>
        <v>N</v>
      </c>
      <c r="GA16" s="2" t="str">
        <f>IF(AND('Cambios Auto'!GA16&lt;0,'Indices Auto'!GB16&lt;100),"V",IF(AND('Cambios Auto'!GA16&lt;0,'Indices Auto'!GB16&gt;100),"A",IF(AND('Cambios Auto'!GA16&gt;0,'Indices Auto'!GB16&lt;100),"N",IF(AND('Cambios Auto'!GA16&gt;0,'Indices Auto'!GB16&gt;100),"R","NULL"))))</f>
        <v>N</v>
      </c>
      <c r="GB16" s="2" t="str">
        <f>IF(AND('Cambios Auto'!GB16&lt;0,'Indices Auto'!GC16&lt;100),"V",IF(AND('Cambios Auto'!GB16&lt;0,'Indices Auto'!GC16&gt;100),"A",IF(AND('Cambios Auto'!GB16&gt;0,'Indices Auto'!GC16&lt;100),"N",IF(AND('Cambios Auto'!GB16&gt;0,'Indices Auto'!GC16&gt;100),"R","NULL"))))</f>
        <v>N</v>
      </c>
      <c r="GC16" s="2" t="str">
        <f>IF(AND('Cambios Auto'!GC16&lt;0,'Indices Auto'!GD16&lt;100),"V",IF(AND('Cambios Auto'!GC16&lt;0,'Indices Auto'!GD16&gt;100),"A",IF(AND('Cambios Auto'!GC16&gt;0,'Indices Auto'!GD16&lt;100),"N",IF(AND('Cambios Auto'!GC16&gt;0,'Indices Auto'!GD16&gt;100),"R","NULL"))))</f>
        <v>N</v>
      </c>
      <c r="GD16" s="2" t="str">
        <f>IF(AND('Cambios Auto'!GD16&lt;0,'Indices Auto'!GE16&lt;100),"V",IF(AND('Cambios Auto'!GD16&lt;0,'Indices Auto'!GE16&gt;100),"A",IF(AND('Cambios Auto'!GD16&gt;0,'Indices Auto'!GE16&lt;100),"N",IF(AND('Cambios Auto'!GD16&gt;0,'Indices Auto'!GE16&gt;100),"R","NULL"))))</f>
        <v>N</v>
      </c>
      <c r="GE16" s="2" t="str">
        <f>IF(AND('Cambios Auto'!GE16&lt;0,'Indices Auto'!GF16&lt;100),"V",IF(AND('Cambios Auto'!GE16&lt;0,'Indices Auto'!GF16&gt;100),"A",IF(AND('Cambios Auto'!GE16&gt;0,'Indices Auto'!GF16&lt;100),"N",IF(AND('Cambios Auto'!GE16&gt;0,'Indices Auto'!GF16&gt;100),"R","NULL"))))</f>
        <v>N</v>
      </c>
      <c r="GF16" s="2" t="str">
        <f>IF(AND('Cambios Auto'!GF16&lt;0,'Indices Auto'!GG16&lt;100),"V",IF(AND('Cambios Auto'!GF16&lt;0,'Indices Auto'!GG16&gt;100),"A",IF(AND('Cambios Auto'!GF16&gt;0,'Indices Auto'!GG16&lt;100),"N",IF(AND('Cambios Auto'!GF16&gt;0,'Indices Auto'!GG16&gt;100),"R","NULL"))))</f>
        <v>N</v>
      </c>
      <c r="GG16" s="2" t="str">
        <f>IF(AND('Cambios Auto'!GG16&lt;0,'Indices Auto'!GH16&lt;100),"V",IF(AND('Cambios Auto'!GG16&lt;0,'Indices Auto'!GH16&gt;100),"A",IF(AND('Cambios Auto'!GG16&gt;0,'Indices Auto'!GH16&lt;100),"N",IF(AND('Cambios Auto'!GG16&gt;0,'Indices Auto'!GH16&gt;100),"R","NULL"))))</f>
        <v>N</v>
      </c>
      <c r="GH16" s="2" t="str">
        <f>IF(AND('Cambios Auto'!GH16&lt;0,'Indices Auto'!GR16&lt;100),"V",IF(AND('Cambios Auto'!GH16&lt;0,'Indices Auto'!GR16&gt;100),"A",IF(AND('Cambios Auto'!GH16&gt;0,'Indices Auto'!GR16&lt;100),"N",IF(AND('Cambios Auto'!GH16&gt;0,'Indices Auto'!GR16&gt;100),"R","NULL"))))</f>
        <v>N</v>
      </c>
      <c r="GI16" s="2" t="str">
        <f>IF(AND('Cambios Auto'!GI16&lt;0,'Indices Auto'!GS16&lt;100),"V",IF(AND('Cambios Auto'!GI16&lt;0,'Indices Auto'!GS16&gt;100),"A",IF(AND('Cambios Auto'!GI16&gt;0,'Indices Auto'!GS16&lt;100),"N",IF(AND('Cambios Auto'!GI16&gt;0,'Indices Auto'!GS16&gt;100),"R","NULL"))))</f>
        <v>N</v>
      </c>
      <c r="GJ16" s="2" t="str">
        <f>IF(AND('Cambios Auto'!GJ16&lt;0,'Indices Auto'!GT16&lt;100),"V",IF(AND('Cambios Auto'!GJ16&lt;0,'Indices Auto'!GT16&gt;100),"A",IF(AND('Cambios Auto'!GJ16&gt;0,'Indices Auto'!GT16&lt;100),"N",IF(AND('Cambios Auto'!GJ16&gt;0,'Indices Auto'!GT16&gt;100),"R","NULL"))))</f>
        <v>N</v>
      </c>
      <c r="GK16" s="2" t="str">
        <f>IF(AND('Cambios Auto'!GK16&lt;0,'Indices Auto'!GU16&lt;100),"V",IF(AND('Cambios Auto'!GK16&lt;0,'Indices Auto'!GU16&gt;100),"A",IF(AND('Cambios Auto'!GK16&gt;0,'Indices Auto'!GU16&lt;100),"N",IF(AND('Cambios Auto'!GK16&gt;0,'Indices Auto'!GU16&gt;100),"R","NULL"))))</f>
        <v>R</v>
      </c>
      <c r="GL16" s="2" t="str">
        <f>IF(AND('Cambios Auto'!GL16&lt;0,'Indices Auto'!GV16&lt;100),"V",IF(AND('Cambios Auto'!GL16&lt;0,'Indices Auto'!GV16&gt;100),"A",IF(AND('Cambios Auto'!GL16&gt;0,'Indices Auto'!GV16&lt;100),"N",IF(AND('Cambios Auto'!GL16&gt;0,'Indices Auto'!GV16&gt;100),"R","NULL"))))</f>
        <v>N</v>
      </c>
      <c r="GM16" s="2" t="str">
        <f>IF(AND('Cambios Auto'!GM16&lt;0,'Indices Auto'!GW16&lt;100),"V",IF(AND('Cambios Auto'!GM16&lt;0,'Indices Auto'!GW16&gt;100),"A",IF(AND('Cambios Auto'!GM16&gt;0,'Indices Auto'!GW16&lt;100),"N",IF(AND('Cambios Auto'!GM16&gt;0,'Indices Auto'!GW16&gt;100),"R","NULL"))))</f>
        <v>N</v>
      </c>
      <c r="GN16" s="2" t="str">
        <f>IF(AND('Cambios Auto'!GN16&lt;0,'Indices Auto'!GX16&lt;100),"V",IF(AND('Cambios Auto'!GN16&lt;0,'Indices Auto'!GX16&gt;100),"A",IF(AND('Cambios Auto'!GN16&gt;0,'Indices Auto'!GX16&lt;100),"N",IF(AND('Cambios Auto'!GN16&gt;0,'Indices Auto'!GX16&gt;100),"R","NULL"))))</f>
        <v>N</v>
      </c>
      <c r="GO16" s="2" t="str">
        <f>IF(AND('Cambios Auto'!GO16&lt;0,'Indices Auto'!GY16&lt;100),"V",IF(AND('Cambios Auto'!GO16&lt;0,'Indices Auto'!GY16&gt;100),"A",IF(AND('Cambios Auto'!GO16&gt;0,'Indices Auto'!GY16&lt;100),"N",IF(AND('Cambios Auto'!GO16&gt;0,'Indices Auto'!GY16&gt;100),"R","NULL"))))</f>
        <v>N</v>
      </c>
      <c r="GP16" s="2" t="str">
        <f>IF(AND('Cambios Auto'!GP16&lt;0,'Indices Auto'!GZ16&lt;100),"V",IF(AND('Cambios Auto'!GP16&lt;0,'Indices Auto'!GZ16&gt;100),"A",IF(AND('Cambios Auto'!GP16&gt;0,'Indices Auto'!GZ16&lt;100),"N",IF(AND('Cambios Auto'!GP16&gt;0,'Indices Auto'!GZ16&gt;100),"R","NULL"))))</f>
        <v>N</v>
      </c>
      <c r="GQ16" s="2" t="str">
        <f>IF(AND('Cambios Auto'!GQ16&lt;0,'Indices Auto'!HA16&lt;100),"V",IF(AND('Cambios Auto'!GQ16&lt;0,'Indices Auto'!HA16&gt;100),"A",IF(AND('Cambios Auto'!GQ16&gt;0,'Indices Auto'!HA16&lt;100),"N",IF(AND('Cambios Auto'!GQ16&gt;0,'Indices Auto'!HA16&gt;100),"R","NULL"))))</f>
        <v>N</v>
      </c>
      <c r="GR16" s="2" t="str">
        <f>IF(AND('Cambios Auto'!GR16&lt;0,'Indices Auto'!HB16&lt;100),"V",IF(AND('Cambios Auto'!GR16&lt;0,'Indices Auto'!HB16&gt;100),"A",IF(AND('Cambios Auto'!GR16&gt;0,'Indices Auto'!HB16&lt;100),"N",IF(AND('Cambios Auto'!GR16&gt;0,'Indices Auto'!HB16&gt;100),"R","NULL"))))</f>
        <v>NULL</v>
      </c>
      <c r="GS16" s="2" t="str">
        <f>IF(AND('Cambios Auto'!GS16&lt;0,'Indices Auto'!HC16&lt;100),"V",IF(AND('Cambios Auto'!GS16&lt;0,'Indices Auto'!HC16&gt;100),"A",IF(AND('Cambios Auto'!GS16&gt;0,'Indices Auto'!HC16&lt;100),"N",IF(AND('Cambios Auto'!GS16&gt;0,'Indices Auto'!HC16&gt;100),"R","NULL"))))</f>
        <v>NULL</v>
      </c>
      <c r="GT16" s="2" t="str">
        <f>IF(AND('Cambios Auto'!GT16&lt;0,'Indices Auto'!HD16&lt;100),"V",IF(AND('Cambios Auto'!GT16&lt;0,'Indices Auto'!HD16&gt;100),"A",IF(AND('Cambios Auto'!GT16&gt;0,'Indices Auto'!HD16&lt;100),"N",IF(AND('Cambios Auto'!GT16&gt;0,'Indices Auto'!HD16&gt;100),"R","NULL"))))</f>
        <v>NULL</v>
      </c>
      <c r="GU16" s="2" t="str">
        <f>IF(AND('Cambios Auto'!GU16&lt;0,'Indices Auto'!HE16&lt;100),"V",IF(AND('Cambios Auto'!GU16&lt;0,'Indices Auto'!HE16&gt;100),"A",IF(AND('Cambios Auto'!GU16&gt;0,'Indices Auto'!HE16&lt;100),"N",IF(AND('Cambios Auto'!GU16&gt;0,'Indices Auto'!HE16&gt;100),"R","NULL"))))</f>
        <v>NULL</v>
      </c>
      <c r="GV16" s="2" t="str">
        <f>IF(AND('Cambios Auto'!GV16&lt;0,'Indices Auto'!HF16&lt;100),"V",IF(AND('Cambios Auto'!GV16&lt;0,'Indices Auto'!HF16&gt;100),"A",IF(AND('Cambios Auto'!GV16&gt;0,'Indices Auto'!HF16&lt;100),"N",IF(AND('Cambios Auto'!GV16&gt;0,'Indices Auto'!HF16&gt;100),"R","NULL"))))</f>
        <v>NULL</v>
      </c>
      <c r="GW16" s="2" t="str">
        <f>IF(AND('Cambios Auto'!GW16&lt;0,'Indices Auto'!HG16&lt;100),"V",IF(AND('Cambios Auto'!GW16&lt;0,'Indices Auto'!HG16&gt;100),"A",IF(AND('Cambios Auto'!GW16&gt;0,'Indices Auto'!HG16&lt;100),"N",IF(AND('Cambios Auto'!GW16&gt;0,'Indices Auto'!HG16&gt;100),"R","NULL"))))</f>
        <v>NULL</v>
      </c>
      <c r="GX16" s="2" t="str">
        <f>IF(AND('Cambios Auto'!GX16&lt;0,'Indices Auto'!HH16&lt;100),"V",IF(AND('Cambios Auto'!GX16&lt;0,'Indices Auto'!HH16&gt;100),"A",IF(AND('Cambios Auto'!GX16&gt;0,'Indices Auto'!HH16&lt;100),"N",IF(AND('Cambios Auto'!GX16&gt;0,'Indices Auto'!HH16&gt;100),"R","NULL"))))</f>
        <v>NULL</v>
      </c>
      <c r="GY16" s="2" t="str">
        <f>IF(AND('Cambios Auto'!GY16&lt;0,'Indices Auto'!HI16&lt;100),"V",IF(AND('Cambios Auto'!GY16&lt;0,'Indices Auto'!HI16&gt;100),"A",IF(AND('Cambios Auto'!GY16&gt;0,'Indices Auto'!HI16&lt;100),"N",IF(AND('Cambios Auto'!GY16&gt;0,'Indices Auto'!HI16&gt;100),"R","NULL"))))</f>
        <v>NULL</v>
      </c>
      <c r="GZ16" s="2" t="str">
        <f>IF(AND('Cambios Auto'!GZ16&lt;0,'Indices Auto'!HJ16&lt;100),"V",IF(AND('Cambios Auto'!GZ16&lt;0,'Indices Auto'!HJ16&gt;100),"A",IF(AND('Cambios Auto'!GZ16&gt;0,'Indices Auto'!HJ16&lt;100),"N",IF(AND('Cambios Auto'!GZ16&gt;0,'Indices Auto'!HJ16&gt;100),"R","NULL"))))</f>
        <v>NULL</v>
      </c>
      <c r="HA16" s="2" t="str">
        <f>IF(AND('Cambios Auto'!HA16&lt;0,'Indices Auto'!HK16&lt;100),"V",IF(AND('Cambios Auto'!HA16&lt;0,'Indices Auto'!HK16&gt;100),"A",IF(AND('Cambios Auto'!HA16&gt;0,'Indices Auto'!HK16&lt;100),"N",IF(AND('Cambios Auto'!HA16&gt;0,'Indices Auto'!HK16&gt;100),"R","NULL"))))</f>
        <v>NULL</v>
      </c>
      <c r="HB16" s="2" t="str">
        <f>IF(AND('Cambios Auto'!HB16&lt;0,'Indices Auto'!HL16&lt;100),"V",IF(AND('Cambios Auto'!HB16&lt;0,'Indices Auto'!HL16&gt;100),"A",IF(AND('Cambios Auto'!HB16&gt;0,'Indices Auto'!HL16&lt;100),"N",IF(AND('Cambios Auto'!HB16&gt;0,'Indices Auto'!HL16&gt;100),"R","NULL"))))</f>
        <v>NULL</v>
      </c>
      <c r="HC16" s="2" t="str">
        <f>IF(AND('Cambios Auto'!HC16&lt;0,'Indices Auto'!HM16&lt;100),"V",IF(AND('Cambios Auto'!HC16&lt;0,'Indices Auto'!HM16&gt;100),"A",IF(AND('Cambios Auto'!HC16&gt;0,'Indices Auto'!HM16&lt;100),"N",IF(AND('Cambios Auto'!HC16&gt;0,'Indices Auto'!HM16&gt;100),"R","NULL"))))</f>
        <v>NULL</v>
      </c>
      <c r="HD16" s="2" t="str">
        <f>IF(AND('Cambios Auto'!HD16&lt;0,'Indices Auto'!HN16&lt;100),"V",IF(AND('Cambios Auto'!HD16&lt;0,'Indices Auto'!HN16&gt;100),"A",IF(AND('Cambios Auto'!HD16&gt;0,'Indices Auto'!HN16&lt;100),"N",IF(AND('Cambios Auto'!HD16&gt;0,'Indices Auto'!HN16&gt;100),"R","NULL"))))</f>
        <v>NULL</v>
      </c>
      <c r="HE16" s="2" t="str">
        <f>IF(AND('Cambios Auto'!HE16&lt;0,'Indices Auto'!HO16&lt;100),"V",IF(AND('Cambios Auto'!HE16&lt;0,'Indices Auto'!HO16&gt;100),"A",IF(AND('Cambios Auto'!HE16&gt;0,'Indices Auto'!HO16&lt;100),"N",IF(AND('Cambios Auto'!HE16&gt;0,'Indices Auto'!HO16&gt;100),"R","NULL"))))</f>
        <v>NULL</v>
      </c>
      <c r="HF16" s="2" t="str">
        <f>IF(AND('Cambios Auto'!HF16&lt;0,'Indices Auto'!HP16&lt;100),"V",IF(AND('Cambios Auto'!HF16&lt;0,'Indices Auto'!HP16&gt;100),"A",IF(AND('Cambios Auto'!HF16&gt;0,'Indices Auto'!HP16&lt;100),"N",IF(AND('Cambios Auto'!HF16&gt;0,'Indices Auto'!HP16&gt;100),"R","NULL"))))</f>
        <v>NULL</v>
      </c>
      <c r="HG16" s="2" t="str">
        <f>IF(AND('Cambios Auto'!HG16&lt;0,'Indices Auto'!HQ16&lt;100),"V",IF(AND('Cambios Auto'!HG16&lt;0,'Indices Auto'!HQ16&gt;100),"A",IF(AND('Cambios Auto'!HG16&gt;0,'Indices Auto'!HQ16&lt;100),"N",IF(AND('Cambios Auto'!HG16&gt;0,'Indices Auto'!HQ16&gt;100),"R","NULL"))))</f>
        <v>NULL</v>
      </c>
      <c r="HH16" s="2" t="str">
        <f>IF(AND('Cambios Auto'!HH16&lt;0,'Indices Auto'!HR16&lt;100),"V",IF(AND('Cambios Auto'!HH16&lt;0,'Indices Auto'!HR16&gt;100),"A",IF(AND('Cambios Auto'!HH16&gt;0,'Indices Auto'!HR16&lt;100),"N",IF(AND('Cambios Auto'!HH16&gt;0,'Indices Auto'!HR16&gt;100),"R","NULL"))))</f>
        <v>NULL</v>
      </c>
      <c r="HI16" s="2" t="str">
        <f>IF(AND('Cambios Auto'!HI16&lt;0,'Indices Auto'!HS16&lt;100),"V",IF(AND('Cambios Auto'!HI16&lt;0,'Indices Auto'!HS16&gt;100),"A",IF(AND('Cambios Auto'!HI16&gt;0,'Indices Auto'!HS16&lt;100),"N",IF(AND('Cambios Auto'!HI16&gt;0,'Indices Auto'!HS16&gt;100),"R","NULL"))))</f>
        <v>NULL</v>
      </c>
      <c r="HJ16" s="2" t="str">
        <f>IF(AND('Cambios Auto'!HJ16&lt;0,'Indices Auto'!HT16&lt;100),"V",IF(AND('Cambios Auto'!HJ16&lt;0,'Indices Auto'!HT16&gt;100),"A",IF(AND('Cambios Auto'!HJ16&gt;0,'Indices Auto'!HT16&lt;100),"N",IF(AND('Cambios Auto'!HJ16&gt;0,'Indices Auto'!HT16&gt;100),"R","NULL"))))</f>
        <v>NULL</v>
      </c>
      <c r="HK16" s="2" t="str">
        <f>IF(AND('Cambios Auto'!HK16&lt;0,'Indices Auto'!HU16&lt;100),"V",IF(AND('Cambios Auto'!HK16&lt;0,'Indices Auto'!HU16&gt;100),"A",IF(AND('Cambios Auto'!HK16&gt;0,'Indices Auto'!HU16&lt;100),"N",IF(AND('Cambios Auto'!HK16&gt;0,'Indices Auto'!HU16&gt;100),"R","NULL"))))</f>
        <v>NULL</v>
      </c>
      <c r="HL16" s="2" t="str">
        <f>IF(AND('Cambios Auto'!HL16&lt;0,'Indices Auto'!HV16&lt;100),"V",IF(AND('Cambios Auto'!HL16&lt;0,'Indices Auto'!HV16&gt;100),"A",IF(AND('Cambios Auto'!HL16&gt;0,'Indices Auto'!HV16&lt;100),"N",IF(AND('Cambios Auto'!HL16&gt;0,'Indices Auto'!HV16&gt;100),"R","NULL"))))</f>
        <v>NULL</v>
      </c>
      <c r="HM16" s="2" t="str">
        <f>IF(AND('Cambios Auto'!HM16&lt;0,'Indices Auto'!HW16&lt;100),"V",IF(AND('Cambios Auto'!HM16&lt;0,'Indices Auto'!HW16&gt;100),"A",IF(AND('Cambios Auto'!HM16&gt;0,'Indices Auto'!HW16&lt;100),"N",IF(AND('Cambios Auto'!HM16&gt;0,'Indices Auto'!HW16&gt;100),"R","NULL"))))</f>
        <v>NULL</v>
      </c>
      <c r="HN16" s="2" t="str">
        <f>IF(AND('Cambios Auto'!HN16&lt;0,'Indices Auto'!HX16&lt;100),"V",IF(AND('Cambios Auto'!HN16&lt;0,'Indices Auto'!HX16&gt;100),"A",IF(AND('Cambios Auto'!HN16&gt;0,'Indices Auto'!HX16&lt;100),"N",IF(AND('Cambios Auto'!HN16&gt;0,'Indices Auto'!HX16&gt;100),"R","NULL"))))</f>
        <v>NULL</v>
      </c>
      <c r="HO16" s="2" t="str">
        <f>IF(AND('Cambios Auto'!HO16&lt;0,'Indices Auto'!HY16&lt;100),"V",IF(AND('Cambios Auto'!HO16&lt;0,'Indices Auto'!HY16&gt;100),"A",IF(AND('Cambios Auto'!HO16&gt;0,'Indices Auto'!HY16&lt;100),"N",IF(AND('Cambios Auto'!HO16&gt;0,'Indices Auto'!HY16&gt;100),"R","NULL"))))</f>
        <v>NULL</v>
      </c>
      <c r="HP16" s="2" t="str">
        <f>IF(AND('Cambios Auto'!HP16&lt;0,'Indices Auto'!HZ16&lt;100),"V",IF(AND('Cambios Auto'!HP16&lt;0,'Indices Auto'!HZ16&gt;100),"A",IF(AND('Cambios Auto'!HP16&gt;0,'Indices Auto'!HZ16&lt;100),"N",IF(AND('Cambios Auto'!HP16&gt;0,'Indices Auto'!HZ16&gt;100),"R","NULL"))))</f>
        <v>NULL</v>
      </c>
      <c r="HQ16" s="2" t="str">
        <f>IF(AND('Cambios Auto'!HQ16&lt;0,'Indices Auto'!IA16&lt;100),"V",IF(AND('Cambios Auto'!HQ16&lt;0,'Indices Auto'!IA16&gt;100),"A",IF(AND('Cambios Auto'!HQ16&gt;0,'Indices Auto'!IA16&lt;100),"N",IF(AND('Cambios Auto'!HQ16&gt;0,'Indices Auto'!IA16&gt;100),"R","NULL"))))</f>
        <v>NULL</v>
      </c>
      <c r="HR16" s="2" t="str">
        <f>IF(AND('Cambios Auto'!HR16&lt;0,'Indices Auto'!IB16&lt;100),"V",IF(AND('Cambios Auto'!HR16&lt;0,'Indices Auto'!IB16&gt;100),"A",IF(AND('Cambios Auto'!HR16&gt;0,'Indices Auto'!IB16&lt;100),"N",IF(AND('Cambios Auto'!HR16&gt;0,'Indices Auto'!IB16&gt;100),"R","NULL"))))</f>
        <v>NULL</v>
      </c>
      <c r="HS16" s="2" t="str">
        <f>IF(AND('Cambios Auto'!HS16&lt;0,'Indices Auto'!IC16&lt;100),"V",IF(AND('Cambios Auto'!HS16&lt;0,'Indices Auto'!IC16&gt;100),"A",IF(AND('Cambios Auto'!HS16&gt;0,'Indices Auto'!IC16&lt;100),"N",IF(AND('Cambios Auto'!HS16&gt;0,'Indices Auto'!IC16&gt;100),"R","NULL"))))</f>
        <v>NULL</v>
      </c>
      <c r="HT16" s="2" t="str">
        <f>IF(AND('Cambios Auto'!HT16&lt;0,'Indices Auto'!ID16&lt;100),"V",IF(AND('Cambios Auto'!HT16&lt;0,'Indices Auto'!ID16&gt;100),"A",IF(AND('Cambios Auto'!HT16&gt;0,'Indices Auto'!ID16&lt;100),"N",IF(AND('Cambios Auto'!HT16&gt;0,'Indices Auto'!ID16&gt;100),"R","NULL"))))</f>
        <v>NULL</v>
      </c>
      <c r="HU16" s="2" t="str">
        <f>IF(AND('Cambios Auto'!HU16&lt;0,'Indices Auto'!IE16&lt;100),"V",IF(AND('Cambios Auto'!HU16&lt;0,'Indices Auto'!IE16&gt;100),"A",IF(AND('Cambios Auto'!HU16&gt;0,'Indices Auto'!IE16&lt;100),"N",IF(AND('Cambios Auto'!HU16&gt;0,'Indices Auto'!IE16&gt;100),"R","NULL"))))</f>
        <v>NULL</v>
      </c>
      <c r="HV16" s="2" t="str">
        <f>IF(AND('Cambios Auto'!HV16&lt;0,'Indices Auto'!IF16&lt;100),"V",IF(AND('Cambios Auto'!HV16&lt;0,'Indices Auto'!IF16&gt;100),"A",IF(AND('Cambios Auto'!HV16&gt;0,'Indices Auto'!IF16&lt;100),"N",IF(AND('Cambios Auto'!HV16&gt;0,'Indices Auto'!IF16&gt;100),"R","NULL"))))</f>
        <v>NULL</v>
      </c>
      <c r="HW16" s="2" t="str">
        <f>IF(AND('Cambios Auto'!HW16&lt;0,'Indices Auto'!IG16&lt;100),"V",IF(AND('Cambios Auto'!HW16&lt;0,'Indices Auto'!IG16&gt;100),"A",IF(AND('Cambios Auto'!HW16&gt;0,'Indices Auto'!IG16&lt;100),"N",IF(AND('Cambios Auto'!HW16&gt;0,'Indices Auto'!IG16&gt;100),"R","NULL"))))</f>
        <v>NULL</v>
      </c>
      <c r="HX16" s="2" t="str">
        <f>IF(AND('Cambios Auto'!HX16&lt;0,'Indices Auto'!IH16&lt;100),"V",IF(AND('Cambios Auto'!HX16&lt;0,'Indices Auto'!IH16&gt;100),"A",IF(AND('Cambios Auto'!HX16&gt;0,'Indices Auto'!IH16&lt;100),"N",IF(AND('Cambios Auto'!HX16&gt;0,'Indices Auto'!IH16&gt;100),"R","NULL"))))</f>
        <v>NULL</v>
      </c>
      <c r="HY16" s="2" t="str">
        <f>IF(AND('Cambios Auto'!HY16&lt;0,'Indices Auto'!II16&lt;100),"V",IF(AND('Cambios Auto'!HY16&lt;0,'Indices Auto'!II16&gt;100),"A",IF(AND('Cambios Auto'!HY16&gt;0,'Indices Auto'!II16&lt;100),"N",IF(AND('Cambios Auto'!HY16&gt;0,'Indices Auto'!II16&gt;100),"R","NULL"))))</f>
        <v>NULL</v>
      </c>
      <c r="HZ16" s="2" t="str">
        <f>IF(AND('Cambios Auto'!HZ16&lt;0,'Indices Auto'!IJ16&lt;100),"V",IF(AND('Cambios Auto'!HZ16&lt;0,'Indices Auto'!IJ16&gt;100),"A",IF(AND('Cambios Auto'!HZ16&gt;0,'Indices Auto'!IJ16&lt;100),"N",IF(AND('Cambios Auto'!HZ16&gt;0,'Indices Auto'!IJ16&gt;100),"R","NULL"))))</f>
        <v>NULL</v>
      </c>
      <c r="IA16" s="2" t="str">
        <f>IF(AND('Cambios Auto'!IA16&lt;0,'Indices Auto'!IK16&lt;100),"V",IF(AND('Cambios Auto'!IA16&lt;0,'Indices Auto'!IK16&gt;100),"A",IF(AND('Cambios Auto'!IA16&gt;0,'Indices Auto'!IK16&lt;100),"N",IF(AND('Cambios Auto'!IA16&gt;0,'Indices Auto'!IK16&gt;100),"R","NULL"))))</f>
        <v>NULL</v>
      </c>
      <c r="IB16" s="2" t="str">
        <f>IF(AND('Cambios Auto'!IB16&lt;0,'Indices Auto'!IL16&lt;100),"V",IF(AND('Cambios Auto'!IB16&lt;0,'Indices Auto'!IL16&gt;100),"A",IF(AND('Cambios Auto'!IB16&gt;0,'Indices Auto'!IL16&lt;100),"N",IF(AND('Cambios Auto'!IB16&gt;0,'Indices Auto'!IL16&gt;100),"R","NULL"))))</f>
        <v>NULL</v>
      </c>
      <c r="IC16" s="2" t="str">
        <f>IF(AND('Cambios Auto'!IC16&lt;0,'Indices Auto'!IM16&lt;100),"V",IF(AND('Cambios Auto'!IC16&lt;0,'Indices Auto'!IM16&gt;100),"A",IF(AND('Cambios Auto'!IC16&gt;0,'Indices Auto'!IM16&lt;100),"N",IF(AND('Cambios Auto'!IC16&gt;0,'Indices Auto'!IM16&gt;100),"R","NULL"))))</f>
        <v>NULL</v>
      </c>
      <c r="ID16" s="2" t="str">
        <f>IF(AND('Cambios Auto'!ID16&lt;0,'Indices Auto'!IN16&lt;100),"V",IF(AND('Cambios Auto'!ID16&lt;0,'Indices Auto'!IN16&gt;100),"A",IF(AND('Cambios Auto'!ID16&gt;0,'Indices Auto'!IN16&lt;100),"N",IF(AND('Cambios Auto'!ID16&gt;0,'Indices Auto'!IN16&gt;100),"R","NULL"))))</f>
        <v>NULL</v>
      </c>
      <c r="IE16" s="2" t="str">
        <f>IF(AND('Cambios Auto'!IE16&lt;0,'Indices Auto'!IO16&lt;100),"V",IF(AND('Cambios Auto'!IE16&lt;0,'Indices Auto'!IO16&gt;100),"A",IF(AND('Cambios Auto'!IE16&gt;0,'Indices Auto'!IO16&lt;100),"N",IF(AND('Cambios Auto'!IE16&gt;0,'Indices Auto'!IO16&gt;100),"R","NULL"))))</f>
        <v>NULL</v>
      </c>
      <c r="IF16" s="2" t="str">
        <f>IF(AND('Cambios Auto'!IF16&lt;0,'Indices Auto'!IP16&lt;100),"V",IF(AND('Cambios Auto'!IF16&lt;0,'Indices Auto'!IP16&gt;100),"A",IF(AND('Cambios Auto'!IF16&gt;0,'Indices Auto'!IP16&lt;100),"N",IF(AND('Cambios Auto'!IF16&gt;0,'Indices Auto'!IP16&gt;100),"R","NULL"))))</f>
        <v>NULL</v>
      </c>
      <c r="IG16" s="2" t="str">
        <f>IF(AND('Cambios Auto'!IG16&lt;0,'Indices Auto'!IQ16&lt;100),"V",IF(AND('Cambios Auto'!IG16&lt;0,'Indices Auto'!IQ16&gt;100),"A",IF(AND('Cambios Auto'!IG16&gt;0,'Indices Auto'!IQ16&lt;100),"N",IF(AND('Cambios Auto'!IG16&gt;0,'Indices Auto'!IQ16&gt;100),"R","NULL"))))</f>
        <v>NULL</v>
      </c>
      <c r="IH16" s="2" t="str">
        <f>IF(AND('Cambios Auto'!IH16&lt;0,'Indices Auto'!IR16&lt;100),"V",IF(AND('Cambios Auto'!IH16&lt;0,'Indices Auto'!IR16&gt;100),"A",IF(AND('Cambios Auto'!IH16&gt;0,'Indices Auto'!IR16&lt;100),"N",IF(AND('Cambios Auto'!IH16&gt;0,'Indices Auto'!IR16&gt;100),"R","NULL"))))</f>
        <v>NULL</v>
      </c>
      <c r="II16" s="2" t="str">
        <f>IF(AND('Cambios Auto'!II16&lt;0,'Indices Auto'!IS16&lt;100),"V",IF(AND('Cambios Auto'!II16&lt;0,'Indices Auto'!IS16&gt;100),"A",IF(AND('Cambios Auto'!II16&gt;0,'Indices Auto'!IS16&lt;100),"N",IF(AND('Cambios Auto'!II16&gt;0,'Indices Auto'!IS16&gt;100),"R","NULL"))))</f>
        <v>NULL</v>
      </c>
      <c r="IJ16" s="2" t="str">
        <f>IF(AND('Cambios Auto'!IJ16&lt;0,'Indices Auto'!IT16&lt;100),"V",IF(AND('Cambios Auto'!IJ16&lt;0,'Indices Auto'!IT16&gt;100),"A",IF(AND('Cambios Auto'!IJ16&gt;0,'Indices Auto'!IT16&lt;100),"N",IF(AND('Cambios Auto'!IJ16&gt;0,'Indices Auto'!IT16&gt;100),"R","NULL"))))</f>
        <v>NULL</v>
      </c>
      <c r="IK16" s="2" t="str">
        <f>IF(AND('Cambios Auto'!IK16&lt;0,'Indices Auto'!IU16&lt;100),"V",IF(AND('Cambios Auto'!IK16&lt;0,'Indices Auto'!IU16&gt;100),"A",IF(AND('Cambios Auto'!IK16&gt;0,'Indices Auto'!IU16&lt;100),"N",IF(AND('Cambios Auto'!IK16&gt;0,'Indices Auto'!IU16&gt;100),"R","NULL"))))</f>
        <v>NULL</v>
      </c>
      <c r="IL16" s="2" t="str">
        <f>IF(AND('Cambios Auto'!IL16&lt;0,'Indices Auto'!IV16&lt;100),"V",IF(AND('Cambios Auto'!IL16&lt;0,'Indices Auto'!IV16&gt;100),"A",IF(AND('Cambios Auto'!IL16&gt;0,'Indices Auto'!IV16&lt;100),"N",IF(AND('Cambios Auto'!IL16&gt;0,'Indices Auto'!IV16&gt;100),"R","NULL"))))</f>
        <v>NULL</v>
      </c>
      <c r="IM16" s="2" t="str">
        <f>IF(AND('Cambios Auto'!IM16&lt;0,'Indices Auto'!IW16&lt;100),"V",IF(AND('Cambios Auto'!IM16&lt;0,'Indices Auto'!IW16&gt;100),"A",IF(AND('Cambios Auto'!IM16&gt;0,'Indices Auto'!IW16&lt;100),"N",IF(AND('Cambios Auto'!IM16&gt;0,'Indices Auto'!IW16&gt;100),"R","NULL"))))</f>
        <v>NULL</v>
      </c>
      <c r="IN16" s="2" t="str">
        <f>IF(AND('Cambios Auto'!IN16&lt;0,'Indices Auto'!IX16&lt;100),"V",IF(AND('Cambios Auto'!IN16&lt;0,'Indices Auto'!IX16&gt;100),"A",IF(AND('Cambios Auto'!IN16&gt;0,'Indices Auto'!IX16&lt;100),"N",IF(AND('Cambios Auto'!IN16&gt;0,'Indices Auto'!IX16&gt;100),"R","NULL"))))</f>
        <v>NULL</v>
      </c>
      <c r="IO16" s="2" t="str">
        <f>IF(AND('Cambios Auto'!IO16&lt;0,'Indices Auto'!IY16&lt;100),"V",IF(AND('Cambios Auto'!IO16&lt;0,'Indices Auto'!IY16&gt;100),"A",IF(AND('Cambios Auto'!IO16&gt;0,'Indices Auto'!IY16&lt;100),"N",IF(AND('Cambios Auto'!IO16&gt;0,'Indices Auto'!IY16&gt;100),"R","NULL"))))</f>
        <v>NULL</v>
      </c>
      <c r="IP16" s="2" t="str">
        <f>IF(AND('Cambios Auto'!IP16&lt;0,'Indices Auto'!IZ16&lt;100),"V",IF(AND('Cambios Auto'!IP16&lt;0,'Indices Auto'!IZ16&gt;100),"A",IF(AND('Cambios Auto'!IP16&gt;0,'Indices Auto'!IZ16&lt;100),"N",IF(AND('Cambios Auto'!IP16&gt;0,'Indices Auto'!IZ16&gt;100),"R","NULL"))))</f>
        <v>NULL</v>
      </c>
      <c r="IQ16" s="2" t="str">
        <f>IF(AND('Cambios Auto'!IQ16&lt;0,'Indices Auto'!JA16&lt;100),"V",IF(AND('Cambios Auto'!IQ16&lt;0,'Indices Auto'!JA16&gt;100),"A",IF(AND('Cambios Auto'!IQ16&gt;0,'Indices Auto'!JA16&lt;100),"N",IF(AND('Cambios Auto'!IQ16&gt;0,'Indices Auto'!JA16&gt;100),"R","NULL"))))</f>
        <v>NULL</v>
      </c>
      <c r="IR16" s="2" t="str">
        <f>IF(AND('Cambios Auto'!IR16&lt;0,'Indices Auto'!JB16&lt;100),"V",IF(AND('Cambios Auto'!IR16&lt;0,'Indices Auto'!JB16&gt;100),"A",IF(AND('Cambios Auto'!IR16&gt;0,'Indices Auto'!JB16&lt;100),"N",IF(AND('Cambios Auto'!IR16&gt;0,'Indices Auto'!JB16&gt;100),"R","NULL"))))</f>
        <v>NULL</v>
      </c>
      <c r="IS16" s="2" t="str">
        <f>IF(AND('Cambios Auto'!IS16&lt;0,'Indices Auto'!JC16&lt;100),"V",IF(AND('Cambios Auto'!IS16&lt;0,'Indices Auto'!JC16&gt;100),"A",IF(AND('Cambios Auto'!IS16&gt;0,'Indices Auto'!JC16&lt;100),"N",IF(AND('Cambios Auto'!IS16&gt;0,'Indices Auto'!JC16&gt;100),"R","NULL"))))</f>
        <v>NULL</v>
      </c>
      <c r="IT16" s="14"/>
    </row>
    <row r="17" spans="1:254" x14ac:dyDescent="0.25">
      <c r="A17" s="6" t="s">
        <v>203</v>
      </c>
      <c r="B17" s="2" t="str">
        <f>IF(AND('Cambios Auto'!B17&gt;0,'Indices Auto'!C17&gt;100),"V",IF(AND('Cambios Auto'!B17&gt;0,'Indices Auto'!C17&lt;100),"A",IF(AND('Cambios Auto'!B17&lt;0,'Indices Auto'!C17&gt;100),"N",IF(AND('Cambios Auto'!B17&lt;0,'Indices Auto'!C17&lt;100),"R","NULL"))))</f>
        <v>V</v>
      </c>
      <c r="C17" s="2" t="str">
        <f>IF(AND('Cambios Auto'!C17&gt;0,'Indices Auto'!D17&gt;100),"V",IF(AND('Cambios Auto'!C17&gt;0,'Indices Auto'!D17&lt;100),"A",IF(AND('Cambios Auto'!C17&lt;0,'Indices Auto'!D17&gt;100),"N",IF(AND('Cambios Auto'!C17&lt;0,'Indices Auto'!D17&lt;100),"R","NULL"))))</f>
        <v>V</v>
      </c>
      <c r="D17" s="2" t="str">
        <f>IF(AND('Cambios Auto'!D17&gt;0,'Indices Auto'!E17&gt;100),"V",IF(AND('Cambios Auto'!D17&gt;0,'Indices Auto'!E17&lt;100),"A",IF(AND('Cambios Auto'!D17&lt;0,'Indices Auto'!E17&gt;100),"N",IF(AND('Cambios Auto'!D17&lt;0,'Indices Auto'!E17&lt;100),"R","NULL"))))</f>
        <v>V</v>
      </c>
      <c r="E17" s="2" t="str">
        <f>IF(AND('Cambios Auto'!E17&gt;0,'Indices Auto'!F17&gt;100),"V",IF(AND('Cambios Auto'!E17&gt;0,'Indices Auto'!F17&lt;100),"A",IF(AND('Cambios Auto'!E17&lt;0,'Indices Auto'!F17&gt;100),"N",IF(AND('Cambios Auto'!E17&lt;0,'Indices Auto'!F17&lt;100),"R","NULL"))))</f>
        <v>V</v>
      </c>
      <c r="F17" s="2" t="str">
        <f>IF(AND('Cambios Auto'!F17&gt;0,'Indices Auto'!G17&gt;100),"V",IF(AND('Cambios Auto'!F17&gt;0,'Indices Auto'!G17&lt;100),"A",IF(AND('Cambios Auto'!F17&lt;0,'Indices Auto'!G17&gt;100),"N",IF(AND('Cambios Auto'!F17&lt;0,'Indices Auto'!G17&lt;100),"R","NULL"))))</f>
        <v>V</v>
      </c>
      <c r="G17" s="2" t="str">
        <f>IF(AND('Cambios Auto'!G17&gt;0,'Indices Auto'!H17&gt;100),"V",IF(AND('Cambios Auto'!G17&gt;0,'Indices Auto'!H17&lt;100),"A",IF(AND('Cambios Auto'!G17&lt;0,'Indices Auto'!H17&gt;100),"N",IF(AND('Cambios Auto'!G17&lt;0,'Indices Auto'!H17&lt;100),"R","NULL"))))</f>
        <v>V</v>
      </c>
      <c r="H17" s="2" t="str">
        <f>IF(AND('Cambios Auto'!H17&gt;0,'Indices Auto'!I17&gt;100),"V",IF(AND('Cambios Auto'!H17&gt;0,'Indices Auto'!I17&lt;100),"A",IF(AND('Cambios Auto'!H17&lt;0,'Indices Auto'!I17&gt;100),"N",IF(AND('Cambios Auto'!H17&lt;0,'Indices Auto'!I17&lt;100),"R","NULL"))))</f>
        <v>N</v>
      </c>
      <c r="I17" s="2" t="str">
        <f>IF(AND('Cambios Auto'!I17&gt;0,'Indices Auto'!J17&gt;100),"V",IF(AND('Cambios Auto'!I17&gt;0,'Indices Auto'!J17&lt;100),"A",IF(AND('Cambios Auto'!I17&lt;0,'Indices Auto'!J17&gt;100),"N",IF(AND('Cambios Auto'!I17&lt;0,'Indices Auto'!J17&lt;100),"R","NULL"))))</f>
        <v>N</v>
      </c>
      <c r="J17" s="2" t="str">
        <f>IF(AND('Cambios Auto'!J17&gt;0,'Indices Auto'!K17&gt;100),"V",IF(AND('Cambios Auto'!J17&gt;0,'Indices Auto'!K17&lt;100),"A",IF(AND('Cambios Auto'!J17&lt;0,'Indices Auto'!K17&gt;100),"N",IF(AND('Cambios Auto'!J17&lt;0,'Indices Auto'!K17&lt;100),"R","NULL"))))</f>
        <v>N</v>
      </c>
      <c r="K17" s="2" t="str">
        <f>IF(AND('Cambios Auto'!K17&gt;0,'Indices Auto'!L17&gt;100),"V",IF(AND('Cambios Auto'!K17&gt;0,'Indices Auto'!L17&lt;100),"A",IF(AND('Cambios Auto'!K17&lt;0,'Indices Auto'!L17&gt;100),"N",IF(AND('Cambios Auto'!K17&lt;0,'Indices Auto'!L17&lt;100),"R","NULL"))))</f>
        <v>N</v>
      </c>
      <c r="L17" s="2" t="str">
        <f>IF(AND('Cambios Auto'!L17&gt;0,'Indices Auto'!M17&gt;100),"V",IF(AND('Cambios Auto'!L17&gt;0,'Indices Auto'!M17&lt;100),"A",IF(AND('Cambios Auto'!L17&lt;0,'Indices Auto'!M17&gt;100),"N",IF(AND('Cambios Auto'!L17&lt;0,'Indices Auto'!M17&lt;100),"R","NULL"))))</f>
        <v>N</v>
      </c>
      <c r="M17" s="2" t="str">
        <f>IF(AND('Cambios Auto'!M17&gt;0,'Indices Auto'!N17&gt;100),"V",IF(AND('Cambios Auto'!M17&gt;0,'Indices Auto'!N17&lt;100),"A",IF(AND('Cambios Auto'!M17&lt;0,'Indices Auto'!N17&gt;100),"N",IF(AND('Cambios Auto'!M17&lt;0,'Indices Auto'!N17&lt;100),"R","NULL"))))</f>
        <v>N</v>
      </c>
      <c r="N17" s="2" t="str">
        <f>IF(AND('Cambios Auto'!N17&gt;0,'Indices Auto'!O17&gt;100),"V",IF(AND('Cambios Auto'!N17&gt;0,'Indices Auto'!O17&lt;100),"A",IF(AND('Cambios Auto'!N17&lt;0,'Indices Auto'!O17&gt;100),"N",IF(AND('Cambios Auto'!N17&lt;0,'Indices Auto'!O17&lt;100),"R","NULL"))))</f>
        <v>N</v>
      </c>
      <c r="O17" s="2" t="str">
        <f>IF(AND('Cambios Auto'!O17&gt;0,'Indices Auto'!P17&gt;100),"V",IF(AND('Cambios Auto'!O17&gt;0,'Indices Auto'!P17&lt;100),"A",IF(AND('Cambios Auto'!O17&lt;0,'Indices Auto'!P17&gt;100),"N",IF(AND('Cambios Auto'!O17&lt;0,'Indices Auto'!P17&lt;100),"R","NULL"))))</f>
        <v>N</v>
      </c>
      <c r="P17" s="2" t="str">
        <f>IF(AND('Cambios Auto'!P17&gt;0,'Indices Auto'!Q17&gt;100),"V",IF(AND('Cambios Auto'!P17&gt;0,'Indices Auto'!Q17&lt;100),"A",IF(AND('Cambios Auto'!P17&lt;0,'Indices Auto'!Q17&gt;100),"N",IF(AND('Cambios Auto'!P17&lt;0,'Indices Auto'!Q17&lt;100),"R","NULL"))))</f>
        <v>N</v>
      </c>
      <c r="Q17" s="2" t="str">
        <f>IF(AND('Cambios Auto'!Q17&gt;0,'Indices Auto'!R17&gt;100),"V",IF(AND('Cambios Auto'!Q17&gt;0,'Indices Auto'!R17&lt;100),"A",IF(AND('Cambios Auto'!Q17&lt;0,'Indices Auto'!R17&gt;100),"N",IF(AND('Cambios Auto'!Q17&lt;0,'Indices Auto'!R17&lt;100),"R","NULL"))))</f>
        <v>N</v>
      </c>
      <c r="R17" s="2" t="str">
        <f>IF(AND('Cambios Auto'!R17&gt;0,'Indices Auto'!S17&gt;100),"V",IF(AND('Cambios Auto'!R17&gt;0,'Indices Auto'!S17&lt;100),"A",IF(AND('Cambios Auto'!R17&lt;0,'Indices Auto'!S17&gt;100),"N",IF(AND('Cambios Auto'!R17&lt;0,'Indices Auto'!S17&lt;100),"R","NULL"))))</f>
        <v>N</v>
      </c>
      <c r="S17" s="2" t="str">
        <f>IF(AND('Cambios Auto'!S17&gt;0,'Indices Auto'!T17&gt;100),"V",IF(AND('Cambios Auto'!S17&gt;0,'Indices Auto'!T17&lt;100),"A",IF(AND('Cambios Auto'!S17&lt;0,'Indices Auto'!T17&gt;100),"N",IF(AND('Cambios Auto'!S17&lt;0,'Indices Auto'!T17&lt;100),"R","NULL"))))</f>
        <v>R</v>
      </c>
      <c r="T17" s="2" t="str">
        <f>IF(AND('Cambios Auto'!T17&gt;0,'Indices Auto'!U17&gt;100),"V",IF(AND('Cambios Auto'!T17&gt;0,'Indices Auto'!U17&lt;100),"A",IF(AND('Cambios Auto'!T17&lt;0,'Indices Auto'!U17&gt;100),"N",IF(AND('Cambios Auto'!T17&lt;0,'Indices Auto'!U17&lt;100),"R","NULL"))))</f>
        <v>R</v>
      </c>
      <c r="U17" s="2" t="str">
        <f>IF(AND('Cambios Auto'!U17&gt;0,'Indices Auto'!V17&gt;100),"V",IF(AND('Cambios Auto'!U17&gt;0,'Indices Auto'!V17&lt;100),"A",IF(AND('Cambios Auto'!U17&lt;0,'Indices Auto'!V17&gt;100),"N",IF(AND('Cambios Auto'!U17&lt;0,'Indices Auto'!V17&lt;100),"R","NULL"))))</f>
        <v>R</v>
      </c>
      <c r="V17" s="2" t="str">
        <f>IF(AND('Cambios Auto'!V17&gt;0,'Indices Auto'!W17&gt;100),"V",IF(AND('Cambios Auto'!V17&gt;0,'Indices Auto'!W17&lt;100),"A",IF(AND('Cambios Auto'!V17&lt;0,'Indices Auto'!W17&gt;100),"N",IF(AND('Cambios Auto'!V17&lt;0,'Indices Auto'!W17&lt;100),"R","NULL"))))</f>
        <v>R</v>
      </c>
      <c r="W17" s="2" t="str">
        <f>IF(AND('Cambios Auto'!W17&gt;0,'Indices Auto'!X17&gt;100),"V",IF(AND('Cambios Auto'!W17&gt;0,'Indices Auto'!X17&lt;100),"A",IF(AND('Cambios Auto'!W17&lt;0,'Indices Auto'!X17&gt;100),"N",IF(AND('Cambios Auto'!W17&lt;0,'Indices Auto'!X17&lt;100),"R","NULL"))))</f>
        <v>R</v>
      </c>
      <c r="X17" s="2" t="str">
        <f>IF(AND('Cambios Auto'!X17&gt;0,'Indices Auto'!Y17&gt;100),"V",IF(AND('Cambios Auto'!X17&gt;0,'Indices Auto'!Y17&lt;100),"A",IF(AND('Cambios Auto'!X17&lt;0,'Indices Auto'!Y17&gt;100),"N",IF(AND('Cambios Auto'!X17&lt;0,'Indices Auto'!Y17&lt;100),"R","NULL"))))</f>
        <v>A</v>
      </c>
      <c r="Y17" s="2" t="str">
        <f>IF(AND('Cambios Auto'!Y17&gt;0,'Indices Auto'!Z17&gt;100),"V",IF(AND('Cambios Auto'!Y17&gt;0,'Indices Auto'!Z17&lt;100),"A",IF(AND('Cambios Auto'!Y17&lt;0,'Indices Auto'!Z17&gt;100),"N",IF(AND('Cambios Auto'!Y17&lt;0,'Indices Auto'!Z17&lt;100),"R","NULL"))))</f>
        <v>A</v>
      </c>
      <c r="Z17" s="2" t="str">
        <f>IF(AND('Cambios Auto'!Z17&gt;0,'Indices Auto'!AA17&gt;100),"V",IF(AND('Cambios Auto'!Z17&gt;0,'Indices Auto'!AA17&lt;100),"A",IF(AND('Cambios Auto'!Z17&lt;0,'Indices Auto'!AA17&gt;100),"N",IF(AND('Cambios Auto'!Z17&lt;0,'Indices Auto'!AA17&lt;100),"R","NULL"))))</f>
        <v>A</v>
      </c>
      <c r="AA17" s="2" t="str">
        <f>IF(AND('Cambios Auto'!AA17&gt;0,'Indices Auto'!AB17&gt;100),"V",IF(AND('Cambios Auto'!AA17&gt;0,'Indices Auto'!AB17&lt;100),"A",IF(AND('Cambios Auto'!AA17&lt;0,'Indices Auto'!AB17&gt;100),"N",IF(AND('Cambios Auto'!AA17&lt;0,'Indices Auto'!AB17&lt;100),"R","NULL"))))</f>
        <v>R</v>
      </c>
      <c r="AB17" s="2" t="str">
        <f>IF(AND('Cambios Auto'!AB17&gt;0,'Indices Auto'!AC17&gt;100),"V",IF(AND('Cambios Auto'!AB17&gt;0,'Indices Auto'!AC17&lt;100),"A",IF(AND('Cambios Auto'!AB17&lt;0,'Indices Auto'!AC17&gt;100),"N",IF(AND('Cambios Auto'!AB17&lt;0,'Indices Auto'!AC17&lt;100),"R","NULL"))))</f>
        <v>R</v>
      </c>
      <c r="AC17" s="2" t="str">
        <f>IF(AND('Cambios Auto'!AC17&gt;0,'Indices Auto'!AD17&gt;100),"V",IF(AND('Cambios Auto'!AC17&gt;0,'Indices Auto'!AD17&lt;100),"A",IF(AND('Cambios Auto'!AC17&lt;0,'Indices Auto'!AD17&gt;100),"N",IF(AND('Cambios Auto'!AC17&lt;0,'Indices Auto'!AD17&lt;100),"R","NULL"))))</f>
        <v>R</v>
      </c>
      <c r="AD17" s="2" t="str">
        <f>IF(AND('Cambios Auto'!AD17&gt;0,'Indices Auto'!AE17&gt;100),"V",IF(AND('Cambios Auto'!AD17&gt;0,'Indices Auto'!AE17&lt;100),"A",IF(AND('Cambios Auto'!AD17&lt;0,'Indices Auto'!AE17&gt;100),"N",IF(AND('Cambios Auto'!AD17&lt;0,'Indices Auto'!AE17&lt;100),"R","NULL"))))</f>
        <v>R</v>
      </c>
      <c r="AE17" s="2" t="str">
        <f>IF(AND('Cambios Auto'!AE17&gt;0,'Indices Auto'!AF17&gt;100),"V",IF(AND('Cambios Auto'!AE17&gt;0,'Indices Auto'!AF17&lt;100),"A",IF(AND('Cambios Auto'!AE17&lt;0,'Indices Auto'!AF17&gt;100),"N",IF(AND('Cambios Auto'!AE17&lt;0,'Indices Auto'!AF17&lt;100),"R","NULL"))))</f>
        <v>R</v>
      </c>
      <c r="AF17" s="2" t="str">
        <f>IF(AND('Cambios Auto'!AF17&gt;0,'Indices Auto'!AG17&gt;100),"V",IF(AND('Cambios Auto'!AF17&gt;0,'Indices Auto'!AG17&lt;100),"A",IF(AND('Cambios Auto'!AF17&lt;0,'Indices Auto'!AG17&gt;100),"N",IF(AND('Cambios Auto'!AF17&lt;0,'Indices Auto'!AG17&lt;100),"R","NULL"))))</f>
        <v>R</v>
      </c>
      <c r="AG17" s="2" t="str">
        <f>IF(AND('Cambios Auto'!AG17&gt;0,'Indices Auto'!AH17&gt;100),"V",IF(AND('Cambios Auto'!AG17&gt;0,'Indices Auto'!AH17&lt;100),"A",IF(AND('Cambios Auto'!AG17&lt;0,'Indices Auto'!AH17&gt;100),"N",IF(AND('Cambios Auto'!AG17&lt;0,'Indices Auto'!AH17&lt;100),"R","NULL"))))</f>
        <v>R</v>
      </c>
      <c r="AH17" s="2" t="str">
        <f>IF(AND('Cambios Auto'!AH17&gt;0,'Indices Auto'!AI17&gt;100),"V",IF(AND('Cambios Auto'!AH17&gt;0,'Indices Auto'!AI17&lt;100),"A",IF(AND('Cambios Auto'!AH17&lt;0,'Indices Auto'!AI17&gt;100),"N",IF(AND('Cambios Auto'!AH17&lt;0,'Indices Auto'!AI17&lt;100),"R","NULL"))))</f>
        <v>R</v>
      </c>
      <c r="AI17" s="2" t="str">
        <f>IF(AND('Cambios Auto'!AI17&gt;0,'Indices Auto'!AJ17&gt;100),"V",IF(AND('Cambios Auto'!AI17&gt;0,'Indices Auto'!AJ17&lt;100),"A",IF(AND('Cambios Auto'!AI17&lt;0,'Indices Auto'!AJ17&gt;100),"N",IF(AND('Cambios Auto'!AI17&lt;0,'Indices Auto'!AJ17&lt;100),"R","NULL"))))</f>
        <v>R</v>
      </c>
      <c r="AJ17" s="2" t="str">
        <f>IF(AND('Cambios Auto'!AJ17&gt;0,'Indices Auto'!AK17&gt;100),"V",IF(AND('Cambios Auto'!AJ17&gt;0,'Indices Auto'!AK17&lt;100),"A",IF(AND('Cambios Auto'!AJ17&lt;0,'Indices Auto'!AK17&gt;100),"N",IF(AND('Cambios Auto'!AJ17&lt;0,'Indices Auto'!AK17&lt;100),"R","NULL"))))</f>
        <v>R</v>
      </c>
      <c r="AK17" s="2" t="str">
        <f>IF(AND('Cambios Auto'!AK17&gt;0,'Indices Auto'!AL17&gt;100),"V",IF(AND('Cambios Auto'!AK17&gt;0,'Indices Auto'!AL17&lt;100),"A",IF(AND('Cambios Auto'!AK17&lt;0,'Indices Auto'!AL17&gt;100),"N",IF(AND('Cambios Auto'!AK17&lt;0,'Indices Auto'!AL17&lt;100),"R","NULL"))))</f>
        <v>R</v>
      </c>
      <c r="AL17" s="2" t="str">
        <f>IF(AND('Cambios Auto'!AL17&gt;0,'Indices Auto'!AM17&gt;100),"V",IF(AND('Cambios Auto'!AL17&gt;0,'Indices Auto'!AM17&lt;100),"A",IF(AND('Cambios Auto'!AL17&lt;0,'Indices Auto'!AM17&gt;100),"N",IF(AND('Cambios Auto'!AL17&lt;0,'Indices Auto'!AM17&lt;100),"R","NULL"))))</f>
        <v>R</v>
      </c>
      <c r="AM17" s="2" t="str">
        <f>IF(AND('Cambios Auto'!AM17&gt;0,'Indices Auto'!AN17&gt;100),"V",IF(AND('Cambios Auto'!AM17&gt;0,'Indices Auto'!AN17&lt;100),"A",IF(AND('Cambios Auto'!AM17&lt;0,'Indices Auto'!AN17&gt;100),"N",IF(AND('Cambios Auto'!AM17&lt;0,'Indices Auto'!AN17&lt;100),"R","NULL"))))</f>
        <v>A</v>
      </c>
      <c r="AN17" s="2" t="str">
        <f>IF(AND('Cambios Auto'!AN17&gt;0,'Indices Auto'!AO17&gt;100),"V",IF(AND('Cambios Auto'!AN17&gt;0,'Indices Auto'!AO17&lt;100),"A",IF(AND('Cambios Auto'!AN17&lt;0,'Indices Auto'!AO17&gt;100),"N",IF(AND('Cambios Auto'!AN17&lt;0,'Indices Auto'!AO17&lt;100),"R","NULL"))))</f>
        <v>A</v>
      </c>
      <c r="AO17" s="2" t="str">
        <f>IF(AND('Cambios Auto'!AO17&gt;0,'Indices Auto'!AP17&gt;100),"V",IF(AND('Cambios Auto'!AO17&gt;0,'Indices Auto'!AP17&lt;100),"A",IF(AND('Cambios Auto'!AO17&lt;0,'Indices Auto'!AP17&gt;100),"N",IF(AND('Cambios Auto'!AO17&lt;0,'Indices Auto'!AP17&lt;100),"R","NULL"))))</f>
        <v>A</v>
      </c>
      <c r="AP17" s="2" t="str">
        <f>IF(AND('Cambios Auto'!AP17&gt;0,'Indices Auto'!AQ17&gt;100),"V",IF(AND('Cambios Auto'!AP17&gt;0,'Indices Auto'!AQ17&lt;100),"A",IF(AND('Cambios Auto'!AP17&lt;0,'Indices Auto'!AQ17&gt;100),"N",IF(AND('Cambios Auto'!AP17&lt;0,'Indices Auto'!AQ17&lt;100),"R","NULL"))))</f>
        <v>A</v>
      </c>
      <c r="AQ17" s="2" t="str">
        <f>IF(AND('Cambios Auto'!AQ17&gt;0,'Indices Auto'!AR17&gt;100),"V",IF(AND('Cambios Auto'!AQ17&gt;0,'Indices Auto'!AR17&lt;100),"A",IF(AND('Cambios Auto'!AQ17&lt;0,'Indices Auto'!AR17&gt;100),"N",IF(AND('Cambios Auto'!AQ17&lt;0,'Indices Auto'!AR17&lt;100),"R","NULL"))))</f>
        <v>A</v>
      </c>
      <c r="AR17" s="2" t="str">
        <f>IF(AND('Cambios Auto'!AR17&gt;0,'Indices Auto'!AS17&gt;100),"V",IF(AND('Cambios Auto'!AR17&gt;0,'Indices Auto'!AS17&lt;100),"A",IF(AND('Cambios Auto'!AR17&lt;0,'Indices Auto'!AS17&gt;100),"N",IF(AND('Cambios Auto'!AR17&lt;0,'Indices Auto'!AS17&lt;100),"R","NULL"))))</f>
        <v>A</v>
      </c>
      <c r="AS17" s="2" t="str">
        <f>IF(AND('Cambios Auto'!AS17&gt;0,'Indices Auto'!AT17&gt;100),"V",IF(AND('Cambios Auto'!AS17&gt;0,'Indices Auto'!AT17&lt;100),"A",IF(AND('Cambios Auto'!AS17&lt;0,'Indices Auto'!AT17&gt;100),"N",IF(AND('Cambios Auto'!AS17&lt;0,'Indices Auto'!AT17&lt;100),"R","NULL"))))</f>
        <v>A</v>
      </c>
      <c r="AT17" s="2" t="str">
        <f>IF(AND('Cambios Auto'!AT17&gt;0,'Indices Auto'!AU17&gt;100),"V",IF(AND('Cambios Auto'!AT17&gt;0,'Indices Auto'!AU17&lt;100),"A",IF(AND('Cambios Auto'!AT17&lt;0,'Indices Auto'!AU17&gt;100),"N",IF(AND('Cambios Auto'!AT17&lt;0,'Indices Auto'!AU17&lt;100),"R","NULL"))))</f>
        <v>A</v>
      </c>
      <c r="AU17" s="2" t="str">
        <f>IF(AND('Cambios Auto'!AU17&gt;0,'Indices Auto'!AV17&gt;100),"V",IF(AND('Cambios Auto'!AU17&gt;0,'Indices Auto'!AV17&lt;100),"A",IF(AND('Cambios Auto'!AU17&lt;0,'Indices Auto'!AV17&gt;100),"N",IF(AND('Cambios Auto'!AU17&lt;0,'Indices Auto'!AV17&lt;100),"R","NULL"))))</f>
        <v>A</v>
      </c>
      <c r="AV17" s="2" t="str">
        <f>IF(AND('Cambios Auto'!AV17&gt;0,'Indices Auto'!AW17&gt;100),"V",IF(AND('Cambios Auto'!AV17&gt;0,'Indices Auto'!AW17&lt;100),"A",IF(AND('Cambios Auto'!AV17&lt;0,'Indices Auto'!AW17&gt;100),"N",IF(AND('Cambios Auto'!AV17&lt;0,'Indices Auto'!AW17&lt;100),"R","NULL"))))</f>
        <v>A</v>
      </c>
      <c r="AW17" s="2" t="str">
        <f>IF(AND('Cambios Auto'!AW17&gt;0,'Indices Auto'!AX17&gt;100),"V",IF(AND('Cambios Auto'!AW17&gt;0,'Indices Auto'!AX17&lt;100),"A",IF(AND('Cambios Auto'!AW17&lt;0,'Indices Auto'!AX17&gt;100),"N",IF(AND('Cambios Auto'!AW17&lt;0,'Indices Auto'!AX17&lt;100),"R","NULL"))))</f>
        <v>A</v>
      </c>
      <c r="AX17" s="2" t="str">
        <f>IF(AND('Cambios Auto'!AX17&gt;0,'Indices Auto'!AY17&gt;100),"V",IF(AND('Cambios Auto'!AX17&gt;0,'Indices Auto'!AY17&lt;100),"A",IF(AND('Cambios Auto'!AX17&lt;0,'Indices Auto'!AY17&gt;100),"N",IF(AND('Cambios Auto'!AX17&lt;0,'Indices Auto'!AY17&lt;100),"R","NULL"))))</f>
        <v>A</v>
      </c>
      <c r="AY17" s="2" t="str">
        <f>IF(AND('Cambios Auto'!AY17&gt;0,'Indices Auto'!AZ17&gt;100),"V",IF(AND('Cambios Auto'!AY17&gt;0,'Indices Auto'!AZ17&lt;100),"A",IF(AND('Cambios Auto'!AY17&lt;0,'Indices Auto'!AZ17&gt;100),"N",IF(AND('Cambios Auto'!AY17&lt;0,'Indices Auto'!AZ17&lt;100),"R","NULL"))))</f>
        <v>A</v>
      </c>
      <c r="AZ17" s="2" t="str">
        <f>IF(AND('Cambios Auto'!AZ17&gt;0,'Indices Auto'!BA17&gt;100),"V",IF(AND('Cambios Auto'!AZ17&gt;0,'Indices Auto'!BA17&lt;100),"A",IF(AND('Cambios Auto'!AZ17&lt;0,'Indices Auto'!BA17&gt;100),"N",IF(AND('Cambios Auto'!AZ17&lt;0,'Indices Auto'!BA17&lt;100),"R","NULL"))))</f>
        <v>A</v>
      </c>
      <c r="BA17" s="2" t="str">
        <f>IF(AND('Cambios Auto'!BA17&gt;0,'Indices Auto'!BB17&gt;100),"V",IF(AND('Cambios Auto'!BA17&gt;0,'Indices Auto'!BB17&lt;100),"A",IF(AND('Cambios Auto'!BA17&lt;0,'Indices Auto'!BB17&gt;100),"N",IF(AND('Cambios Auto'!BA17&lt;0,'Indices Auto'!BB17&lt;100),"R","NULL"))))</f>
        <v>R</v>
      </c>
      <c r="BB17" s="2" t="str">
        <f>IF(AND('Cambios Auto'!BB17&gt;0,'Indices Auto'!BC17&gt;100),"V",IF(AND('Cambios Auto'!BB17&gt;0,'Indices Auto'!BC17&lt;100),"A",IF(AND('Cambios Auto'!BB17&lt;0,'Indices Auto'!BC17&gt;100),"N",IF(AND('Cambios Auto'!BB17&lt;0,'Indices Auto'!BC17&lt;100),"R","NULL"))))</f>
        <v>R</v>
      </c>
      <c r="BC17" s="2" t="str">
        <f>IF(AND('Cambios Auto'!BC17&gt;0,'Indices Auto'!BD17&gt;100),"V",IF(AND('Cambios Auto'!BC17&gt;0,'Indices Auto'!BD17&lt;100),"A",IF(AND('Cambios Auto'!BC17&lt;0,'Indices Auto'!BD17&gt;100),"N",IF(AND('Cambios Auto'!BC17&lt;0,'Indices Auto'!BD17&lt;100),"R","NULL"))))</f>
        <v>R</v>
      </c>
      <c r="BD17" s="2" t="str">
        <f>IF(AND('Cambios Auto'!BD17&gt;0,'Indices Auto'!BE17&gt;100),"V",IF(AND('Cambios Auto'!BD17&gt;0,'Indices Auto'!BE17&lt;100),"A",IF(AND('Cambios Auto'!BD17&lt;0,'Indices Auto'!BE17&gt;100),"N",IF(AND('Cambios Auto'!BD17&lt;0,'Indices Auto'!BE17&lt;100),"R","NULL"))))</f>
        <v>R</v>
      </c>
      <c r="BE17" s="2" t="str">
        <f>IF(AND('Cambios Auto'!BE17&gt;0,'Indices Auto'!BF17&gt;100),"V",IF(AND('Cambios Auto'!BE17&gt;0,'Indices Auto'!BF17&lt;100),"A",IF(AND('Cambios Auto'!BE17&lt;0,'Indices Auto'!BF17&gt;100),"N",IF(AND('Cambios Auto'!BE17&lt;0,'Indices Auto'!BF17&lt;100),"R","NULL"))))</f>
        <v>A</v>
      </c>
      <c r="BF17" s="2" t="str">
        <f>IF(AND('Cambios Auto'!BF17&gt;0,'Indices Auto'!BG17&gt;100),"V",IF(AND('Cambios Auto'!BF17&gt;0,'Indices Auto'!BG17&lt;100),"A",IF(AND('Cambios Auto'!BF17&lt;0,'Indices Auto'!BG17&gt;100),"N",IF(AND('Cambios Auto'!BF17&lt;0,'Indices Auto'!BG17&lt;100),"R","NULL"))))</f>
        <v>A</v>
      </c>
      <c r="BG17" s="2" t="str">
        <f>IF(AND('Cambios Auto'!BG17&gt;0,'Indices Auto'!BH17&gt;100),"V",IF(AND('Cambios Auto'!BG17&gt;0,'Indices Auto'!BH17&lt;100),"A",IF(AND('Cambios Auto'!BG17&lt;0,'Indices Auto'!BH17&gt;100),"N",IF(AND('Cambios Auto'!BG17&lt;0,'Indices Auto'!BH17&lt;100),"R","NULL"))))</f>
        <v>A</v>
      </c>
      <c r="BH17" s="2" t="str">
        <f>IF(AND('Cambios Auto'!BH17&gt;0,'Indices Auto'!BI17&gt;100),"V",IF(AND('Cambios Auto'!BH17&gt;0,'Indices Auto'!BI17&lt;100),"A",IF(AND('Cambios Auto'!BH17&lt;0,'Indices Auto'!BI17&gt;100),"N",IF(AND('Cambios Auto'!BH17&lt;0,'Indices Auto'!BI17&lt;100),"R","NULL"))))</f>
        <v>V</v>
      </c>
      <c r="BI17" s="2" t="str">
        <f>IF(AND('Cambios Auto'!BI17&gt;0,'Indices Auto'!BJ17&gt;100),"V",IF(AND('Cambios Auto'!BI17&gt;0,'Indices Auto'!BJ17&lt;100),"A",IF(AND('Cambios Auto'!BI17&lt;0,'Indices Auto'!BJ17&gt;100),"N",IF(AND('Cambios Auto'!BI17&lt;0,'Indices Auto'!BJ17&lt;100),"R","NULL"))))</f>
        <v>V</v>
      </c>
      <c r="BJ17" s="2" t="str">
        <f>IF(AND('Cambios Auto'!BJ17&gt;0,'Indices Auto'!BK17&gt;100),"V",IF(AND('Cambios Auto'!BJ17&gt;0,'Indices Auto'!BK17&lt;100),"A",IF(AND('Cambios Auto'!BJ17&lt;0,'Indices Auto'!BK17&gt;100),"N",IF(AND('Cambios Auto'!BJ17&lt;0,'Indices Auto'!BK17&lt;100),"R","NULL"))))</f>
        <v>V</v>
      </c>
      <c r="BK17" s="2" t="str">
        <f>IF(AND('Cambios Auto'!BK17&gt;0,'Indices Auto'!BL17&gt;100),"V",IF(AND('Cambios Auto'!BK17&gt;0,'Indices Auto'!BL17&lt;100),"A",IF(AND('Cambios Auto'!BK17&lt;0,'Indices Auto'!BL17&gt;100),"N",IF(AND('Cambios Auto'!BK17&lt;0,'Indices Auto'!BL17&lt;100),"R","NULL"))))</f>
        <v>V</v>
      </c>
      <c r="BL17" s="2" t="str">
        <f>IF(AND('Cambios Auto'!BL17&gt;0,'Indices Auto'!BM17&gt;100),"V",IF(AND('Cambios Auto'!BL17&gt;0,'Indices Auto'!BM17&lt;100),"A",IF(AND('Cambios Auto'!BL17&lt;0,'Indices Auto'!BM17&gt;100),"N",IF(AND('Cambios Auto'!BL17&lt;0,'Indices Auto'!BM17&lt;100),"R","NULL"))))</f>
        <v>V</v>
      </c>
      <c r="BM17" s="2" t="str">
        <f>IF(AND('Cambios Auto'!BM17&gt;0,'Indices Auto'!BN17&gt;100),"V",IF(AND('Cambios Auto'!BM17&gt;0,'Indices Auto'!BN17&lt;100),"A",IF(AND('Cambios Auto'!BM17&lt;0,'Indices Auto'!BN17&gt;100),"N",IF(AND('Cambios Auto'!BM17&lt;0,'Indices Auto'!BN17&lt;100),"R","NULL"))))</f>
        <v>V</v>
      </c>
      <c r="BN17" s="2" t="str">
        <f>IF(AND('Cambios Auto'!BN17&gt;0,'Indices Auto'!BO17&gt;100),"V",IF(AND('Cambios Auto'!BN17&gt;0,'Indices Auto'!BO17&lt;100),"A",IF(AND('Cambios Auto'!BN17&lt;0,'Indices Auto'!BO17&gt;100),"N",IF(AND('Cambios Auto'!BN17&lt;0,'Indices Auto'!BO17&lt;100),"R","NULL"))))</f>
        <v>V</v>
      </c>
      <c r="BO17" s="2" t="str">
        <f>IF(AND('Cambios Auto'!BO17&gt;0,'Indices Auto'!BP17&gt;100),"V",IF(AND('Cambios Auto'!BO17&gt;0,'Indices Auto'!BP17&lt;100),"A",IF(AND('Cambios Auto'!BO17&lt;0,'Indices Auto'!BP17&gt;100),"N",IF(AND('Cambios Auto'!BO17&lt;0,'Indices Auto'!BP17&lt;100),"R","NULL"))))</f>
        <v>V</v>
      </c>
      <c r="BP17" s="2" t="str">
        <f>IF(AND('Cambios Auto'!BP17&gt;0,'Indices Auto'!BQ17&gt;100),"V",IF(AND('Cambios Auto'!BP17&gt;0,'Indices Auto'!BQ17&lt;100),"A",IF(AND('Cambios Auto'!BP17&lt;0,'Indices Auto'!BQ17&gt;100),"N",IF(AND('Cambios Auto'!BP17&lt;0,'Indices Auto'!BQ17&lt;100),"R","NULL"))))</f>
        <v>V</v>
      </c>
      <c r="BQ17" s="2" t="str">
        <f>IF(AND('Cambios Auto'!BQ17&gt;0,'Indices Auto'!BR17&gt;100),"V",IF(AND('Cambios Auto'!BQ17&gt;0,'Indices Auto'!BR17&lt;100),"A",IF(AND('Cambios Auto'!BQ17&lt;0,'Indices Auto'!BR17&gt;100),"N",IF(AND('Cambios Auto'!BQ17&lt;0,'Indices Auto'!BR17&lt;100),"R","NULL"))))</f>
        <v>V</v>
      </c>
      <c r="BR17" s="2" t="str">
        <f>IF(AND('Cambios Auto'!BR17&gt;0,'Indices Auto'!BS17&gt;100),"V",IF(AND('Cambios Auto'!BR17&gt;0,'Indices Auto'!BS17&lt;100),"A",IF(AND('Cambios Auto'!BR17&lt;0,'Indices Auto'!BS17&gt;100),"N",IF(AND('Cambios Auto'!BR17&lt;0,'Indices Auto'!BS17&lt;100),"R","NULL"))))</f>
        <v>V</v>
      </c>
      <c r="BS17" s="2" t="str">
        <f>IF(AND('Cambios Auto'!BS17&gt;0,'Indices Auto'!BT17&gt;100),"V",IF(AND('Cambios Auto'!BS17&gt;0,'Indices Auto'!BT17&lt;100),"A",IF(AND('Cambios Auto'!BS17&lt;0,'Indices Auto'!BT17&gt;100),"N",IF(AND('Cambios Auto'!BS17&lt;0,'Indices Auto'!BT17&lt;100),"R","NULL"))))</f>
        <v>V</v>
      </c>
      <c r="BT17" s="2" t="str">
        <f>IF(AND('Cambios Auto'!BT17&gt;0,'Indices Auto'!BU17&gt;100),"V",IF(AND('Cambios Auto'!BT17&gt;0,'Indices Auto'!BU17&lt;100),"A",IF(AND('Cambios Auto'!BT17&lt;0,'Indices Auto'!BU17&gt;100),"N",IF(AND('Cambios Auto'!BT17&lt;0,'Indices Auto'!BU17&lt;100),"R","NULL"))))</f>
        <v>V</v>
      </c>
      <c r="BU17" s="2" t="str">
        <f>IF(AND('Cambios Auto'!BU17&gt;0,'Indices Auto'!BV17&gt;100),"V",IF(AND('Cambios Auto'!BU17&gt;0,'Indices Auto'!BV17&lt;100),"A",IF(AND('Cambios Auto'!BU17&lt;0,'Indices Auto'!BV17&gt;100),"N",IF(AND('Cambios Auto'!BU17&lt;0,'Indices Auto'!BV17&lt;100),"R","NULL"))))</f>
        <v>V</v>
      </c>
      <c r="BV17" s="2" t="str">
        <f>IF(AND('Cambios Auto'!BV17&gt;0,'Indices Auto'!BW17&gt;100),"V",IF(AND('Cambios Auto'!BV17&gt;0,'Indices Auto'!BW17&lt;100),"A",IF(AND('Cambios Auto'!BV17&lt;0,'Indices Auto'!BW17&gt;100),"N",IF(AND('Cambios Auto'!BV17&lt;0,'Indices Auto'!BW17&lt;100),"R","NULL"))))</f>
        <v>V</v>
      </c>
      <c r="BW17" s="2" t="str">
        <f>IF(AND('Cambios Auto'!BW17&gt;0,'Indices Auto'!BX17&gt;100),"V",IF(AND('Cambios Auto'!BW17&gt;0,'Indices Auto'!BX17&lt;100),"A",IF(AND('Cambios Auto'!BW17&lt;0,'Indices Auto'!BX17&gt;100),"N",IF(AND('Cambios Auto'!BW17&lt;0,'Indices Auto'!BX17&lt;100),"R","NULL"))))</f>
        <v>V</v>
      </c>
      <c r="BX17" s="2" t="str">
        <f>IF(AND('Cambios Auto'!BX17&gt;0,'Indices Auto'!BY17&gt;100),"V",IF(AND('Cambios Auto'!BX17&gt;0,'Indices Auto'!BY17&lt;100),"A",IF(AND('Cambios Auto'!BX17&lt;0,'Indices Auto'!BY17&gt;100),"N",IF(AND('Cambios Auto'!BX17&lt;0,'Indices Auto'!BY17&lt;100),"R","NULL"))))</f>
        <v>V</v>
      </c>
      <c r="BY17" s="2" t="str">
        <f>IF(AND('Cambios Auto'!BY17&gt;0,'Indices Auto'!BZ17&gt;100),"V",IF(AND('Cambios Auto'!BY17&gt;0,'Indices Auto'!BZ17&lt;100),"A",IF(AND('Cambios Auto'!BY17&lt;0,'Indices Auto'!BZ17&gt;100),"N",IF(AND('Cambios Auto'!BY17&lt;0,'Indices Auto'!BZ17&lt;100),"R","NULL"))))</f>
        <v>V</v>
      </c>
      <c r="BZ17" s="2" t="str">
        <f>IF(AND('Cambios Auto'!BZ17&gt;0,'Indices Auto'!CA17&gt;100),"V",IF(AND('Cambios Auto'!BZ17&gt;0,'Indices Auto'!CA17&lt;100),"A",IF(AND('Cambios Auto'!BZ17&lt;0,'Indices Auto'!CA17&gt;100),"N",IF(AND('Cambios Auto'!BZ17&lt;0,'Indices Auto'!CA17&lt;100),"R","NULL"))))</f>
        <v>N</v>
      </c>
      <c r="CA17" s="2" t="str">
        <f>IF(AND('Cambios Auto'!CA17&gt;0,'Indices Auto'!CB17&gt;100),"V",IF(AND('Cambios Auto'!CA17&gt;0,'Indices Auto'!CB17&lt;100),"A",IF(AND('Cambios Auto'!CA17&lt;0,'Indices Auto'!CB17&gt;100),"N",IF(AND('Cambios Auto'!CA17&lt;0,'Indices Auto'!CB17&lt;100),"R","NULL"))))</f>
        <v>V</v>
      </c>
      <c r="CB17" s="2" t="str">
        <f>IF(AND('Cambios Auto'!CB17&gt;0,'Indices Auto'!CC17&gt;100),"V",IF(AND('Cambios Auto'!CB17&gt;0,'Indices Auto'!CC17&lt;100),"A",IF(AND('Cambios Auto'!CB17&lt;0,'Indices Auto'!CC17&gt;100),"N",IF(AND('Cambios Auto'!CB17&lt;0,'Indices Auto'!CC17&lt;100),"R","NULL"))))</f>
        <v>V</v>
      </c>
      <c r="CC17" s="2" t="str">
        <f>IF(AND('Cambios Auto'!CC17&gt;0,'Indices Auto'!CD17&gt;100),"V",IF(AND('Cambios Auto'!CC17&gt;0,'Indices Auto'!CD17&lt;100),"A",IF(AND('Cambios Auto'!CC17&lt;0,'Indices Auto'!CD17&gt;100),"N",IF(AND('Cambios Auto'!CC17&lt;0,'Indices Auto'!CD17&lt;100),"R","NULL"))))</f>
        <v>V</v>
      </c>
      <c r="CD17" s="2" t="str">
        <f>IF(AND('Cambios Auto'!CD17&gt;0,'Indices Auto'!CE17&gt;100),"V",IF(AND('Cambios Auto'!CD17&gt;0,'Indices Auto'!CE17&lt;100),"A",IF(AND('Cambios Auto'!CD17&lt;0,'Indices Auto'!CE17&gt;100),"N",IF(AND('Cambios Auto'!CD17&lt;0,'Indices Auto'!CE17&lt;100),"R","NULL"))))</f>
        <v>V</v>
      </c>
      <c r="CE17" s="2" t="str">
        <f>IF(AND('Cambios Auto'!CE17&gt;0,'Indices Auto'!CF17&gt;100),"V",IF(AND('Cambios Auto'!CE17&gt;0,'Indices Auto'!CF17&lt;100),"A",IF(AND('Cambios Auto'!CE17&lt;0,'Indices Auto'!CF17&gt;100),"N",IF(AND('Cambios Auto'!CE17&lt;0,'Indices Auto'!CF17&lt;100),"R","NULL"))))</f>
        <v>V</v>
      </c>
      <c r="CF17" s="2" t="str">
        <f>IF(AND('Cambios Auto'!CF17&gt;0,'Indices Auto'!CG17&gt;100),"V",IF(AND('Cambios Auto'!CF17&gt;0,'Indices Auto'!CG17&lt;100),"A",IF(AND('Cambios Auto'!CF17&lt;0,'Indices Auto'!CG17&gt;100),"N",IF(AND('Cambios Auto'!CF17&lt;0,'Indices Auto'!CG17&lt;100),"R","NULL"))))</f>
        <v>V</v>
      </c>
      <c r="CG17" s="2" t="str">
        <f>IF(AND('Cambios Auto'!CG17&gt;0,'Indices Auto'!CH17&gt;100),"V",IF(AND('Cambios Auto'!CG17&gt;0,'Indices Auto'!CH17&lt;100),"A",IF(AND('Cambios Auto'!CG17&lt;0,'Indices Auto'!CH17&gt;100),"N",IF(AND('Cambios Auto'!CG17&lt;0,'Indices Auto'!CH17&lt;100),"R","NULL"))))</f>
        <v>V</v>
      </c>
      <c r="CH17" s="2" t="str">
        <f>IF(AND('Cambios Auto'!CH17&gt;0,'Indices Auto'!CI17&gt;100),"V",IF(AND('Cambios Auto'!CH17&gt;0,'Indices Auto'!CI17&lt;100),"A",IF(AND('Cambios Auto'!CH17&lt;0,'Indices Auto'!CI17&gt;100),"N",IF(AND('Cambios Auto'!CH17&lt;0,'Indices Auto'!CI17&lt;100),"R","NULL"))))</f>
        <v>V</v>
      </c>
      <c r="CI17" s="2" t="str">
        <f>IF(AND('Cambios Auto'!CI17&gt;0,'Indices Auto'!CJ17&gt;100),"V",IF(AND('Cambios Auto'!CI17&gt;0,'Indices Auto'!CJ17&lt;100),"A",IF(AND('Cambios Auto'!CI17&lt;0,'Indices Auto'!CJ17&gt;100),"N",IF(AND('Cambios Auto'!CI17&lt;0,'Indices Auto'!CJ17&lt;100),"R","NULL"))))</f>
        <v>V</v>
      </c>
      <c r="CJ17" s="2" t="str">
        <f>IF(AND('Cambios Auto'!CJ17&gt;0,'Indices Auto'!CK17&gt;100),"V",IF(AND('Cambios Auto'!CJ17&gt;0,'Indices Auto'!CK17&lt;100),"A",IF(AND('Cambios Auto'!CJ17&lt;0,'Indices Auto'!CK17&gt;100),"N",IF(AND('Cambios Auto'!CJ17&lt;0,'Indices Auto'!CK17&lt;100),"R","NULL"))))</f>
        <v>V</v>
      </c>
      <c r="CK17" s="2" t="str">
        <f>IF(AND('Cambios Auto'!CK17&gt;0,'Indices Auto'!CL17&gt;100),"V",IF(AND('Cambios Auto'!CK17&gt;0,'Indices Auto'!CL17&lt;100),"A",IF(AND('Cambios Auto'!CK17&lt;0,'Indices Auto'!CL17&gt;100),"N",IF(AND('Cambios Auto'!CK17&lt;0,'Indices Auto'!CL17&lt;100),"R","NULL"))))</f>
        <v>V</v>
      </c>
      <c r="CL17" s="2" t="str">
        <f>IF(AND('Cambios Auto'!CL17&gt;0,'Indices Auto'!CM17&gt;100),"V",IF(AND('Cambios Auto'!CL17&gt;0,'Indices Auto'!CM17&lt;100),"A",IF(AND('Cambios Auto'!CL17&lt;0,'Indices Auto'!CM17&gt;100),"N",IF(AND('Cambios Auto'!CL17&lt;0,'Indices Auto'!CM17&lt;100),"R","NULL"))))</f>
        <v>V</v>
      </c>
      <c r="CM17" s="2" t="str">
        <f>IF(AND('Cambios Auto'!CM17&gt;0,'Indices Auto'!CN17&gt;100),"V",IF(AND('Cambios Auto'!CM17&gt;0,'Indices Auto'!CN17&lt;100),"A",IF(AND('Cambios Auto'!CM17&lt;0,'Indices Auto'!CN17&gt;100),"N",IF(AND('Cambios Auto'!CM17&lt;0,'Indices Auto'!CN17&lt;100),"R","NULL"))))</f>
        <v>V</v>
      </c>
      <c r="CN17" s="2" t="str">
        <f>IF(AND('Cambios Auto'!CN17&gt;0,'Indices Auto'!CO17&gt;100),"V",IF(AND('Cambios Auto'!CN17&gt;0,'Indices Auto'!CO17&lt;100),"A",IF(AND('Cambios Auto'!CN17&lt;0,'Indices Auto'!CO17&gt;100),"N",IF(AND('Cambios Auto'!CN17&lt;0,'Indices Auto'!CO17&lt;100),"R","NULL"))))</f>
        <v>V</v>
      </c>
      <c r="CO17" s="2" t="str">
        <f>IF(AND('Cambios Auto'!CO17&gt;0,'Indices Auto'!CP17&gt;100),"V",IF(AND('Cambios Auto'!CO17&gt;0,'Indices Auto'!CP17&lt;100),"A",IF(AND('Cambios Auto'!CO17&lt;0,'Indices Auto'!CP17&gt;100),"N",IF(AND('Cambios Auto'!CO17&lt;0,'Indices Auto'!CP17&lt;100),"R","NULL"))))</f>
        <v>V</v>
      </c>
      <c r="CP17" s="2" t="str">
        <f>IF(AND('Cambios Auto'!CP17&gt;0,'Indices Auto'!CQ17&gt;100),"V",IF(AND('Cambios Auto'!CP17&gt;0,'Indices Auto'!CQ17&lt;100),"A",IF(AND('Cambios Auto'!CP17&lt;0,'Indices Auto'!CQ17&gt;100),"N",IF(AND('Cambios Auto'!CP17&lt;0,'Indices Auto'!CQ17&lt;100),"R","NULL"))))</f>
        <v>N</v>
      </c>
      <c r="CQ17" s="2" t="str">
        <f>IF(AND('Cambios Auto'!CQ17&gt;0,'Indices Auto'!CR17&gt;100),"V",IF(AND('Cambios Auto'!CQ17&gt;0,'Indices Auto'!CR17&lt;100),"A",IF(AND('Cambios Auto'!CQ17&lt;0,'Indices Auto'!CR17&gt;100),"N",IF(AND('Cambios Auto'!CQ17&lt;0,'Indices Auto'!CR17&lt;100),"R","NULL"))))</f>
        <v>N</v>
      </c>
      <c r="CR17" s="2" t="str">
        <f>IF(AND('Cambios Auto'!CR17&gt;0,'Indices Auto'!CS17&gt;100),"V",IF(AND('Cambios Auto'!CR17&gt;0,'Indices Auto'!CS17&lt;100),"A",IF(AND('Cambios Auto'!CR17&lt;0,'Indices Auto'!CS17&gt;100),"N",IF(AND('Cambios Auto'!CR17&lt;0,'Indices Auto'!CS17&lt;100),"R","NULL"))))</f>
        <v>N</v>
      </c>
      <c r="CS17" s="2" t="str">
        <f>IF(AND('Cambios Auto'!CS17&gt;0,'Indices Auto'!CT17&gt;100),"V",IF(AND('Cambios Auto'!CS17&gt;0,'Indices Auto'!CT17&lt;100),"A",IF(AND('Cambios Auto'!CS17&lt;0,'Indices Auto'!CT17&gt;100),"N",IF(AND('Cambios Auto'!CS17&lt;0,'Indices Auto'!CT17&lt;100),"R","NULL"))))</f>
        <v>N</v>
      </c>
      <c r="CT17" s="2" t="str">
        <f>IF(AND('Cambios Auto'!CT17&gt;0,'Indices Auto'!CU17&gt;100),"V",IF(AND('Cambios Auto'!CT17&gt;0,'Indices Auto'!CU17&lt;100),"A",IF(AND('Cambios Auto'!CT17&lt;0,'Indices Auto'!CU17&gt;100),"N",IF(AND('Cambios Auto'!CT17&lt;0,'Indices Auto'!CU17&lt;100),"R","NULL"))))</f>
        <v>N</v>
      </c>
      <c r="CU17" s="2" t="str">
        <f>IF(AND('Cambios Auto'!CU17&gt;0,'Indices Auto'!CV17&gt;100),"V",IF(AND('Cambios Auto'!CU17&gt;0,'Indices Auto'!CV17&lt;100),"A",IF(AND('Cambios Auto'!CU17&lt;0,'Indices Auto'!CV17&gt;100),"N",IF(AND('Cambios Auto'!CU17&lt;0,'Indices Auto'!CV17&lt;100),"R","NULL"))))</f>
        <v>N</v>
      </c>
      <c r="CV17" s="2" t="str">
        <f>IF(AND('Cambios Auto'!CV17&gt;0,'Indices Auto'!CW17&gt;100),"V",IF(AND('Cambios Auto'!CV17&gt;0,'Indices Auto'!CW17&lt;100),"A",IF(AND('Cambios Auto'!CV17&lt;0,'Indices Auto'!CW17&gt;100),"N",IF(AND('Cambios Auto'!CV17&lt;0,'Indices Auto'!CW17&lt;100),"R","NULL"))))</f>
        <v>N</v>
      </c>
      <c r="CW17" s="2" t="str">
        <f>IF(AND('Cambios Auto'!CW17&gt;0,'Indices Auto'!CX17&gt;100),"V",IF(AND('Cambios Auto'!CW17&gt;0,'Indices Auto'!CX17&lt;100),"A",IF(AND('Cambios Auto'!CW17&lt;0,'Indices Auto'!CX17&gt;100),"N",IF(AND('Cambios Auto'!CW17&lt;0,'Indices Auto'!CX17&lt;100),"R","NULL"))))</f>
        <v>N</v>
      </c>
      <c r="CX17" s="2" t="str">
        <f>IF(AND('Cambios Auto'!CX17&gt;0,'Indices Auto'!CY17&gt;100),"V",IF(AND('Cambios Auto'!CX17&gt;0,'Indices Auto'!CY17&lt;100),"A",IF(AND('Cambios Auto'!CX17&lt;0,'Indices Auto'!CY17&gt;100),"N",IF(AND('Cambios Auto'!CX17&lt;0,'Indices Auto'!CY17&lt;100),"R","NULL"))))</f>
        <v>N</v>
      </c>
      <c r="CY17" s="2" t="str">
        <f>IF(AND('Cambios Auto'!CY17&gt;0,'Indices Auto'!CZ17&gt;100),"V",IF(AND('Cambios Auto'!CY17&gt;0,'Indices Auto'!CZ17&lt;100),"A",IF(AND('Cambios Auto'!CY17&lt;0,'Indices Auto'!CZ17&gt;100),"N",IF(AND('Cambios Auto'!CY17&lt;0,'Indices Auto'!CZ17&lt;100),"R","NULL"))))</f>
        <v>N</v>
      </c>
      <c r="CZ17" s="2" t="str">
        <f>IF(AND('Cambios Auto'!CZ17&gt;0,'Indices Auto'!DA17&gt;100),"V",IF(AND('Cambios Auto'!CZ17&gt;0,'Indices Auto'!DA17&lt;100),"A",IF(AND('Cambios Auto'!CZ17&lt;0,'Indices Auto'!DA17&gt;100),"N",IF(AND('Cambios Auto'!CZ17&lt;0,'Indices Auto'!DA17&lt;100),"R","NULL"))))</f>
        <v>N</v>
      </c>
      <c r="DA17" s="2" t="str">
        <f>IF(AND('Cambios Auto'!DA17&gt;0,'Indices Auto'!DB17&gt;100),"V",IF(AND('Cambios Auto'!DA17&gt;0,'Indices Auto'!DB17&lt;100),"A",IF(AND('Cambios Auto'!DA17&lt;0,'Indices Auto'!DB17&gt;100),"N",IF(AND('Cambios Auto'!DA17&lt;0,'Indices Auto'!DB17&lt;100),"R","NULL"))))</f>
        <v>R</v>
      </c>
      <c r="DB17" s="2" t="str">
        <f>IF(AND('Cambios Auto'!DB17&gt;0,'Indices Auto'!DC17&gt;100),"V",IF(AND('Cambios Auto'!DB17&gt;0,'Indices Auto'!DC17&lt;100),"A",IF(AND('Cambios Auto'!DB17&lt;0,'Indices Auto'!DC17&gt;100),"N",IF(AND('Cambios Auto'!DB17&lt;0,'Indices Auto'!DC17&lt;100),"R","NULL"))))</f>
        <v>R</v>
      </c>
      <c r="DC17" s="2" t="str">
        <f>IF(AND('Cambios Auto'!DC17&gt;0,'Indices Auto'!DD17&gt;100),"V",IF(AND('Cambios Auto'!DC17&gt;0,'Indices Auto'!DD17&lt;100),"A",IF(AND('Cambios Auto'!DC17&lt;0,'Indices Auto'!DD17&gt;100),"N",IF(AND('Cambios Auto'!DC17&lt;0,'Indices Auto'!DD17&lt;100),"R","NULL"))))</f>
        <v>R</v>
      </c>
      <c r="DD17" s="2" t="str">
        <f>IF(AND('Cambios Auto'!DD17&gt;0,'Indices Auto'!DE17&gt;100),"V",IF(AND('Cambios Auto'!DD17&gt;0,'Indices Auto'!DE17&lt;100),"A",IF(AND('Cambios Auto'!DD17&lt;0,'Indices Auto'!DE17&gt;100),"N",IF(AND('Cambios Auto'!DD17&lt;0,'Indices Auto'!DE17&lt;100),"R","NULL"))))</f>
        <v>R</v>
      </c>
      <c r="DE17" s="2" t="str">
        <f>IF(AND('Cambios Auto'!DE17&gt;0,'Indices Auto'!DF17&gt;100),"V",IF(AND('Cambios Auto'!DE17&gt;0,'Indices Auto'!DF17&lt;100),"A",IF(AND('Cambios Auto'!DE17&lt;0,'Indices Auto'!DF17&gt;100),"N",IF(AND('Cambios Auto'!DE17&lt;0,'Indices Auto'!DF17&lt;100),"R","NULL"))))</f>
        <v>R</v>
      </c>
      <c r="DF17" s="2" t="str">
        <f>IF(AND('Cambios Auto'!DF17&gt;0,'Indices Auto'!DG17&gt;100),"V",IF(AND('Cambios Auto'!DF17&gt;0,'Indices Auto'!DG17&lt;100),"A",IF(AND('Cambios Auto'!DF17&lt;0,'Indices Auto'!DG17&gt;100),"N",IF(AND('Cambios Auto'!DF17&lt;0,'Indices Auto'!DG17&lt;100),"R","NULL"))))</f>
        <v>R</v>
      </c>
      <c r="DG17" s="2" t="str">
        <f>IF(AND('Cambios Auto'!DG17&gt;0,'Indices Auto'!DH17&gt;100),"V",IF(AND('Cambios Auto'!DG17&gt;0,'Indices Auto'!DH17&lt;100),"A",IF(AND('Cambios Auto'!DG17&lt;0,'Indices Auto'!DH17&gt;100),"N",IF(AND('Cambios Auto'!DG17&lt;0,'Indices Auto'!DH17&lt;100),"R","NULL"))))</f>
        <v>R</v>
      </c>
      <c r="DH17" s="2" t="str">
        <f>IF(AND('Cambios Auto'!DH17&gt;0,'Indices Auto'!DI17&gt;100),"V",IF(AND('Cambios Auto'!DH17&gt;0,'Indices Auto'!DI17&lt;100),"A",IF(AND('Cambios Auto'!DH17&lt;0,'Indices Auto'!DI17&gt;100),"N",IF(AND('Cambios Auto'!DH17&lt;0,'Indices Auto'!DI17&lt;100),"R","NULL"))))</f>
        <v>R</v>
      </c>
      <c r="DI17" s="2" t="str">
        <f>IF(AND('Cambios Auto'!DI17&gt;0,'Indices Auto'!DJ17&gt;100),"V",IF(AND('Cambios Auto'!DI17&gt;0,'Indices Auto'!DJ17&lt;100),"A",IF(AND('Cambios Auto'!DI17&lt;0,'Indices Auto'!DJ17&gt;100),"N",IF(AND('Cambios Auto'!DI17&lt;0,'Indices Auto'!DJ17&lt;100),"R","NULL"))))</f>
        <v>A</v>
      </c>
      <c r="DJ17" s="2" t="str">
        <f>IF(AND('Cambios Auto'!DJ17&gt;0,'Indices Auto'!DK17&gt;100),"V",IF(AND('Cambios Auto'!DJ17&gt;0,'Indices Auto'!DK17&lt;100),"A",IF(AND('Cambios Auto'!DJ17&lt;0,'Indices Auto'!DK17&gt;100),"N",IF(AND('Cambios Auto'!DJ17&lt;0,'Indices Auto'!DK17&lt;100),"R","NULL"))))</f>
        <v>A</v>
      </c>
      <c r="DK17" s="2" t="str">
        <f>IF(AND('Cambios Auto'!DK17&gt;0,'Indices Auto'!DL17&gt;100),"V",IF(AND('Cambios Auto'!DK17&gt;0,'Indices Auto'!DL17&lt;100),"A",IF(AND('Cambios Auto'!DK17&lt;0,'Indices Auto'!DL17&gt;100),"N",IF(AND('Cambios Auto'!DK17&lt;0,'Indices Auto'!DL17&lt;100),"R","NULL"))))</f>
        <v>A</v>
      </c>
      <c r="DL17" s="2" t="str">
        <f>IF(AND('Cambios Auto'!DL17&gt;0,'Indices Auto'!DM17&gt;100),"V",IF(AND('Cambios Auto'!DL17&gt;0,'Indices Auto'!DM17&lt;100),"A",IF(AND('Cambios Auto'!DL17&lt;0,'Indices Auto'!DM17&gt;100),"N",IF(AND('Cambios Auto'!DL17&lt;0,'Indices Auto'!DM17&lt;100),"R","NULL"))))</f>
        <v>A</v>
      </c>
      <c r="DM17" s="2" t="str">
        <f>IF(AND('Cambios Auto'!DM17&gt;0,'Indices Auto'!DN17&gt;100),"V",IF(AND('Cambios Auto'!DM17&gt;0,'Indices Auto'!DN17&lt;100),"A",IF(AND('Cambios Auto'!DM17&lt;0,'Indices Auto'!DN17&gt;100),"N",IF(AND('Cambios Auto'!DM17&lt;0,'Indices Auto'!DN17&lt;100),"R","NULL"))))</f>
        <v>A</v>
      </c>
      <c r="DN17" s="2" t="str">
        <f>IF(AND('Cambios Auto'!DN17&gt;0,'Indices Auto'!DO17&gt;100),"V",IF(AND('Cambios Auto'!DN17&gt;0,'Indices Auto'!DO17&lt;100),"A",IF(AND('Cambios Auto'!DN17&lt;0,'Indices Auto'!DO17&gt;100),"N",IF(AND('Cambios Auto'!DN17&lt;0,'Indices Auto'!DO17&lt;100),"R","NULL"))))</f>
        <v>A</v>
      </c>
      <c r="DO17" s="2" t="str">
        <f>IF(AND('Cambios Auto'!DO17&gt;0,'Indices Auto'!DP17&gt;100),"V",IF(AND('Cambios Auto'!DO17&gt;0,'Indices Auto'!DP17&lt;100),"A",IF(AND('Cambios Auto'!DO17&lt;0,'Indices Auto'!DP17&gt;100),"N",IF(AND('Cambios Auto'!DO17&lt;0,'Indices Auto'!DP17&lt;100),"R","NULL"))))</f>
        <v>A</v>
      </c>
      <c r="DP17" s="2" t="str">
        <f>IF(AND('Cambios Auto'!DP17&gt;0,'Indices Auto'!DQ17&gt;100),"V",IF(AND('Cambios Auto'!DP17&gt;0,'Indices Auto'!DQ17&lt;100),"A",IF(AND('Cambios Auto'!DP17&lt;0,'Indices Auto'!DQ17&gt;100),"N",IF(AND('Cambios Auto'!DP17&lt;0,'Indices Auto'!DQ17&lt;100),"R","NULL"))))</f>
        <v>A</v>
      </c>
      <c r="DQ17" s="2" t="str">
        <f>IF(AND('Cambios Auto'!DQ17&gt;0,'Indices Auto'!DR17&gt;100),"V",IF(AND('Cambios Auto'!DQ17&gt;0,'Indices Auto'!DR17&lt;100),"A",IF(AND('Cambios Auto'!DQ17&lt;0,'Indices Auto'!DR17&gt;100),"N",IF(AND('Cambios Auto'!DQ17&lt;0,'Indices Auto'!DR17&lt;100),"R","NULL"))))</f>
        <v>A</v>
      </c>
      <c r="DR17" s="2" t="str">
        <f>IF(AND('Cambios Auto'!DR17&gt;0,'Indices Auto'!DS17&gt;100),"V",IF(AND('Cambios Auto'!DR17&gt;0,'Indices Auto'!DS17&lt;100),"A",IF(AND('Cambios Auto'!DR17&lt;0,'Indices Auto'!DS17&gt;100),"N",IF(AND('Cambios Auto'!DR17&lt;0,'Indices Auto'!DS17&lt;100),"R","NULL"))))</f>
        <v>A</v>
      </c>
      <c r="DS17" s="2" t="str">
        <f>IF(AND('Cambios Auto'!DS17&gt;0,'Indices Auto'!DT17&gt;100),"V",IF(AND('Cambios Auto'!DS17&gt;0,'Indices Auto'!DT17&lt;100),"A",IF(AND('Cambios Auto'!DS17&lt;0,'Indices Auto'!DT17&gt;100),"N",IF(AND('Cambios Auto'!DS17&lt;0,'Indices Auto'!DT17&lt;100),"R","NULL"))))</f>
        <v>A</v>
      </c>
      <c r="DT17" s="2" t="str">
        <f>IF(AND('Cambios Auto'!DT17&gt;0,'Indices Auto'!DU17&gt;100),"V",IF(AND('Cambios Auto'!DT17&gt;0,'Indices Auto'!DU17&lt;100),"A",IF(AND('Cambios Auto'!DT17&lt;0,'Indices Auto'!DU17&gt;100),"N",IF(AND('Cambios Auto'!DT17&lt;0,'Indices Auto'!DU17&lt;100),"R","NULL"))))</f>
        <v>A</v>
      </c>
      <c r="DU17" s="2" t="str">
        <f>IF(AND('Cambios Auto'!DU17&gt;0,'Indices Auto'!DV17&gt;100),"V",IF(AND('Cambios Auto'!DU17&gt;0,'Indices Auto'!DV17&lt;100),"A",IF(AND('Cambios Auto'!DU17&lt;0,'Indices Auto'!DV17&gt;100),"N",IF(AND('Cambios Auto'!DU17&lt;0,'Indices Auto'!DV17&lt;100),"R","NULL"))))</f>
        <v>R</v>
      </c>
      <c r="DV17" s="2" t="str">
        <f>IF(AND('Cambios Auto'!DV17&gt;0,'Indices Auto'!DW17&gt;100),"V",IF(AND('Cambios Auto'!DV17&gt;0,'Indices Auto'!DW17&lt;100),"A",IF(AND('Cambios Auto'!DV17&lt;0,'Indices Auto'!DW17&gt;100),"N",IF(AND('Cambios Auto'!DV17&lt;0,'Indices Auto'!DW17&lt;100),"R","NULL"))))</f>
        <v>R</v>
      </c>
      <c r="DW17" s="2" t="str">
        <f>IF(AND('Cambios Auto'!DW17&gt;0,'Indices Auto'!DX17&gt;100),"V",IF(AND('Cambios Auto'!DW17&gt;0,'Indices Auto'!DX17&lt;100),"A",IF(AND('Cambios Auto'!DW17&lt;0,'Indices Auto'!DX17&gt;100),"N",IF(AND('Cambios Auto'!DW17&lt;0,'Indices Auto'!DX17&lt;100),"R","NULL"))))</f>
        <v>R</v>
      </c>
      <c r="DX17" s="2" t="str">
        <f>IF(AND('Cambios Auto'!DX17&gt;0,'Indices Auto'!DY17&gt;100),"V",IF(AND('Cambios Auto'!DX17&gt;0,'Indices Auto'!DY17&lt;100),"A",IF(AND('Cambios Auto'!DX17&lt;0,'Indices Auto'!DY17&gt;100),"N",IF(AND('Cambios Auto'!DX17&lt;0,'Indices Auto'!DY17&lt;100),"R","NULL"))))</f>
        <v>R</v>
      </c>
      <c r="DY17" s="2" t="str">
        <f>IF(AND('Cambios Auto'!DY17&gt;0,'Indices Auto'!DZ17&gt;100),"V",IF(AND('Cambios Auto'!DY17&gt;0,'Indices Auto'!DZ17&lt;100),"A",IF(AND('Cambios Auto'!DY17&lt;0,'Indices Auto'!DZ17&gt;100),"N",IF(AND('Cambios Auto'!DY17&lt;0,'Indices Auto'!DZ17&lt;100),"R","NULL"))))</f>
        <v>A</v>
      </c>
      <c r="DZ17" s="2" t="str">
        <f>IF(AND('Cambios Auto'!DZ17&gt;0,'Indices Auto'!EA17&gt;100),"V",IF(AND('Cambios Auto'!DZ17&gt;0,'Indices Auto'!EA17&lt;100),"A",IF(AND('Cambios Auto'!DZ17&lt;0,'Indices Auto'!EA17&gt;100),"N",IF(AND('Cambios Auto'!DZ17&lt;0,'Indices Auto'!EA17&lt;100),"R","NULL"))))</f>
        <v>A</v>
      </c>
      <c r="EA17" s="2" t="str">
        <f>IF(AND('Cambios Auto'!EA17&gt;0,'Indices Auto'!EB17&gt;100),"V",IF(AND('Cambios Auto'!EA17&gt;0,'Indices Auto'!EB17&lt;100),"A",IF(AND('Cambios Auto'!EA17&lt;0,'Indices Auto'!EB17&gt;100),"N",IF(AND('Cambios Auto'!EA17&lt;0,'Indices Auto'!EB17&lt;100),"R","NULL"))))</f>
        <v>A</v>
      </c>
      <c r="EB17" s="2" t="str">
        <f>IF(AND('Cambios Auto'!EB17&gt;0,'Indices Auto'!EC17&gt;100),"V",IF(AND('Cambios Auto'!EB17&gt;0,'Indices Auto'!EC17&lt;100),"A",IF(AND('Cambios Auto'!EB17&lt;0,'Indices Auto'!EC17&gt;100),"N",IF(AND('Cambios Auto'!EB17&lt;0,'Indices Auto'!EC17&lt;100),"R","NULL"))))</f>
        <v>V</v>
      </c>
      <c r="EC17" s="2" t="str">
        <f>IF(AND('Cambios Auto'!EC17&gt;0,'Indices Auto'!ED17&gt;100),"V",IF(AND('Cambios Auto'!EC17&gt;0,'Indices Auto'!ED17&lt;100),"A",IF(AND('Cambios Auto'!EC17&lt;0,'Indices Auto'!ED17&gt;100),"N",IF(AND('Cambios Auto'!EC17&lt;0,'Indices Auto'!ED17&lt;100),"R","NULL"))))</f>
        <v>V</v>
      </c>
      <c r="ED17" s="2" t="str">
        <f>IF(AND('Cambios Auto'!ED17&gt;0,'Indices Auto'!EE17&gt;100),"V",IF(AND('Cambios Auto'!ED17&gt;0,'Indices Auto'!EE17&lt;100),"A",IF(AND('Cambios Auto'!ED17&lt;0,'Indices Auto'!EE17&gt;100),"N",IF(AND('Cambios Auto'!ED17&lt;0,'Indices Auto'!EE17&lt;100),"R","NULL"))))</f>
        <v>V</v>
      </c>
      <c r="EE17" s="2" t="str">
        <f>IF(AND('Cambios Auto'!EE17&gt;0,'Indices Auto'!EF17&gt;100),"V",IF(AND('Cambios Auto'!EE17&gt;0,'Indices Auto'!EF17&lt;100),"A",IF(AND('Cambios Auto'!EE17&lt;0,'Indices Auto'!EF17&gt;100),"N",IF(AND('Cambios Auto'!EE17&lt;0,'Indices Auto'!EF17&lt;100),"R","NULL"))))</f>
        <v>V</v>
      </c>
      <c r="EF17" s="2" t="str">
        <f>IF(AND('Cambios Auto'!EF17&gt;0,'Indices Auto'!EG17&gt;100),"V",IF(AND('Cambios Auto'!EF17&gt;0,'Indices Auto'!EG17&lt;100),"A",IF(AND('Cambios Auto'!EF17&lt;0,'Indices Auto'!EG17&gt;100),"N",IF(AND('Cambios Auto'!EF17&lt;0,'Indices Auto'!EG17&lt;100),"R","NULL"))))</f>
        <v>V</v>
      </c>
      <c r="EG17" s="2" t="str">
        <f>IF(AND('Cambios Auto'!EG17&gt;0,'Indices Auto'!EH17&gt;100),"V",IF(AND('Cambios Auto'!EG17&gt;0,'Indices Auto'!EH17&lt;100),"A",IF(AND('Cambios Auto'!EG17&lt;0,'Indices Auto'!EH17&gt;100),"N",IF(AND('Cambios Auto'!EG17&lt;0,'Indices Auto'!EH17&lt;100),"R","NULL"))))</f>
        <v>N</v>
      </c>
      <c r="EH17" s="2" t="str">
        <f>IF(AND('Cambios Auto'!EH17&gt;0,'Indices Auto'!EI17&gt;100),"V",IF(AND('Cambios Auto'!EH17&gt;0,'Indices Auto'!EI17&lt;100),"A",IF(AND('Cambios Auto'!EH17&lt;0,'Indices Auto'!EI17&gt;100),"N",IF(AND('Cambios Auto'!EH17&lt;0,'Indices Auto'!EI17&lt;100),"R","NULL"))))</f>
        <v>N</v>
      </c>
      <c r="EI17" s="2" t="str">
        <f>IF(AND('Cambios Auto'!EI17&gt;0,'Indices Auto'!EJ17&gt;100),"V",IF(AND('Cambios Auto'!EI17&gt;0,'Indices Auto'!EJ17&lt;100),"A",IF(AND('Cambios Auto'!EI17&lt;0,'Indices Auto'!EJ17&gt;100),"N",IF(AND('Cambios Auto'!EI17&lt;0,'Indices Auto'!EJ17&lt;100),"R","NULL"))))</f>
        <v>R</v>
      </c>
      <c r="EJ17" s="2" t="str">
        <f>IF(AND('Cambios Auto'!EJ17&gt;0,'Indices Auto'!EK17&gt;100),"V",IF(AND('Cambios Auto'!EJ17&gt;0,'Indices Auto'!EK17&lt;100),"A",IF(AND('Cambios Auto'!EJ17&lt;0,'Indices Auto'!EK17&gt;100),"N",IF(AND('Cambios Auto'!EJ17&lt;0,'Indices Auto'!EK17&lt;100),"R","NULL"))))</f>
        <v>R</v>
      </c>
      <c r="EK17" s="2" t="str">
        <f>IF(AND('Cambios Auto'!EK17&gt;0,'Indices Auto'!EL17&gt;100),"V",IF(AND('Cambios Auto'!EK17&gt;0,'Indices Auto'!EL17&lt;100),"A",IF(AND('Cambios Auto'!EK17&lt;0,'Indices Auto'!EL17&gt;100),"N",IF(AND('Cambios Auto'!EK17&lt;0,'Indices Auto'!EL17&lt;100),"R","NULL"))))</f>
        <v>R</v>
      </c>
      <c r="EL17" s="2" t="str">
        <f>IF(AND('Cambios Auto'!EL17&gt;0,'Indices Auto'!EM17&gt;100),"V",IF(AND('Cambios Auto'!EL17&gt;0,'Indices Auto'!EM17&lt;100),"A",IF(AND('Cambios Auto'!EL17&lt;0,'Indices Auto'!EM17&gt;100),"N",IF(AND('Cambios Auto'!EL17&lt;0,'Indices Auto'!EM17&lt;100),"R","NULL"))))</f>
        <v>R</v>
      </c>
      <c r="EM17" s="2" t="str">
        <f>IF(AND('Cambios Auto'!EM17&gt;0,'Indices Auto'!EN17&gt;100),"V",IF(AND('Cambios Auto'!EM17&gt;0,'Indices Auto'!EN17&lt;100),"A",IF(AND('Cambios Auto'!EM17&lt;0,'Indices Auto'!EN17&gt;100),"N",IF(AND('Cambios Auto'!EM17&lt;0,'Indices Auto'!EN17&lt;100),"R","NULL"))))</f>
        <v>R</v>
      </c>
      <c r="EN17" s="2" t="str">
        <f>IF(AND('Cambios Auto'!EN17&gt;0,'Indices Auto'!EO17&gt;100),"V",IF(AND('Cambios Auto'!EN17&gt;0,'Indices Auto'!EO17&lt;100),"A",IF(AND('Cambios Auto'!EN17&lt;0,'Indices Auto'!EO17&gt;100),"N",IF(AND('Cambios Auto'!EN17&lt;0,'Indices Auto'!EO17&lt;100),"R","NULL"))))</f>
        <v>A</v>
      </c>
      <c r="EO17" s="2" t="str">
        <f>IF(AND('Cambios Auto'!EO17&gt;0,'Indices Auto'!EP17&gt;100),"V",IF(AND('Cambios Auto'!EO17&gt;0,'Indices Auto'!EP17&lt;100),"A",IF(AND('Cambios Auto'!EO17&lt;0,'Indices Auto'!EP17&gt;100),"N",IF(AND('Cambios Auto'!EO17&lt;0,'Indices Auto'!EP17&lt;100),"R","NULL"))))</f>
        <v>A</v>
      </c>
      <c r="EP17" s="2" t="str">
        <f>IF(AND('Cambios Auto'!EP17&gt;0,'Indices Auto'!EQ17&gt;100),"V",IF(AND('Cambios Auto'!EP17&gt;0,'Indices Auto'!EQ17&lt;100),"A",IF(AND('Cambios Auto'!EP17&lt;0,'Indices Auto'!EQ17&gt;100),"N",IF(AND('Cambios Auto'!EP17&lt;0,'Indices Auto'!EQ17&lt;100),"R","NULL"))))</f>
        <v>A</v>
      </c>
      <c r="EQ17" s="2" t="str">
        <f>IF(AND('Cambios Auto'!EQ17&gt;0,'Indices Auto'!ER17&gt;100),"V",IF(AND('Cambios Auto'!EQ17&gt;0,'Indices Auto'!ER17&lt;100),"A",IF(AND('Cambios Auto'!EQ17&lt;0,'Indices Auto'!ER17&gt;100),"N",IF(AND('Cambios Auto'!EQ17&lt;0,'Indices Auto'!ER17&lt;100),"R","NULL"))))</f>
        <v>A</v>
      </c>
      <c r="ER17" s="2" t="str">
        <f>IF(AND('Cambios Auto'!ER17&gt;0,'Indices Auto'!ES17&gt;100),"V",IF(AND('Cambios Auto'!ER17&gt;0,'Indices Auto'!ES17&lt;100),"A",IF(AND('Cambios Auto'!ER17&lt;0,'Indices Auto'!ES17&gt;100),"N",IF(AND('Cambios Auto'!ER17&lt;0,'Indices Auto'!ES17&lt;100),"R","NULL"))))</f>
        <v>A</v>
      </c>
      <c r="ES17" s="2" t="str">
        <f>IF(AND('Cambios Auto'!ES17&gt;0,'Indices Auto'!ET17&gt;100),"V",IF(AND('Cambios Auto'!ES17&gt;0,'Indices Auto'!ET17&lt;100),"A",IF(AND('Cambios Auto'!ES17&lt;0,'Indices Auto'!ET17&gt;100),"N",IF(AND('Cambios Auto'!ES17&lt;0,'Indices Auto'!ET17&lt;100),"R","NULL"))))</f>
        <v>A</v>
      </c>
      <c r="ET17" s="2" t="str">
        <f>IF(AND('Cambios Auto'!ET17&gt;0,'Indices Auto'!EU17&gt;100),"V",IF(AND('Cambios Auto'!ET17&gt;0,'Indices Auto'!EU17&lt;100),"A",IF(AND('Cambios Auto'!ET17&lt;0,'Indices Auto'!EU17&gt;100),"N",IF(AND('Cambios Auto'!ET17&lt;0,'Indices Auto'!EU17&lt;100),"R","NULL"))))</f>
        <v>R</v>
      </c>
      <c r="EU17" s="2" t="str">
        <f>IF(AND('Cambios Auto'!EU17&gt;0,'Indices Auto'!EV17&gt;100),"V",IF(AND('Cambios Auto'!EU17&gt;0,'Indices Auto'!EV17&lt;100),"A",IF(AND('Cambios Auto'!EU17&lt;0,'Indices Auto'!EV17&gt;100),"N",IF(AND('Cambios Auto'!EU17&lt;0,'Indices Auto'!EV17&lt;100),"R","NULL"))))</f>
        <v>R</v>
      </c>
      <c r="EV17" s="2" t="str">
        <f>IF(AND('Cambios Auto'!EV17&gt;0,'Indices Auto'!EW17&gt;100),"V",IF(AND('Cambios Auto'!EV17&gt;0,'Indices Auto'!EW17&lt;100),"A",IF(AND('Cambios Auto'!EV17&lt;0,'Indices Auto'!EW17&gt;100),"N",IF(AND('Cambios Auto'!EV17&lt;0,'Indices Auto'!EW17&lt;100),"R","NULL"))))</f>
        <v>R</v>
      </c>
      <c r="EW17" s="2" t="str">
        <f>IF(AND('Cambios Auto'!EW17&gt;0,'Indices Auto'!EX17&gt;100),"V",IF(AND('Cambios Auto'!EW17&gt;0,'Indices Auto'!EX17&lt;100),"A",IF(AND('Cambios Auto'!EW17&lt;0,'Indices Auto'!EX17&gt;100),"N",IF(AND('Cambios Auto'!EW17&lt;0,'Indices Auto'!EX17&lt;100),"R","NULL"))))</f>
        <v>A</v>
      </c>
      <c r="EX17" s="2" t="str">
        <f>IF(AND('Cambios Auto'!EX17&gt;0,'Indices Auto'!EY17&gt;100),"V",IF(AND('Cambios Auto'!EX17&gt;0,'Indices Auto'!EY17&lt;100),"A",IF(AND('Cambios Auto'!EX17&lt;0,'Indices Auto'!EY17&gt;100),"N",IF(AND('Cambios Auto'!EX17&lt;0,'Indices Auto'!EY17&lt;100),"R","NULL"))))</f>
        <v>A</v>
      </c>
      <c r="EY17" s="2" t="str">
        <f>IF(AND('Cambios Auto'!EY17&gt;0,'Indices Auto'!EZ17&gt;100),"V",IF(AND('Cambios Auto'!EY17&gt;0,'Indices Auto'!EZ17&lt;100),"A",IF(AND('Cambios Auto'!EY17&lt;0,'Indices Auto'!EZ17&gt;100),"N",IF(AND('Cambios Auto'!EY17&lt;0,'Indices Auto'!EZ17&lt;100),"R","NULL"))))</f>
        <v>A</v>
      </c>
      <c r="EZ17" s="2" t="str">
        <f>IF(AND('Cambios Auto'!EZ17&gt;0,'Indices Auto'!FA17&gt;100),"V",IF(AND('Cambios Auto'!EZ17&gt;0,'Indices Auto'!FA17&lt;100),"A",IF(AND('Cambios Auto'!EZ17&lt;0,'Indices Auto'!FA17&gt;100),"N",IF(AND('Cambios Auto'!EZ17&lt;0,'Indices Auto'!FA17&lt;100),"R","NULL"))))</f>
        <v>A</v>
      </c>
      <c r="FA17" s="2" t="str">
        <f>IF(AND('Cambios Auto'!FA17&gt;0,'Indices Auto'!FB17&gt;100),"V",IF(AND('Cambios Auto'!FA17&gt;0,'Indices Auto'!FB17&lt;100),"A",IF(AND('Cambios Auto'!FA17&lt;0,'Indices Auto'!FB17&gt;100),"N",IF(AND('Cambios Auto'!FA17&lt;0,'Indices Auto'!FB17&lt;100),"R","NULL"))))</f>
        <v>A</v>
      </c>
      <c r="FB17" s="2" t="str">
        <f>IF(AND('Cambios Auto'!FB17&gt;0,'Indices Auto'!FC17&gt;100),"V",IF(AND('Cambios Auto'!FB17&gt;0,'Indices Auto'!FC17&lt;100),"A",IF(AND('Cambios Auto'!FB17&lt;0,'Indices Auto'!FC17&gt;100),"N",IF(AND('Cambios Auto'!FB17&lt;0,'Indices Auto'!FC17&lt;100),"R","NULL"))))</f>
        <v>A</v>
      </c>
      <c r="FC17" s="2" t="str">
        <f>IF(AND('Cambios Auto'!FC17&gt;0,'Indices Auto'!FD17&gt;100),"V",IF(AND('Cambios Auto'!FC17&gt;0,'Indices Auto'!FD17&lt;100),"A",IF(AND('Cambios Auto'!FC17&lt;0,'Indices Auto'!FD17&gt;100),"N",IF(AND('Cambios Auto'!FC17&lt;0,'Indices Auto'!FD17&lt;100),"R","NULL"))))</f>
        <v>V</v>
      </c>
      <c r="FD17" s="2" t="str">
        <f>IF(AND('Cambios Auto'!FD17&gt;0,'Indices Auto'!FE17&gt;100),"V",IF(AND('Cambios Auto'!FD17&gt;0,'Indices Auto'!FE17&lt;100),"A",IF(AND('Cambios Auto'!FD17&lt;0,'Indices Auto'!FE17&gt;100),"N",IF(AND('Cambios Auto'!FD17&lt;0,'Indices Auto'!FE17&lt;100),"R","NULL"))))</f>
        <v>V</v>
      </c>
      <c r="FE17" s="2" t="str">
        <f>IF(AND('Cambios Auto'!FE17&gt;0,'Indices Auto'!FF17&gt;100),"V",IF(AND('Cambios Auto'!FE17&gt;0,'Indices Auto'!FF17&lt;100),"A",IF(AND('Cambios Auto'!FE17&lt;0,'Indices Auto'!FF17&gt;100),"N",IF(AND('Cambios Auto'!FE17&lt;0,'Indices Auto'!FF17&lt;100),"R","NULL"))))</f>
        <v>V</v>
      </c>
      <c r="FF17" s="2" t="str">
        <f>IF(AND('Cambios Auto'!FF17&gt;0,'Indices Auto'!FG17&gt;100),"V",IF(AND('Cambios Auto'!FF17&gt;0,'Indices Auto'!FG17&lt;100),"A",IF(AND('Cambios Auto'!FF17&lt;0,'Indices Auto'!FG17&gt;100),"N",IF(AND('Cambios Auto'!FF17&lt;0,'Indices Auto'!FG17&lt;100),"R","NULL"))))</f>
        <v>V</v>
      </c>
      <c r="FG17" s="2" t="str">
        <f>IF(AND('Cambios Auto'!FG17&gt;0,'Indices Auto'!FH17&gt;100),"V",IF(AND('Cambios Auto'!FG17&gt;0,'Indices Auto'!FH17&lt;100),"A",IF(AND('Cambios Auto'!FG17&lt;0,'Indices Auto'!FH17&gt;100),"N",IF(AND('Cambios Auto'!FG17&lt;0,'Indices Auto'!FH17&lt;100),"R","NULL"))))</f>
        <v>V</v>
      </c>
      <c r="FH17" s="2" t="str">
        <f>IF(AND('Cambios Auto'!FH17&gt;0,'Indices Auto'!FI17&gt;100),"V",IF(AND('Cambios Auto'!FH17&gt;0,'Indices Auto'!FI17&lt;100),"A",IF(AND('Cambios Auto'!FH17&lt;0,'Indices Auto'!FI17&gt;100),"N",IF(AND('Cambios Auto'!FH17&lt;0,'Indices Auto'!FI17&lt;100),"R","NULL"))))</f>
        <v>V</v>
      </c>
      <c r="FI17" s="2" t="str">
        <f>IF(AND('Cambios Auto'!FI17&gt;0,'Indices Auto'!FJ17&gt;100),"V",IF(AND('Cambios Auto'!FI17&gt;0,'Indices Auto'!FJ17&lt;100),"A",IF(AND('Cambios Auto'!FI17&lt;0,'Indices Auto'!FJ17&gt;100),"N",IF(AND('Cambios Auto'!FI17&lt;0,'Indices Auto'!FJ17&lt;100),"R","NULL"))))</f>
        <v>V</v>
      </c>
      <c r="FJ17" s="2" t="str">
        <f>IF(AND('Cambios Auto'!FJ17&gt;0,'Indices Auto'!FK17&gt;100),"V",IF(AND('Cambios Auto'!FJ17&gt;0,'Indices Auto'!FK17&lt;100),"A",IF(AND('Cambios Auto'!FJ17&lt;0,'Indices Auto'!FK17&gt;100),"N",IF(AND('Cambios Auto'!FJ17&lt;0,'Indices Auto'!FK17&lt;100),"R","NULL"))))</f>
        <v>V</v>
      </c>
      <c r="FK17" s="2" t="str">
        <f>IF(AND('Cambios Auto'!FK17&gt;0,'Indices Auto'!FL17&gt;100),"V",IF(AND('Cambios Auto'!FK17&gt;0,'Indices Auto'!FL17&lt;100),"A",IF(AND('Cambios Auto'!FK17&lt;0,'Indices Auto'!FL17&gt;100),"N",IF(AND('Cambios Auto'!FK17&lt;0,'Indices Auto'!FL17&lt;100),"R","NULL"))))</f>
        <v>V</v>
      </c>
      <c r="FL17" s="2" t="str">
        <f>IF(AND('Cambios Auto'!FL17&gt;0,'Indices Auto'!FM17&gt;100),"V",IF(AND('Cambios Auto'!FL17&gt;0,'Indices Auto'!FM17&lt;100),"A",IF(AND('Cambios Auto'!FL17&lt;0,'Indices Auto'!FM17&gt;100),"N",IF(AND('Cambios Auto'!FL17&lt;0,'Indices Auto'!FM17&lt;100),"R","NULL"))))</f>
        <v>V</v>
      </c>
      <c r="FM17" s="2" t="str">
        <f>IF(AND('Cambios Auto'!FM17&gt;0,'Indices Auto'!FN17&gt;100),"V",IF(AND('Cambios Auto'!FM17&gt;0,'Indices Auto'!FN17&lt;100),"A",IF(AND('Cambios Auto'!FM17&lt;0,'Indices Auto'!FN17&gt;100),"N",IF(AND('Cambios Auto'!FM17&lt;0,'Indices Auto'!FN17&lt;100),"R","NULL"))))</f>
        <v>V</v>
      </c>
      <c r="FN17" s="2" t="str">
        <f>IF(AND('Cambios Auto'!FN17&gt;0,'Indices Auto'!FO17&gt;100),"V",IF(AND('Cambios Auto'!FN17&gt;0,'Indices Auto'!FO17&lt;100),"A",IF(AND('Cambios Auto'!FN17&lt;0,'Indices Auto'!FO17&gt;100),"N",IF(AND('Cambios Auto'!FN17&lt;0,'Indices Auto'!FO17&lt;100),"R","NULL"))))</f>
        <v>V</v>
      </c>
      <c r="FO17" s="2" t="str">
        <f>IF(AND('Cambios Auto'!FO17&gt;0,'Indices Auto'!FP17&gt;100),"V",IF(AND('Cambios Auto'!FO17&gt;0,'Indices Auto'!FP17&lt;100),"A",IF(AND('Cambios Auto'!FO17&lt;0,'Indices Auto'!FP17&gt;100),"N",IF(AND('Cambios Auto'!FO17&lt;0,'Indices Auto'!FP17&lt;100),"R","NULL"))))</f>
        <v>V</v>
      </c>
      <c r="FP17" s="2" t="str">
        <f>IF(AND('Cambios Auto'!FP17&gt;0,'Indices Auto'!FQ17&gt;100),"V",IF(AND('Cambios Auto'!FP17&gt;0,'Indices Auto'!FQ17&lt;100),"A",IF(AND('Cambios Auto'!FP17&lt;0,'Indices Auto'!FQ17&gt;100),"N",IF(AND('Cambios Auto'!FP17&lt;0,'Indices Auto'!FQ17&lt;100),"R","NULL"))))</f>
        <v>V</v>
      </c>
      <c r="FQ17" s="2" t="str">
        <f>IF(AND('Cambios Auto'!FQ17&gt;0,'Indices Auto'!FR17&gt;100),"V",IF(AND('Cambios Auto'!FQ17&gt;0,'Indices Auto'!FR17&lt;100),"A",IF(AND('Cambios Auto'!FQ17&lt;0,'Indices Auto'!FR17&gt;100),"N",IF(AND('Cambios Auto'!FQ17&lt;0,'Indices Auto'!FR17&lt;100),"R","NULL"))))</f>
        <v>V</v>
      </c>
      <c r="FR17" s="2" t="str">
        <f>IF(AND('Cambios Auto'!FR17&gt;0,'Indices Auto'!FS17&gt;100),"V",IF(AND('Cambios Auto'!FR17&gt;0,'Indices Auto'!FS17&lt;100),"A",IF(AND('Cambios Auto'!FR17&lt;0,'Indices Auto'!FS17&gt;100),"N",IF(AND('Cambios Auto'!FR17&lt;0,'Indices Auto'!FS17&lt;100),"R","NULL"))))</f>
        <v>V</v>
      </c>
      <c r="FS17" s="2" t="str">
        <f>IF(AND('Cambios Auto'!FS17&gt;0,'Indices Auto'!FT17&gt;100),"V",IF(AND('Cambios Auto'!FS17&gt;0,'Indices Auto'!FT17&lt;100),"A",IF(AND('Cambios Auto'!FS17&lt;0,'Indices Auto'!FT17&gt;100),"N",IF(AND('Cambios Auto'!FS17&lt;0,'Indices Auto'!FT17&lt;100),"R","NULL"))))</f>
        <v>V</v>
      </c>
      <c r="FT17" s="2" t="str">
        <f>IF(AND('Cambios Auto'!FT17&gt;0,'Indices Auto'!FU17&gt;100),"V",IF(AND('Cambios Auto'!FT17&gt;0,'Indices Auto'!FU17&lt;100),"A",IF(AND('Cambios Auto'!FT17&lt;0,'Indices Auto'!FU17&gt;100),"N",IF(AND('Cambios Auto'!FT17&lt;0,'Indices Auto'!FU17&lt;100),"R","NULL"))))</f>
        <v>V</v>
      </c>
      <c r="FU17" s="2" t="str">
        <f>IF(AND('Cambios Auto'!FU17&gt;0,'Indices Auto'!FV17&gt;100),"V",IF(AND('Cambios Auto'!FU17&gt;0,'Indices Auto'!FV17&lt;100),"A",IF(AND('Cambios Auto'!FU17&lt;0,'Indices Auto'!FV17&gt;100),"N",IF(AND('Cambios Auto'!FU17&lt;0,'Indices Auto'!FV17&lt;100),"R","NULL"))))</f>
        <v>N</v>
      </c>
      <c r="FV17" s="2" t="str">
        <f>IF(AND('Cambios Auto'!FV17&gt;0,'Indices Auto'!FW17&gt;100),"V",IF(AND('Cambios Auto'!FV17&gt;0,'Indices Auto'!FW17&lt;100),"A",IF(AND('Cambios Auto'!FV17&lt;0,'Indices Auto'!FW17&gt;100),"N",IF(AND('Cambios Auto'!FV17&lt;0,'Indices Auto'!FW17&lt;100),"R","NULL"))))</f>
        <v>N</v>
      </c>
      <c r="FW17" s="2" t="str">
        <f>IF(AND('Cambios Auto'!FW17&gt;0,'Indices Auto'!FX17&gt;100),"V",IF(AND('Cambios Auto'!FW17&gt;0,'Indices Auto'!FX17&lt;100),"A",IF(AND('Cambios Auto'!FW17&lt;0,'Indices Auto'!FX17&gt;100),"N",IF(AND('Cambios Auto'!FW17&lt;0,'Indices Auto'!FX17&lt;100),"R","NULL"))))</f>
        <v>N</v>
      </c>
      <c r="FX17" s="2" t="str">
        <f>IF(AND('Cambios Auto'!FX17&gt;0,'Indices Auto'!FY17&gt;100),"V",IF(AND('Cambios Auto'!FX17&gt;0,'Indices Auto'!FY17&lt;100),"A",IF(AND('Cambios Auto'!FX17&lt;0,'Indices Auto'!FY17&gt;100),"N",IF(AND('Cambios Auto'!FX17&lt;0,'Indices Auto'!FY17&lt;100),"R","NULL"))))</f>
        <v>V</v>
      </c>
      <c r="FY17" s="2" t="str">
        <f>IF(AND('Cambios Auto'!FY17&gt;0,'Indices Auto'!FZ17&gt;100),"V",IF(AND('Cambios Auto'!FY17&gt;0,'Indices Auto'!FZ17&lt;100),"A",IF(AND('Cambios Auto'!FY17&lt;0,'Indices Auto'!FZ17&gt;100),"N",IF(AND('Cambios Auto'!FY17&lt;0,'Indices Auto'!FZ17&lt;100),"R","NULL"))))</f>
        <v>N</v>
      </c>
      <c r="FZ17" s="2" t="str">
        <f>IF(AND('Cambios Auto'!FZ17&gt;0,'Indices Auto'!GA17&gt;100),"V",IF(AND('Cambios Auto'!FZ17&gt;0,'Indices Auto'!GA17&lt;100),"A",IF(AND('Cambios Auto'!FZ17&lt;0,'Indices Auto'!GA17&gt;100),"N",IF(AND('Cambios Auto'!FZ17&lt;0,'Indices Auto'!GA17&lt;100),"R","NULL"))))</f>
        <v>N</v>
      </c>
      <c r="GA17" s="2" t="str">
        <f>IF(AND('Cambios Auto'!GA17&gt;0,'Indices Auto'!GB17&gt;100),"V",IF(AND('Cambios Auto'!GA17&gt;0,'Indices Auto'!GB17&lt;100),"A",IF(AND('Cambios Auto'!GA17&lt;0,'Indices Auto'!GB17&gt;100),"N",IF(AND('Cambios Auto'!GA17&lt;0,'Indices Auto'!GB17&lt;100),"R","NULL"))))</f>
        <v>N</v>
      </c>
      <c r="GB17" s="2" t="str">
        <f>IF(AND('Cambios Auto'!GB17&gt;0,'Indices Auto'!GC17&gt;100),"V",IF(AND('Cambios Auto'!GB17&gt;0,'Indices Auto'!GC17&lt;100),"A",IF(AND('Cambios Auto'!GB17&lt;0,'Indices Auto'!GC17&gt;100),"N",IF(AND('Cambios Auto'!GB17&lt;0,'Indices Auto'!GC17&lt;100),"R","NULL"))))</f>
        <v>N</v>
      </c>
      <c r="GC17" s="2" t="str">
        <f>IF(AND('Cambios Auto'!GC17&gt;0,'Indices Auto'!GD17&gt;100),"V",IF(AND('Cambios Auto'!GC17&gt;0,'Indices Auto'!GD17&lt;100),"A",IF(AND('Cambios Auto'!GC17&lt;0,'Indices Auto'!GD17&gt;100),"N",IF(AND('Cambios Auto'!GC17&lt;0,'Indices Auto'!GD17&lt;100),"R","NULL"))))</f>
        <v>N</v>
      </c>
      <c r="GD17" s="2" t="str">
        <f>IF(AND('Cambios Auto'!GD17&gt;0,'Indices Auto'!GE17&gt;100),"V",IF(AND('Cambios Auto'!GD17&gt;0,'Indices Auto'!GE17&lt;100),"A",IF(AND('Cambios Auto'!GD17&lt;0,'Indices Auto'!GE17&gt;100),"N",IF(AND('Cambios Auto'!GD17&lt;0,'Indices Auto'!GE17&lt;100),"R","NULL"))))</f>
        <v>N</v>
      </c>
      <c r="GE17" s="2" t="str">
        <f>IF(AND('Cambios Auto'!GE17&gt;0,'Indices Auto'!GF17&gt;100),"V",IF(AND('Cambios Auto'!GE17&gt;0,'Indices Auto'!GF17&lt;100),"A",IF(AND('Cambios Auto'!GE17&lt;0,'Indices Auto'!GF17&gt;100),"N",IF(AND('Cambios Auto'!GE17&lt;0,'Indices Auto'!GF17&lt;100),"R","NULL"))))</f>
        <v>N</v>
      </c>
      <c r="GF17" s="2" t="str">
        <f>IF(AND('Cambios Auto'!GF17&gt;0,'Indices Auto'!GG17&gt;100),"V",IF(AND('Cambios Auto'!GF17&gt;0,'Indices Auto'!GG17&lt;100),"A",IF(AND('Cambios Auto'!GF17&lt;0,'Indices Auto'!GG17&gt;100),"N",IF(AND('Cambios Auto'!GF17&lt;0,'Indices Auto'!GG17&lt;100),"R","NULL"))))</f>
        <v>N</v>
      </c>
      <c r="GG17" s="2" t="str">
        <f>IF(AND('Cambios Auto'!GG17&gt;0,'Indices Auto'!GH17&gt;100),"V",IF(AND('Cambios Auto'!GG17&gt;0,'Indices Auto'!GH17&lt;100),"A",IF(AND('Cambios Auto'!GG17&lt;0,'Indices Auto'!GH17&gt;100),"N",IF(AND('Cambios Auto'!GG17&lt;0,'Indices Auto'!GH17&lt;100),"R","NULL"))))</f>
        <v>R</v>
      </c>
      <c r="GH17" s="2" t="str">
        <f>IF(AND('Cambios Auto'!GH17&gt;0,'Indices Auto'!GR17&gt;100),"V",IF(AND('Cambios Auto'!GH17&gt;0,'Indices Auto'!GR17&lt;100),"A",IF(AND('Cambios Auto'!GH17&lt;0,'Indices Auto'!GR17&gt;100),"N",IF(AND('Cambios Auto'!GH17&lt;0,'Indices Auto'!GR17&lt;100),"R","NULL"))))</f>
        <v>R</v>
      </c>
      <c r="GI17" s="2" t="str">
        <f>IF(AND('Cambios Auto'!GI17&gt;0,'Indices Auto'!GS17&gt;100),"V",IF(AND('Cambios Auto'!GI17&gt;0,'Indices Auto'!GS17&lt;100),"A",IF(AND('Cambios Auto'!GI17&lt;0,'Indices Auto'!GS17&gt;100),"N",IF(AND('Cambios Auto'!GI17&lt;0,'Indices Auto'!GS17&lt;100),"R","NULL"))))</f>
        <v>R</v>
      </c>
      <c r="GJ17" s="2" t="str">
        <f>IF(AND('Cambios Auto'!GJ17&gt;0,'Indices Auto'!GT17&gt;100),"V",IF(AND('Cambios Auto'!GJ17&gt;0,'Indices Auto'!GT17&lt;100),"A",IF(AND('Cambios Auto'!GJ17&lt;0,'Indices Auto'!GT17&gt;100),"N",IF(AND('Cambios Auto'!GJ17&lt;0,'Indices Auto'!GT17&lt;100),"R","NULL"))))</f>
        <v>R</v>
      </c>
      <c r="GK17" s="2" t="str">
        <f>IF(AND('Cambios Auto'!GK17&gt;0,'Indices Auto'!GU17&gt;100),"V",IF(AND('Cambios Auto'!GK17&gt;0,'Indices Auto'!GU17&lt;100),"A",IF(AND('Cambios Auto'!GK17&lt;0,'Indices Auto'!GU17&gt;100),"N",IF(AND('Cambios Auto'!GK17&lt;0,'Indices Auto'!GU17&lt;100),"R","NULL"))))</f>
        <v>R</v>
      </c>
      <c r="GL17" s="2" t="str">
        <f>IF(AND('Cambios Auto'!GL17&gt;0,'Indices Auto'!GV17&gt;100),"V",IF(AND('Cambios Auto'!GL17&gt;0,'Indices Auto'!GV17&lt;100),"A",IF(AND('Cambios Auto'!GL17&lt;0,'Indices Auto'!GV17&gt;100),"N",IF(AND('Cambios Auto'!GL17&lt;0,'Indices Auto'!GV17&lt;100),"R","NULL"))))</f>
        <v>R</v>
      </c>
      <c r="GM17" s="2" t="str">
        <f>IF(AND('Cambios Auto'!GM17&gt;0,'Indices Auto'!GW17&gt;100),"V",IF(AND('Cambios Auto'!GM17&gt;0,'Indices Auto'!GW17&lt;100),"A",IF(AND('Cambios Auto'!GM17&lt;0,'Indices Auto'!GW17&gt;100),"N",IF(AND('Cambios Auto'!GM17&lt;0,'Indices Auto'!GW17&lt;100),"R","NULL"))))</f>
        <v>R</v>
      </c>
      <c r="GN17" s="2" t="str">
        <f>IF(AND('Cambios Auto'!GN17&gt;0,'Indices Auto'!GX17&gt;100),"V",IF(AND('Cambios Auto'!GN17&gt;0,'Indices Auto'!GX17&lt;100),"A",IF(AND('Cambios Auto'!GN17&lt;0,'Indices Auto'!GX17&gt;100),"N",IF(AND('Cambios Auto'!GN17&lt;0,'Indices Auto'!GX17&lt;100),"R","NULL"))))</f>
        <v>R</v>
      </c>
      <c r="GO17" s="2" t="str">
        <f>IF(AND('Cambios Auto'!GO17&gt;0,'Indices Auto'!GY17&gt;100),"V",IF(AND('Cambios Auto'!GO17&gt;0,'Indices Auto'!GY17&lt;100),"A",IF(AND('Cambios Auto'!GO17&lt;0,'Indices Auto'!GY17&gt;100),"N",IF(AND('Cambios Auto'!GO17&lt;0,'Indices Auto'!GY17&lt;100),"R","NULL"))))</f>
        <v>A</v>
      </c>
      <c r="GP17" s="2" t="str">
        <f>IF(AND('Cambios Auto'!GP17&gt;0,'Indices Auto'!GZ17&gt;100),"V",IF(AND('Cambios Auto'!GP17&gt;0,'Indices Auto'!GZ17&lt;100),"A",IF(AND('Cambios Auto'!GP17&lt;0,'Indices Auto'!GZ17&gt;100),"N",IF(AND('Cambios Auto'!GP17&lt;0,'Indices Auto'!GZ17&lt;100),"R","NULL"))))</f>
        <v>A</v>
      </c>
      <c r="GQ17" s="2" t="str">
        <f>IF(AND('Cambios Auto'!GQ17&gt;0,'Indices Auto'!HA17&gt;100),"V",IF(AND('Cambios Auto'!GQ17&gt;0,'Indices Auto'!HA17&lt;100),"A",IF(AND('Cambios Auto'!GQ17&lt;0,'Indices Auto'!HA17&gt;100),"N",IF(AND('Cambios Auto'!GQ17&lt;0,'Indices Auto'!HA17&lt;100),"R","NULL"))))</f>
        <v>A</v>
      </c>
      <c r="GR17" s="2" t="str">
        <f>IF(AND('Cambios Auto'!GR17&gt;0,'Indices Auto'!HB17&gt;100),"V",IF(AND('Cambios Auto'!GR17&gt;0,'Indices Auto'!HB17&lt;100),"A",IF(AND('Cambios Auto'!GR17&lt;0,'Indices Auto'!HB17&gt;100),"N",IF(AND('Cambios Auto'!GR17&lt;0,'Indices Auto'!HB17&lt;100),"R","NULL"))))</f>
        <v>NULL</v>
      </c>
      <c r="GS17" s="2" t="str">
        <f>IF(AND('Cambios Auto'!GS17&gt;0,'Indices Auto'!HC17&gt;100),"V",IF(AND('Cambios Auto'!GS17&gt;0,'Indices Auto'!HC17&lt;100),"A",IF(AND('Cambios Auto'!GS17&lt;0,'Indices Auto'!HC17&gt;100),"N",IF(AND('Cambios Auto'!GS17&lt;0,'Indices Auto'!HC17&lt;100),"R","NULL"))))</f>
        <v>NULL</v>
      </c>
      <c r="GT17" s="2" t="str">
        <f>IF(AND('Cambios Auto'!GT17&gt;0,'Indices Auto'!HD17&gt;100),"V",IF(AND('Cambios Auto'!GT17&gt;0,'Indices Auto'!HD17&lt;100),"A",IF(AND('Cambios Auto'!GT17&lt;0,'Indices Auto'!HD17&gt;100),"N",IF(AND('Cambios Auto'!GT17&lt;0,'Indices Auto'!HD17&lt;100),"R","NULL"))))</f>
        <v>NULL</v>
      </c>
      <c r="GU17" s="2" t="str">
        <f>IF(AND('Cambios Auto'!GU17&gt;0,'Indices Auto'!HE17&gt;100),"V",IF(AND('Cambios Auto'!GU17&gt;0,'Indices Auto'!HE17&lt;100),"A",IF(AND('Cambios Auto'!GU17&lt;0,'Indices Auto'!HE17&gt;100),"N",IF(AND('Cambios Auto'!GU17&lt;0,'Indices Auto'!HE17&lt;100),"R","NULL"))))</f>
        <v>NULL</v>
      </c>
      <c r="GV17" s="2" t="str">
        <f>IF(AND('Cambios Auto'!GV17&gt;0,'Indices Auto'!HF17&gt;100),"V",IF(AND('Cambios Auto'!GV17&gt;0,'Indices Auto'!HF17&lt;100),"A",IF(AND('Cambios Auto'!GV17&lt;0,'Indices Auto'!HF17&gt;100),"N",IF(AND('Cambios Auto'!GV17&lt;0,'Indices Auto'!HF17&lt;100),"R","NULL"))))</f>
        <v>NULL</v>
      </c>
      <c r="GW17" s="2" t="str">
        <f>IF(AND('Cambios Auto'!GW17&gt;0,'Indices Auto'!HG17&gt;100),"V",IF(AND('Cambios Auto'!GW17&gt;0,'Indices Auto'!HG17&lt;100),"A",IF(AND('Cambios Auto'!GW17&lt;0,'Indices Auto'!HG17&gt;100),"N",IF(AND('Cambios Auto'!GW17&lt;0,'Indices Auto'!HG17&lt;100),"R","NULL"))))</f>
        <v>NULL</v>
      </c>
      <c r="GX17" s="2" t="str">
        <f>IF(AND('Cambios Auto'!GX17&gt;0,'Indices Auto'!HH17&gt;100),"V",IF(AND('Cambios Auto'!GX17&gt;0,'Indices Auto'!HH17&lt;100),"A",IF(AND('Cambios Auto'!GX17&lt;0,'Indices Auto'!HH17&gt;100),"N",IF(AND('Cambios Auto'!GX17&lt;0,'Indices Auto'!HH17&lt;100),"R","NULL"))))</f>
        <v>NULL</v>
      </c>
      <c r="GY17" s="2" t="str">
        <f>IF(AND('Cambios Auto'!GY17&gt;0,'Indices Auto'!HI17&gt;100),"V",IF(AND('Cambios Auto'!GY17&gt;0,'Indices Auto'!HI17&lt;100),"A",IF(AND('Cambios Auto'!GY17&lt;0,'Indices Auto'!HI17&gt;100),"N",IF(AND('Cambios Auto'!GY17&lt;0,'Indices Auto'!HI17&lt;100),"R","NULL"))))</f>
        <v>NULL</v>
      </c>
      <c r="GZ17" s="2" t="str">
        <f>IF(AND('Cambios Auto'!GZ17&gt;0,'Indices Auto'!HJ17&gt;100),"V",IF(AND('Cambios Auto'!GZ17&gt;0,'Indices Auto'!HJ17&lt;100),"A",IF(AND('Cambios Auto'!GZ17&lt;0,'Indices Auto'!HJ17&gt;100),"N",IF(AND('Cambios Auto'!GZ17&lt;0,'Indices Auto'!HJ17&lt;100),"R","NULL"))))</f>
        <v>NULL</v>
      </c>
      <c r="HA17" s="2" t="str">
        <f>IF(AND('Cambios Auto'!HA17&gt;0,'Indices Auto'!HK17&gt;100),"V",IF(AND('Cambios Auto'!HA17&gt;0,'Indices Auto'!HK17&lt;100),"A",IF(AND('Cambios Auto'!HA17&lt;0,'Indices Auto'!HK17&gt;100),"N",IF(AND('Cambios Auto'!HA17&lt;0,'Indices Auto'!HK17&lt;100),"R","NULL"))))</f>
        <v>NULL</v>
      </c>
      <c r="HB17" s="2" t="str">
        <f>IF(AND('Cambios Auto'!HB17&gt;0,'Indices Auto'!HL17&gt;100),"V",IF(AND('Cambios Auto'!HB17&gt;0,'Indices Auto'!HL17&lt;100),"A",IF(AND('Cambios Auto'!HB17&lt;0,'Indices Auto'!HL17&gt;100),"N",IF(AND('Cambios Auto'!HB17&lt;0,'Indices Auto'!HL17&lt;100),"R","NULL"))))</f>
        <v>NULL</v>
      </c>
      <c r="HC17" s="2" t="str">
        <f>IF(AND('Cambios Auto'!HC17&gt;0,'Indices Auto'!HM17&gt;100),"V",IF(AND('Cambios Auto'!HC17&gt;0,'Indices Auto'!HM17&lt;100),"A",IF(AND('Cambios Auto'!HC17&lt;0,'Indices Auto'!HM17&gt;100),"N",IF(AND('Cambios Auto'!HC17&lt;0,'Indices Auto'!HM17&lt;100),"R","NULL"))))</f>
        <v>NULL</v>
      </c>
      <c r="HD17" s="2" t="str">
        <f>IF(AND('Cambios Auto'!HD17&gt;0,'Indices Auto'!HN17&gt;100),"V",IF(AND('Cambios Auto'!HD17&gt;0,'Indices Auto'!HN17&lt;100),"A",IF(AND('Cambios Auto'!HD17&lt;0,'Indices Auto'!HN17&gt;100),"N",IF(AND('Cambios Auto'!HD17&lt;0,'Indices Auto'!HN17&lt;100),"R","NULL"))))</f>
        <v>NULL</v>
      </c>
      <c r="HE17" s="2" t="str">
        <f>IF(AND('Cambios Auto'!HE17&gt;0,'Indices Auto'!HO17&gt;100),"V",IF(AND('Cambios Auto'!HE17&gt;0,'Indices Auto'!HO17&lt;100),"A",IF(AND('Cambios Auto'!HE17&lt;0,'Indices Auto'!HO17&gt;100),"N",IF(AND('Cambios Auto'!HE17&lt;0,'Indices Auto'!HO17&lt;100),"R","NULL"))))</f>
        <v>NULL</v>
      </c>
      <c r="HF17" s="2" t="str">
        <f>IF(AND('Cambios Auto'!HF17&gt;0,'Indices Auto'!HP17&gt;100),"V",IF(AND('Cambios Auto'!HF17&gt;0,'Indices Auto'!HP17&lt;100),"A",IF(AND('Cambios Auto'!HF17&lt;0,'Indices Auto'!HP17&gt;100),"N",IF(AND('Cambios Auto'!HF17&lt;0,'Indices Auto'!HP17&lt;100),"R","NULL"))))</f>
        <v>NULL</v>
      </c>
      <c r="HG17" s="2" t="str">
        <f>IF(AND('Cambios Auto'!HG17&gt;0,'Indices Auto'!HQ17&gt;100),"V",IF(AND('Cambios Auto'!HG17&gt;0,'Indices Auto'!HQ17&lt;100),"A",IF(AND('Cambios Auto'!HG17&lt;0,'Indices Auto'!HQ17&gt;100),"N",IF(AND('Cambios Auto'!HG17&lt;0,'Indices Auto'!HQ17&lt;100),"R","NULL"))))</f>
        <v>NULL</v>
      </c>
      <c r="HH17" s="2" t="str">
        <f>IF(AND('Cambios Auto'!HH17&gt;0,'Indices Auto'!HR17&gt;100),"V",IF(AND('Cambios Auto'!HH17&gt;0,'Indices Auto'!HR17&lt;100),"A",IF(AND('Cambios Auto'!HH17&lt;0,'Indices Auto'!HR17&gt;100),"N",IF(AND('Cambios Auto'!HH17&lt;0,'Indices Auto'!HR17&lt;100),"R","NULL"))))</f>
        <v>NULL</v>
      </c>
      <c r="HI17" s="2" t="str">
        <f>IF(AND('Cambios Auto'!HI17&gt;0,'Indices Auto'!HS17&gt;100),"V",IF(AND('Cambios Auto'!HI17&gt;0,'Indices Auto'!HS17&lt;100),"A",IF(AND('Cambios Auto'!HI17&lt;0,'Indices Auto'!HS17&gt;100),"N",IF(AND('Cambios Auto'!HI17&lt;0,'Indices Auto'!HS17&lt;100),"R","NULL"))))</f>
        <v>NULL</v>
      </c>
      <c r="HJ17" s="2" t="str">
        <f>IF(AND('Cambios Auto'!HJ17&gt;0,'Indices Auto'!HT17&gt;100),"V",IF(AND('Cambios Auto'!HJ17&gt;0,'Indices Auto'!HT17&lt;100),"A",IF(AND('Cambios Auto'!HJ17&lt;0,'Indices Auto'!HT17&gt;100),"N",IF(AND('Cambios Auto'!HJ17&lt;0,'Indices Auto'!HT17&lt;100),"R","NULL"))))</f>
        <v>NULL</v>
      </c>
      <c r="HK17" s="2" t="str">
        <f>IF(AND('Cambios Auto'!HK17&gt;0,'Indices Auto'!HU17&gt;100),"V",IF(AND('Cambios Auto'!HK17&gt;0,'Indices Auto'!HU17&lt;100),"A",IF(AND('Cambios Auto'!HK17&lt;0,'Indices Auto'!HU17&gt;100),"N",IF(AND('Cambios Auto'!HK17&lt;0,'Indices Auto'!HU17&lt;100),"R","NULL"))))</f>
        <v>NULL</v>
      </c>
      <c r="HL17" s="2" t="str">
        <f>IF(AND('Cambios Auto'!HL17&gt;0,'Indices Auto'!HV17&gt;100),"V",IF(AND('Cambios Auto'!HL17&gt;0,'Indices Auto'!HV17&lt;100),"A",IF(AND('Cambios Auto'!HL17&lt;0,'Indices Auto'!HV17&gt;100),"N",IF(AND('Cambios Auto'!HL17&lt;0,'Indices Auto'!HV17&lt;100),"R","NULL"))))</f>
        <v>NULL</v>
      </c>
      <c r="HM17" s="2" t="str">
        <f>IF(AND('Cambios Auto'!HM17&gt;0,'Indices Auto'!HW17&gt;100),"V",IF(AND('Cambios Auto'!HM17&gt;0,'Indices Auto'!HW17&lt;100),"A",IF(AND('Cambios Auto'!HM17&lt;0,'Indices Auto'!HW17&gt;100),"N",IF(AND('Cambios Auto'!HM17&lt;0,'Indices Auto'!HW17&lt;100),"R","NULL"))))</f>
        <v>NULL</v>
      </c>
      <c r="HN17" s="2" t="str">
        <f>IF(AND('Cambios Auto'!HN17&gt;0,'Indices Auto'!HX17&gt;100),"V",IF(AND('Cambios Auto'!HN17&gt;0,'Indices Auto'!HX17&lt;100),"A",IF(AND('Cambios Auto'!HN17&lt;0,'Indices Auto'!HX17&gt;100),"N",IF(AND('Cambios Auto'!HN17&lt;0,'Indices Auto'!HX17&lt;100),"R","NULL"))))</f>
        <v>NULL</v>
      </c>
      <c r="HO17" s="2" t="str">
        <f>IF(AND('Cambios Auto'!HO17&gt;0,'Indices Auto'!HY17&gt;100),"V",IF(AND('Cambios Auto'!HO17&gt;0,'Indices Auto'!HY17&lt;100),"A",IF(AND('Cambios Auto'!HO17&lt;0,'Indices Auto'!HY17&gt;100),"N",IF(AND('Cambios Auto'!HO17&lt;0,'Indices Auto'!HY17&lt;100),"R","NULL"))))</f>
        <v>NULL</v>
      </c>
      <c r="HP17" s="2" t="str">
        <f>IF(AND('Cambios Auto'!HP17&gt;0,'Indices Auto'!HZ17&gt;100),"V",IF(AND('Cambios Auto'!HP17&gt;0,'Indices Auto'!HZ17&lt;100),"A",IF(AND('Cambios Auto'!HP17&lt;0,'Indices Auto'!HZ17&gt;100),"N",IF(AND('Cambios Auto'!HP17&lt;0,'Indices Auto'!HZ17&lt;100),"R","NULL"))))</f>
        <v>NULL</v>
      </c>
      <c r="HQ17" s="2" t="str">
        <f>IF(AND('Cambios Auto'!HQ17&gt;0,'Indices Auto'!IA17&gt;100),"V",IF(AND('Cambios Auto'!HQ17&gt;0,'Indices Auto'!IA17&lt;100),"A",IF(AND('Cambios Auto'!HQ17&lt;0,'Indices Auto'!IA17&gt;100),"N",IF(AND('Cambios Auto'!HQ17&lt;0,'Indices Auto'!IA17&lt;100),"R","NULL"))))</f>
        <v>NULL</v>
      </c>
      <c r="HR17" s="2" t="str">
        <f>IF(AND('Cambios Auto'!HR17&gt;0,'Indices Auto'!IB17&gt;100),"V",IF(AND('Cambios Auto'!HR17&gt;0,'Indices Auto'!IB17&lt;100),"A",IF(AND('Cambios Auto'!HR17&lt;0,'Indices Auto'!IB17&gt;100),"N",IF(AND('Cambios Auto'!HR17&lt;0,'Indices Auto'!IB17&lt;100),"R","NULL"))))</f>
        <v>NULL</v>
      </c>
      <c r="HS17" s="2" t="str">
        <f>IF(AND('Cambios Auto'!HS17&gt;0,'Indices Auto'!IC17&gt;100),"V",IF(AND('Cambios Auto'!HS17&gt;0,'Indices Auto'!IC17&lt;100),"A",IF(AND('Cambios Auto'!HS17&lt;0,'Indices Auto'!IC17&gt;100),"N",IF(AND('Cambios Auto'!HS17&lt;0,'Indices Auto'!IC17&lt;100),"R","NULL"))))</f>
        <v>NULL</v>
      </c>
      <c r="HT17" s="2" t="str">
        <f>IF(AND('Cambios Auto'!HT17&gt;0,'Indices Auto'!ID17&gt;100),"V",IF(AND('Cambios Auto'!HT17&gt;0,'Indices Auto'!ID17&lt;100),"A",IF(AND('Cambios Auto'!HT17&lt;0,'Indices Auto'!ID17&gt;100),"N",IF(AND('Cambios Auto'!HT17&lt;0,'Indices Auto'!ID17&lt;100),"R","NULL"))))</f>
        <v>NULL</v>
      </c>
      <c r="HU17" s="2" t="str">
        <f>IF(AND('Cambios Auto'!HU17&gt;0,'Indices Auto'!IE17&gt;100),"V",IF(AND('Cambios Auto'!HU17&gt;0,'Indices Auto'!IE17&lt;100),"A",IF(AND('Cambios Auto'!HU17&lt;0,'Indices Auto'!IE17&gt;100),"N",IF(AND('Cambios Auto'!HU17&lt;0,'Indices Auto'!IE17&lt;100),"R","NULL"))))</f>
        <v>NULL</v>
      </c>
      <c r="HV17" s="2" t="str">
        <f>IF(AND('Cambios Auto'!HV17&gt;0,'Indices Auto'!IF17&gt;100),"V",IF(AND('Cambios Auto'!HV17&gt;0,'Indices Auto'!IF17&lt;100),"A",IF(AND('Cambios Auto'!HV17&lt;0,'Indices Auto'!IF17&gt;100),"N",IF(AND('Cambios Auto'!HV17&lt;0,'Indices Auto'!IF17&lt;100),"R","NULL"))))</f>
        <v>NULL</v>
      </c>
      <c r="HW17" s="2" t="str">
        <f>IF(AND('Cambios Auto'!HW17&gt;0,'Indices Auto'!IG17&gt;100),"V",IF(AND('Cambios Auto'!HW17&gt;0,'Indices Auto'!IG17&lt;100),"A",IF(AND('Cambios Auto'!HW17&lt;0,'Indices Auto'!IG17&gt;100),"N",IF(AND('Cambios Auto'!HW17&lt;0,'Indices Auto'!IG17&lt;100),"R","NULL"))))</f>
        <v>NULL</v>
      </c>
      <c r="HX17" s="2" t="str">
        <f>IF(AND('Cambios Auto'!HX17&gt;0,'Indices Auto'!IH17&gt;100),"V",IF(AND('Cambios Auto'!HX17&gt;0,'Indices Auto'!IH17&lt;100),"A",IF(AND('Cambios Auto'!HX17&lt;0,'Indices Auto'!IH17&gt;100),"N",IF(AND('Cambios Auto'!HX17&lt;0,'Indices Auto'!IH17&lt;100),"R","NULL"))))</f>
        <v>NULL</v>
      </c>
      <c r="HY17" s="2" t="str">
        <f>IF(AND('Cambios Auto'!HY17&gt;0,'Indices Auto'!II17&gt;100),"V",IF(AND('Cambios Auto'!HY17&gt;0,'Indices Auto'!II17&lt;100),"A",IF(AND('Cambios Auto'!HY17&lt;0,'Indices Auto'!II17&gt;100),"N",IF(AND('Cambios Auto'!HY17&lt;0,'Indices Auto'!II17&lt;100),"R","NULL"))))</f>
        <v>NULL</v>
      </c>
      <c r="HZ17" s="2" t="str">
        <f>IF(AND('Cambios Auto'!HZ17&gt;0,'Indices Auto'!IJ17&gt;100),"V",IF(AND('Cambios Auto'!HZ17&gt;0,'Indices Auto'!IJ17&lt;100),"A",IF(AND('Cambios Auto'!HZ17&lt;0,'Indices Auto'!IJ17&gt;100),"N",IF(AND('Cambios Auto'!HZ17&lt;0,'Indices Auto'!IJ17&lt;100),"R","NULL"))))</f>
        <v>NULL</v>
      </c>
      <c r="IA17" s="2" t="str">
        <f>IF(AND('Cambios Auto'!IA17&gt;0,'Indices Auto'!IK17&gt;100),"V",IF(AND('Cambios Auto'!IA17&gt;0,'Indices Auto'!IK17&lt;100),"A",IF(AND('Cambios Auto'!IA17&lt;0,'Indices Auto'!IK17&gt;100),"N",IF(AND('Cambios Auto'!IA17&lt;0,'Indices Auto'!IK17&lt;100),"R","NULL"))))</f>
        <v>NULL</v>
      </c>
      <c r="IB17" s="2" t="str">
        <f>IF(AND('Cambios Auto'!IB17&gt;0,'Indices Auto'!IL17&gt;100),"V",IF(AND('Cambios Auto'!IB17&gt;0,'Indices Auto'!IL17&lt;100),"A",IF(AND('Cambios Auto'!IB17&lt;0,'Indices Auto'!IL17&gt;100),"N",IF(AND('Cambios Auto'!IB17&lt;0,'Indices Auto'!IL17&lt;100),"R","NULL"))))</f>
        <v>NULL</v>
      </c>
      <c r="IC17" s="2" t="str">
        <f>IF(AND('Cambios Auto'!IC17&gt;0,'Indices Auto'!IM17&gt;100),"V",IF(AND('Cambios Auto'!IC17&gt;0,'Indices Auto'!IM17&lt;100),"A",IF(AND('Cambios Auto'!IC17&lt;0,'Indices Auto'!IM17&gt;100),"N",IF(AND('Cambios Auto'!IC17&lt;0,'Indices Auto'!IM17&lt;100),"R","NULL"))))</f>
        <v>NULL</v>
      </c>
      <c r="ID17" s="2" t="str">
        <f>IF(AND('Cambios Auto'!ID17&gt;0,'Indices Auto'!IN17&gt;100),"V",IF(AND('Cambios Auto'!ID17&gt;0,'Indices Auto'!IN17&lt;100),"A",IF(AND('Cambios Auto'!ID17&lt;0,'Indices Auto'!IN17&gt;100),"N",IF(AND('Cambios Auto'!ID17&lt;0,'Indices Auto'!IN17&lt;100),"R","NULL"))))</f>
        <v>NULL</v>
      </c>
      <c r="IE17" s="2" t="str">
        <f>IF(AND('Cambios Auto'!IE17&gt;0,'Indices Auto'!IO17&gt;100),"V",IF(AND('Cambios Auto'!IE17&gt;0,'Indices Auto'!IO17&lt;100),"A",IF(AND('Cambios Auto'!IE17&lt;0,'Indices Auto'!IO17&gt;100),"N",IF(AND('Cambios Auto'!IE17&lt;0,'Indices Auto'!IO17&lt;100),"R","NULL"))))</f>
        <v>NULL</v>
      </c>
      <c r="IF17" s="2" t="str">
        <f>IF(AND('Cambios Auto'!IF17&gt;0,'Indices Auto'!IP17&gt;100),"V",IF(AND('Cambios Auto'!IF17&gt;0,'Indices Auto'!IP17&lt;100),"A",IF(AND('Cambios Auto'!IF17&lt;0,'Indices Auto'!IP17&gt;100),"N",IF(AND('Cambios Auto'!IF17&lt;0,'Indices Auto'!IP17&lt;100),"R","NULL"))))</f>
        <v>NULL</v>
      </c>
      <c r="IG17" s="2" t="str">
        <f>IF(AND('Cambios Auto'!IG17&gt;0,'Indices Auto'!IQ17&gt;100),"V",IF(AND('Cambios Auto'!IG17&gt;0,'Indices Auto'!IQ17&lt;100),"A",IF(AND('Cambios Auto'!IG17&lt;0,'Indices Auto'!IQ17&gt;100),"N",IF(AND('Cambios Auto'!IG17&lt;0,'Indices Auto'!IQ17&lt;100),"R","NULL"))))</f>
        <v>NULL</v>
      </c>
      <c r="IH17" s="2" t="str">
        <f>IF(AND('Cambios Auto'!IH17&gt;0,'Indices Auto'!IR17&gt;100),"V",IF(AND('Cambios Auto'!IH17&gt;0,'Indices Auto'!IR17&lt;100),"A",IF(AND('Cambios Auto'!IH17&lt;0,'Indices Auto'!IR17&gt;100),"N",IF(AND('Cambios Auto'!IH17&lt;0,'Indices Auto'!IR17&lt;100),"R","NULL"))))</f>
        <v>NULL</v>
      </c>
      <c r="II17" s="2" t="str">
        <f>IF(AND('Cambios Auto'!II17&gt;0,'Indices Auto'!IS17&gt;100),"V",IF(AND('Cambios Auto'!II17&gt;0,'Indices Auto'!IS17&lt;100),"A",IF(AND('Cambios Auto'!II17&lt;0,'Indices Auto'!IS17&gt;100),"N",IF(AND('Cambios Auto'!II17&lt;0,'Indices Auto'!IS17&lt;100),"R","NULL"))))</f>
        <v>NULL</v>
      </c>
      <c r="IJ17" s="2" t="str">
        <f>IF(AND('Cambios Auto'!IJ17&gt;0,'Indices Auto'!IT17&gt;100),"V",IF(AND('Cambios Auto'!IJ17&gt;0,'Indices Auto'!IT17&lt;100),"A",IF(AND('Cambios Auto'!IJ17&lt;0,'Indices Auto'!IT17&gt;100),"N",IF(AND('Cambios Auto'!IJ17&lt;0,'Indices Auto'!IT17&lt;100),"R","NULL"))))</f>
        <v>NULL</v>
      </c>
      <c r="IK17" s="2" t="str">
        <f>IF(AND('Cambios Auto'!IK17&gt;0,'Indices Auto'!IU17&gt;100),"V",IF(AND('Cambios Auto'!IK17&gt;0,'Indices Auto'!IU17&lt;100),"A",IF(AND('Cambios Auto'!IK17&lt;0,'Indices Auto'!IU17&gt;100),"N",IF(AND('Cambios Auto'!IK17&lt;0,'Indices Auto'!IU17&lt;100),"R","NULL"))))</f>
        <v>NULL</v>
      </c>
      <c r="IL17" s="2" t="str">
        <f>IF(AND('Cambios Auto'!IL17&gt;0,'Indices Auto'!IV17&gt;100),"V",IF(AND('Cambios Auto'!IL17&gt;0,'Indices Auto'!IV17&lt;100),"A",IF(AND('Cambios Auto'!IL17&lt;0,'Indices Auto'!IV17&gt;100),"N",IF(AND('Cambios Auto'!IL17&lt;0,'Indices Auto'!IV17&lt;100),"R","NULL"))))</f>
        <v>NULL</v>
      </c>
      <c r="IM17" s="2" t="str">
        <f>IF(AND('Cambios Auto'!IM17&gt;0,'Indices Auto'!IW17&gt;100),"V",IF(AND('Cambios Auto'!IM17&gt;0,'Indices Auto'!IW17&lt;100),"A",IF(AND('Cambios Auto'!IM17&lt;0,'Indices Auto'!IW17&gt;100),"N",IF(AND('Cambios Auto'!IM17&lt;0,'Indices Auto'!IW17&lt;100),"R","NULL"))))</f>
        <v>NULL</v>
      </c>
      <c r="IN17" s="2" t="str">
        <f>IF(AND('Cambios Auto'!IN17&gt;0,'Indices Auto'!IX17&gt;100),"V",IF(AND('Cambios Auto'!IN17&gt;0,'Indices Auto'!IX17&lt;100),"A",IF(AND('Cambios Auto'!IN17&lt;0,'Indices Auto'!IX17&gt;100),"N",IF(AND('Cambios Auto'!IN17&lt;0,'Indices Auto'!IX17&lt;100),"R","NULL"))))</f>
        <v>NULL</v>
      </c>
      <c r="IO17" s="2" t="str">
        <f>IF(AND('Cambios Auto'!IO17&gt;0,'Indices Auto'!IY17&gt;100),"V",IF(AND('Cambios Auto'!IO17&gt;0,'Indices Auto'!IY17&lt;100),"A",IF(AND('Cambios Auto'!IO17&lt;0,'Indices Auto'!IY17&gt;100),"N",IF(AND('Cambios Auto'!IO17&lt;0,'Indices Auto'!IY17&lt;100),"R","NULL"))))</f>
        <v>NULL</v>
      </c>
      <c r="IP17" s="2" t="str">
        <f>IF(AND('Cambios Auto'!IP17&gt;0,'Indices Auto'!IZ17&gt;100),"V",IF(AND('Cambios Auto'!IP17&gt;0,'Indices Auto'!IZ17&lt;100),"A",IF(AND('Cambios Auto'!IP17&lt;0,'Indices Auto'!IZ17&gt;100),"N",IF(AND('Cambios Auto'!IP17&lt;0,'Indices Auto'!IZ17&lt;100),"R","NULL"))))</f>
        <v>NULL</v>
      </c>
      <c r="IQ17" s="2" t="str">
        <f>IF(AND('Cambios Auto'!IQ17&gt;0,'Indices Auto'!JA17&gt;100),"V",IF(AND('Cambios Auto'!IQ17&gt;0,'Indices Auto'!JA17&lt;100),"A",IF(AND('Cambios Auto'!IQ17&lt;0,'Indices Auto'!JA17&gt;100),"N",IF(AND('Cambios Auto'!IQ17&lt;0,'Indices Auto'!JA17&lt;100),"R","NULL"))))</f>
        <v>NULL</v>
      </c>
      <c r="IR17" s="2" t="str">
        <f>IF(AND('Cambios Auto'!IR17&gt;0,'Indices Auto'!JB17&gt;100),"V",IF(AND('Cambios Auto'!IR17&gt;0,'Indices Auto'!JB17&lt;100),"A",IF(AND('Cambios Auto'!IR17&lt;0,'Indices Auto'!JB17&gt;100),"N",IF(AND('Cambios Auto'!IR17&lt;0,'Indices Auto'!JB17&lt;100),"R","NULL"))))</f>
        <v>NULL</v>
      </c>
      <c r="IS17" s="2" t="str">
        <f>IF(AND('Cambios Auto'!IS17&gt;0,'Indices Auto'!JC17&gt;100),"V",IF(AND('Cambios Auto'!IS17&gt;0,'Indices Auto'!JC17&lt;100),"A",IF(AND('Cambios Auto'!IS17&lt;0,'Indices Auto'!JC17&gt;100),"N",IF(AND('Cambios Auto'!IS17&lt;0,'Indices Auto'!JC17&lt;100),"R","NULL"))))</f>
        <v>NULL</v>
      </c>
      <c r="IT17" s="14"/>
    </row>
    <row r="18" spans="1:254" x14ac:dyDescent="0.25">
      <c r="A18" s="11" t="s">
        <v>204</v>
      </c>
      <c r="B18" s="2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I18" s="2"/>
      <c r="AJ18" s="2"/>
      <c r="AK18" s="2"/>
      <c r="AL18" s="2"/>
      <c r="AM18" s="2"/>
      <c r="AN18" s="2"/>
      <c r="AO18" s="2"/>
      <c r="AP18" s="2"/>
      <c r="AQ18" s="2"/>
      <c r="AR18" s="2"/>
      <c r="AS18" s="2"/>
      <c r="AT18" s="2"/>
      <c r="AU18" s="2"/>
      <c r="AV18" s="2"/>
      <c r="AW18" s="2"/>
      <c r="AX18" s="2"/>
      <c r="AY18" s="2" t="str">
        <f>IF(AND('Cambios Auto'!AY18&gt;0,'Indices Auto'!AZ18&gt;100),"V",IF(AND('Cambios Auto'!AY18&gt;0,'Indices Auto'!AZ18&lt;100),"A",IF(AND('Cambios Auto'!AY18&lt;0,'Indices Auto'!AZ18&gt;100),"N",IF(AND('Cambios Auto'!AY18&lt;0,'Indices Auto'!AZ18&lt;100),"R","NULL"))))</f>
        <v>A</v>
      </c>
      <c r="AZ18" s="2" t="str">
        <f>IF(AND('Cambios Auto'!AZ18&gt;0,'Indices Auto'!BA18&gt;100),"V",IF(AND('Cambios Auto'!AZ18&gt;0,'Indices Auto'!BA18&lt;100),"A",IF(AND('Cambios Auto'!AZ18&lt;0,'Indices Auto'!BA18&gt;100),"N",IF(AND('Cambios Auto'!AZ18&lt;0,'Indices Auto'!BA18&lt;100),"R","NULL"))))</f>
        <v>A</v>
      </c>
      <c r="BA18" s="2" t="str">
        <f>IF(AND('Cambios Auto'!BA18&gt;0,'Indices Auto'!BB18&gt;100),"V",IF(AND('Cambios Auto'!BA18&gt;0,'Indices Auto'!BB18&lt;100),"A",IF(AND('Cambios Auto'!BA18&lt;0,'Indices Auto'!BB18&gt;100),"N",IF(AND('Cambios Auto'!BA18&lt;0,'Indices Auto'!BB18&lt;100),"R","NULL"))))</f>
        <v>A</v>
      </c>
      <c r="BB18" s="2" t="str">
        <f>IF(AND('Cambios Auto'!BB18&gt;0,'Indices Auto'!BC18&gt;100),"V",IF(AND('Cambios Auto'!BB18&gt;0,'Indices Auto'!BC18&lt;100),"A",IF(AND('Cambios Auto'!BB18&lt;0,'Indices Auto'!BC18&gt;100),"N",IF(AND('Cambios Auto'!BB18&lt;0,'Indices Auto'!BC18&lt;100),"R","NULL"))))</f>
        <v>A</v>
      </c>
      <c r="BC18" s="2" t="str">
        <f>IF(AND('Cambios Auto'!BC18&gt;0,'Indices Auto'!BD18&gt;100),"V",IF(AND('Cambios Auto'!BC18&gt;0,'Indices Auto'!BD18&lt;100),"A",IF(AND('Cambios Auto'!BC18&lt;0,'Indices Auto'!BD18&gt;100),"N",IF(AND('Cambios Auto'!BC18&lt;0,'Indices Auto'!BD18&lt;100),"R","NULL"))))</f>
        <v>A</v>
      </c>
      <c r="BD18" s="2" t="str">
        <f>IF(AND('Cambios Auto'!BD18&gt;0,'Indices Auto'!BE18&gt;100),"V",IF(AND('Cambios Auto'!BD18&gt;0,'Indices Auto'!BE18&lt;100),"A",IF(AND('Cambios Auto'!BD18&lt;0,'Indices Auto'!BE18&gt;100),"N",IF(AND('Cambios Auto'!BD18&lt;0,'Indices Auto'!BE18&lt;100),"R","NULL"))))</f>
        <v>A</v>
      </c>
      <c r="BE18" s="2" t="str">
        <f>IF(AND('Cambios Auto'!BE18&gt;0,'Indices Auto'!BF18&gt;100),"V",IF(AND('Cambios Auto'!BE18&gt;0,'Indices Auto'!BF18&lt;100),"A",IF(AND('Cambios Auto'!BE18&lt;0,'Indices Auto'!BF18&gt;100),"N",IF(AND('Cambios Auto'!BE18&lt;0,'Indices Auto'!BF18&lt;100),"R","NULL"))))</f>
        <v>A</v>
      </c>
      <c r="BF18" s="2" t="str">
        <f>IF(AND('Cambios Auto'!BF18&gt;0,'Indices Auto'!BG18&gt;100),"V",IF(AND('Cambios Auto'!BF18&gt;0,'Indices Auto'!BG18&lt;100),"A",IF(AND('Cambios Auto'!BF18&lt;0,'Indices Auto'!BG18&gt;100),"N",IF(AND('Cambios Auto'!BF18&lt;0,'Indices Auto'!BG18&lt;100),"R","NULL"))))</f>
        <v>A</v>
      </c>
      <c r="BG18" s="2" t="str">
        <f>IF(AND('Cambios Auto'!BG18&gt;0,'Indices Auto'!BH18&gt;100),"V",IF(AND('Cambios Auto'!BG18&gt;0,'Indices Auto'!BH18&lt;100),"A",IF(AND('Cambios Auto'!BG18&lt;0,'Indices Auto'!BH18&gt;100),"N",IF(AND('Cambios Auto'!BG18&lt;0,'Indices Auto'!BH18&lt;100),"R","NULL"))))</f>
        <v>A</v>
      </c>
      <c r="BH18" s="2" t="str">
        <f>IF(AND('Cambios Auto'!BH18&gt;0,'Indices Auto'!BI18&gt;100),"V",IF(AND('Cambios Auto'!BH18&gt;0,'Indices Auto'!BI18&lt;100),"A",IF(AND('Cambios Auto'!BH18&lt;0,'Indices Auto'!BI18&gt;100),"N",IF(AND('Cambios Auto'!BH18&lt;0,'Indices Auto'!BI18&lt;100),"R","NULL"))))</f>
        <v>A</v>
      </c>
      <c r="BI18" s="2" t="str">
        <f>IF(AND('Cambios Auto'!BI18&gt;0,'Indices Auto'!BJ18&gt;100),"V",IF(AND('Cambios Auto'!BI18&gt;0,'Indices Auto'!BJ18&lt;100),"A",IF(AND('Cambios Auto'!BI18&lt;0,'Indices Auto'!BJ18&gt;100),"N",IF(AND('Cambios Auto'!BI18&lt;0,'Indices Auto'!BJ18&lt;100),"R","NULL"))))</f>
        <v>A</v>
      </c>
      <c r="BJ18" s="2" t="str">
        <f>IF(AND('Cambios Auto'!BJ18&gt;0,'Indices Auto'!BK18&gt;100),"V",IF(AND('Cambios Auto'!BJ18&gt;0,'Indices Auto'!BK18&lt;100),"A",IF(AND('Cambios Auto'!BJ18&lt;0,'Indices Auto'!BK18&gt;100),"N",IF(AND('Cambios Auto'!BJ18&lt;0,'Indices Auto'!BK18&lt;100),"R","NULL"))))</f>
        <v>A</v>
      </c>
      <c r="BK18" s="2" t="str">
        <f>IF(AND('Cambios Auto'!BK18&gt;0,'Indices Auto'!BL18&gt;100),"V",IF(AND('Cambios Auto'!BK18&gt;0,'Indices Auto'!BL18&lt;100),"A",IF(AND('Cambios Auto'!BK18&lt;0,'Indices Auto'!BL18&gt;100),"N",IF(AND('Cambios Auto'!BK18&lt;0,'Indices Auto'!BL18&lt;100),"R","NULL"))))</f>
        <v>A</v>
      </c>
      <c r="BL18" s="2" t="str">
        <f>IF(AND('Cambios Auto'!BL18&gt;0,'Indices Auto'!BM18&gt;100),"V",IF(AND('Cambios Auto'!BL18&gt;0,'Indices Auto'!BM18&lt;100),"A",IF(AND('Cambios Auto'!BL18&lt;0,'Indices Auto'!BM18&gt;100),"N",IF(AND('Cambios Auto'!BL18&lt;0,'Indices Auto'!BM18&lt;100),"R","NULL"))))</f>
        <v>A</v>
      </c>
      <c r="BM18" s="2" t="str">
        <f>IF(AND('Cambios Auto'!BM18&gt;0,'Indices Auto'!BN18&gt;100),"V",IF(AND('Cambios Auto'!BM18&gt;0,'Indices Auto'!BN18&lt;100),"A",IF(AND('Cambios Auto'!BM18&lt;0,'Indices Auto'!BN18&gt;100),"N",IF(AND('Cambios Auto'!BM18&lt;0,'Indices Auto'!BN18&lt;100),"R","NULL"))))</f>
        <v>R</v>
      </c>
      <c r="BN18" s="2" t="str">
        <f>IF(AND('Cambios Auto'!BN18&gt;0,'Indices Auto'!BO18&gt;100),"V",IF(AND('Cambios Auto'!BN18&gt;0,'Indices Auto'!BO18&lt;100),"A",IF(AND('Cambios Auto'!BN18&lt;0,'Indices Auto'!BO18&gt;100),"N",IF(AND('Cambios Auto'!BN18&lt;0,'Indices Auto'!BO18&lt;100),"R","NULL"))))</f>
        <v>R</v>
      </c>
      <c r="BO18" s="2" t="str">
        <f>IF(AND('Cambios Auto'!BO18&gt;0,'Indices Auto'!BP18&gt;100),"V",IF(AND('Cambios Auto'!BO18&gt;0,'Indices Auto'!BP18&lt;100),"A",IF(AND('Cambios Auto'!BO18&lt;0,'Indices Auto'!BP18&gt;100),"N",IF(AND('Cambios Auto'!BO18&lt;0,'Indices Auto'!BP18&lt;100),"R","NULL"))))</f>
        <v>R</v>
      </c>
      <c r="BP18" s="2" t="str">
        <f>IF(AND('Cambios Auto'!BP18&gt;0,'Indices Auto'!BQ18&gt;100),"V",IF(AND('Cambios Auto'!BP18&gt;0,'Indices Auto'!BQ18&lt;100),"A",IF(AND('Cambios Auto'!BP18&lt;0,'Indices Auto'!BQ18&gt;100),"N",IF(AND('Cambios Auto'!BP18&lt;0,'Indices Auto'!BQ18&lt;100),"R","NULL"))))</f>
        <v>A</v>
      </c>
      <c r="BQ18" s="2" t="str">
        <f>IF(AND('Cambios Auto'!BQ18&gt;0,'Indices Auto'!BR18&gt;100),"V",IF(AND('Cambios Auto'!BQ18&gt;0,'Indices Auto'!BR18&lt;100),"A",IF(AND('Cambios Auto'!BQ18&lt;0,'Indices Auto'!BR18&gt;100),"N",IF(AND('Cambios Auto'!BQ18&lt;0,'Indices Auto'!BR18&lt;100),"R","NULL"))))</f>
        <v>V</v>
      </c>
      <c r="BR18" s="2" t="str">
        <f>IF(AND('Cambios Auto'!BR18&gt;0,'Indices Auto'!BS18&gt;100),"V",IF(AND('Cambios Auto'!BR18&gt;0,'Indices Auto'!BS18&lt;100),"A",IF(AND('Cambios Auto'!BR18&lt;0,'Indices Auto'!BS18&gt;100),"N",IF(AND('Cambios Auto'!BR18&lt;0,'Indices Auto'!BS18&lt;100),"R","NULL"))))</f>
        <v>V</v>
      </c>
      <c r="BS18" s="2" t="str">
        <f>IF(AND('Cambios Auto'!BS18&gt;0,'Indices Auto'!BT18&gt;100),"V",IF(AND('Cambios Auto'!BS18&gt;0,'Indices Auto'!BT18&lt;100),"A",IF(AND('Cambios Auto'!BS18&lt;0,'Indices Auto'!BT18&gt;100),"N",IF(AND('Cambios Auto'!BS18&lt;0,'Indices Auto'!BT18&lt;100),"R","NULL"))))</f>
        <v>V</v>
      </c>
      <c r="BT18" s="2" t="str">
        <f>IF(AND('Cambios Auto'!BT18&gt;0,'Indices Auto'!BU18&gt;100),"V",IF(AND('Cambios Auto'!BT18&gt;0,'Indices Auto'!BU18&lt;100),"A",IF(AND('Cambios Auto'!BT18&lt;0,'Indices Auto'!BU18&gt;100),"N",IF(AND('Cambios Auto'!BT18&lt;0,'Indices Auto'!BU18&lt;100),"R","NULL"))))</f>
        <v>V</v>
      </c>
      <c r="BU18" s="2" t="str">
        <f>IF(AND('Cambios Auto'!BU18&gt;0,'Indices Auto'!BV18&gt;100),"V",IF(AND('Cambios Auto'!BU18&gt;0,'Indices Auto'!BV18&lt;100),"A",IF(AND('Cambios Auto'!BU18&lt;0,'Indices Auto'!BV18&gt;100),"N",IF(AND('Cambios Auto'!BU18&lt;0,'Indices Auto'!BV18&lt;100),"R","NULL"))))</f>
        <v>V</v>
      </c>
      <c r="BV18" s="2" t="str">
        <f>IF(AND('Cambios Auto'!BV18&gt;0,'Indices Auto'!BW18&gt;100),"V",IF(AND('Cambios Auto'!BV18&gt;0,'Indices Auto'!BW18&lt;100),"A",IF(AND('Cambios Auto'!BV18&lt;0,'Indices Auto'!BW18&gt;100),"N",IF(AND('Cambios Auto'!BV18&lt;0,'Indices Auto'!BW18&lt;100),"R","NULL"))))</f>
        <v>V</v>
      </c>
      <c r="BW18" s="2" t="str">
        <f>IF(AND('Cambios Auto'!BW18&gt;0,'Indices Auto'!BX18&gt;100),"V",IF(AND('Cambios Auto'!BW18&gt;0,'Indices Auto'!BX18&lt;100),"A",IF(AND('Cambios Auto'!BW18&lt;0,'Indices Auto'!BX18&gt;100),"N",IF(AND('Cambios Auto'!BW18&lt;0,'Indices Auto'!BX18&lt;100),"R","NULL"))))</f>
        <v>V</v>
      </c>
      <c r="BX18" s="2" t="str">
        <f>IF(AND('Cambios Auto'!BX18&gt;0,'Indices Auto'!BY18&gt;100),"V",IF(AND('Cambios Auto'!BX18&gt;0,'Indices Auto'!BY18&lt;100),"A",IF(AND('Cambios Auto'!BX18&lt;0,'Indices Auto'!BY18&gt;100),"N",IF(AND('Cambios Auto'!BX18&lt;0,'Indices Auto'!BY18&lt;100),"R","NULL"))))</f>
        <v>V</v>
      </c>
      <c r="BY18" s="2" t="str">
        <f>IF(AND('Cambios Auto'!BY18&gt;0,'Indices Auto'!BZ18&gt;100),"V",IF(AND('Cambios Auto'!BY18&gt;0,'Indices Auto'!BZ18&lt;100),"A",IF(AND('Cambios Auto'!BY18&lt;0,'Indices Auto'!BZ18&gt;100),"N",IF(AND('Cambios Auto'!BY18&lt;0,'Indices Auto'!BZ18&lt;100),"R","NULL"))))</f>
        <v>V</v>
      </c>
      <c r="BZ18" s="2" t="str">
        <f>IF(AND('Cambios Auto'!BZ18&gt;0,'Indices Auto'!CA18&gt;100),"V",IF(AND('Cambios Auto'!BZ18&gt;0,'Indices Auto'!CA18&lt;100),"A",IF(AND('Cambios Auto'!BZ18&lt;0,'Indices Auto'!CA18&gt;100),"N",IF(AND('Cambios Auto'!BZ18&lt;0,'Indices Auto'!CA18&lt;100),"R","NULL"))))</f>
        <v>V</v>
      </c>
      <c r="CA18" s="2" t="str">
        <f>IF(AND('Cambios Auto'!CA18&gt;0,'Indices Auto'!CB18&gt;100),"V",IF(AND('Cambios Auto'!CA18&gt;0,'Indices Auto'!CB18&lt;100),"A",IF(AND('Cambios Auto'!CA18&lt;0,'Indices Auto'!CB18&gt;100),"N",IF(AND('Cambios Auto'!CA18&lt;0,'Indices Auto'!CB18&lt;100),"R","NULL"))))</f>
        <v>V</v>
      </c>
      <c r="CB18" s="2" t="str">
        <f>IF(AND('Cambios Auto'!CB18&gt;0,'Indices Auto'!CC18&gt;100),"V",IF(AND('Cambios Auto'!CB18&gt;0,'Indices Auto'!CC18&lt;100),"A",IF(AND('Cambios Auto'!CB18&lt;0,'Indices Auto'!CC18&gt;100),"N",IF(AND('Cambios Auto'!CB18&lt;0,'Indices Auto'!CC18&lt;100),"R","NULL"))))</f>
        <v>V</v>
      </c>
      <c r="CC18" s="2" t="str">
        <f>IF(AND('Cambios Auto'!CC18&gt;0,'Indices Auto'!CD18&gt;100),"V",IF(AND('Cambios Auto'!CC18&gt;0,'Indices Auto'!CD18&lt;100),"A",IF(AND('Cambios Auto'!CC18&lt;0,'Indices Auto'!CD18&gt;100),"N",IF(AND('Cambios Auto'!CC18&lt;0,'Indices Auto'!CD18&lt;100),"R","NULL"))))</f>
        <v>V</v>
      </c>
      <c r="CD18" s="2" t="str">
        <f>IF(AND('Cambios Auto'!CD18&gt;0,'Indices Auto'!CE18&gt;100),"V",IF(AND('Cambios Auto'!CD18&gt;0,'Indices Auto'!CE18&lt;100),"A",IF(AND('Cambios Auto'!CD18&lt;0,'Indices Auto'!CE18&gt;100),"N",IF(AND('Cambios Auto'!CD18&lt;0,'Indices Auto'!CE18&lt;100),"R","NULL"))))</f>
        <v>V</v>
      </c>
      <c r="CE18" s="2" t="str">
        <f>IF(AND('Cambios Auto'!CE18&gt;0,'Indices Auto'!CF18&gt;100),"V",IF(AND('Cambios Auto'!CE18&gt;0,'Indices Auto'!CF18&lt;100),"A",IF(AND('Cambios Auto'!CE18&lt;0,'Indices Auto'!CF18&gt;100),"N",IF(AND('Cambios Auto'!CE18&lt;0,'Indices Auto'!CF18&lt;100),"R","NULL"))))</f>
        <v>V</v>
      </c>
      <c r="CF18" s="2" t="str">
        <f>IF(AND('Cambios Auto'!CF18&gt;0,'Indices Auto'!CG18&gt;100),"V",IF(AND('Cambios Auto'!CF18&gt;0,'Indices Auto'!CG18&lt;100),"A",IF(AND('Cambios Auto'!CF18&lt;0,'Indices Auto'!CG18&gt;100),"N",IF(AND('Cambios Auto'!CF18&lt;0,'Indices Auto'!CG18&lt;100),"R","NULL"))))</f>
        <v>V</v>
      </c>
      <c r="CG18" s="2" t="str">
        <f>IF(AND('Cambios Auto'!CG18&gt;0,'Indices Auto'!CH18&gt;100),"V",IF(AND('Cambios Auto'!CG18&gt;0,'Indices Auto'!CH18&lt;100),"A",IF(AND('Cambios Auto'!CG18&lt;0,'Indices Auto'!CH18&gt;100),"N",IF(AND('Cambios Auto'!CG18&lt;0,'Indices Auto'!CH18&lt;100),"R","NULL"))))</f>
        <v>V</v>
      </c>
      <c r="CH18" s="2" t="str">
        <f>IF(AND('Cambios Auto'!CH18&gt;0,'Indices Auto'!CI18&gt;100),"V",IF(AND('Cambios Auto'!CH18&gt;0,'Indices Auto'!CI18&lt;100),"A",IF(AND('Cambios Auto'!CH18&lt;0,'Indices Auto'!CI18&gt;100),"N",IF(AND('Cambios Auto'!CH18&lt;0,'Indices Auto'!CI18&lt;100),"R","NULL"))))</f>
        <v>V</v>
      </c>
      <c r="CI18" s="2" t="str">
        <f>IF(AND('Cambios Auto'!CI18&gt;0,'Indices Auto'!CJ18&gt;100),"V",IF(AND('Cambios Auto'!CI18&gt;0,'Indices Auto'!CJ18&lt;100),"A",IF(AND('Cambios Auto'!CI18&lt;0,'Indices Auto'!CJ18&gt;100),"N",IF(AND('Cambios Auto'!CI18&lt;0,'Indices Auto'!CJ18&lt;100),"R","NULL"))))</f>
        <v>V</v>
      </c>
      <c r="CJ18" s="2" t="str">
        <f>IF(AND('Cambios Auto'!CJ18&gt;0,'Indices Auto'!CK18&gt;100),"V",IF(AND('Cambios Auto'!CJ18&gt;0,'Indices Auto'!CK18&lt;100),"A",IF(AND('Cambios Auto'!CJ18&lt;0,'Indices Auto'!CK18&gt;100),"N",IF(AND('Cambios Auto'!CJ18&lt;0,'Indices Auto'!CK18&lt;100),"R","NULL"))))</f>
        <v>V</v>
      </c>
      <c r="CK18" s="2" t="str">
        <f>IF(AND('Cambios Auto'!CK18&gt;0,'Indices Auto'!CL18&gt;100),"V",IF(AND('Cambios Auto'!CK18&gt;0,'Indices Auto'!CL18&lt;100),"A",IF(AND('Cambios Auto'!CK18&lt;0,'Indices Auto'!CL18&gt;100),"N",IF(AND('Cambios Auto'!CK18&lt;0,'Indices Auto'!CL18&lt;100),"R","NULL"))))</f>
        <v>V</v>
      </c>
      <c r="CL18" s="2" t="str">
        <f>IF(AND('Cambios Auto'!CL18&gt;0,'Indices Auto'!CM18&gt;100),"V",IF(AND('Cambios Auto'!CL18&gt;0,'Indices Auto'!CM18&lt;100),"A",IF(AND('Cambios Auto'!CL18&lt;0,'Indices Auto'!CM18&gt;100),"N",IF(AND('Cambios Auto'!CL18&lt;0,'Indices Auto'!CM18&lt;100),"R","NULL"))))</f>
        <v>N</v>
      </c>
      <c r="CM18" s="2" t="str">
        <f>IF(AND('Cambios Auto'!CM18&gt;0,'Indices Auto'!CN18&gt;100),"V",IF(AND('Cambios Auto'!CM18&gt;0,'Indices Auto'!CN18&lt;100),"A",IF(AND('Cambios Auto'!CM18&lt;0,'Indices Auto'!CN18&gt;100),"N",IF(AND('Cambios Auto'!CM18&lt;0,'Indices Auto'!CN18&lt;100),"R","NULL"))))</f>
        <v>N</v>
      </c>
      <c r="CN18" s="2" t="str">
        <f>IF(AND('Cambios Auto'!CN18&gt;0,'Indices Auto'!CO18&gt;100),"V",IF(AND('Cambios Auto'!CN18&gt;0,'Indices Auto'!CO18&lt;100),"A",IF(AND('Cambios Auto'!CN18&lt;0,'Indices Auto'!CO18&gt;100),"N",IF(AND('Cambios Auto'!CN18&lt;0,'Indices Auto'!CO18&lt;100),"R","NULL"))))</f>
        <v>N</v>
      </c>
      <c r="CO18" s="2" t="str">
        <f>IF(AND('Cambios Auto'!CO18&gt;0,'Indices Auto'!CP18&gt;100),"V",IF(AND('Cambios Auto'!CO18&gt;0,'Indices Auto'!CP18&lt;100),"A",IF(AND('Cambios Auto'!CO18&lt;0,'Indices Auto'!CP18&gt;100),"N",IF(AND('Cambios Auto'!CO18&lt;0,'Indices Auto'!CP18&lt;100),"R","NULL"))))</f>
        <v>N</v>
      </c>
      <c r="CP18" s="2" t="str">
        <f>IF(AND('Cambios Auto'!CP18&gt;0,'Indices Auto'!CQ18&gt;100),"V",IF(AND('Cambios Auto'!CP18&gt;0,'Indices Auto'!CQ18&lt;100),"A",IF(AND('Cambios Auto'!CP18&lt;0,'Indices Auto'!CQ18&gt;100),"N",IF(AND('Cambios Auto'!CP18&lt;0,'Indices Auto'!CQ18&lt;100),"R","NULL"))))</f>
        <v>N</v>
      </c>
      <c r="CQ18" s="2" t="str">
        <f>IF(AND('Cambios Auto'!CQ18&gt;0,'Indices Auto'!CR18&gt;100),"V",IF(AND('Cambios Auto'!CQ18&gt;0,'Indices Auto'!CR18&lt;100),"A",IF(AND('Cambios Auto'!CQ18&lt;0,'Indices Auto'!CR18&gt;100),"N",IF(AND('Cambios Auto'!CQ18&lt;0,'Indices Auto'!CR18&lt;100),"R","NULL"))))</f>
        <v>N</v>
      </c>
      <c r="CR18" s="2" t="str">
        <f>IF(AND('Cambios Auto'!CR18&gt;0,'Indices Auto'!CS18&gt;100),"V",IF(AND('Cambios Auto'!CR18&gt;0,'Indices Auto'!CS18&lt;100),"A",IF(AND('Cambios Auto'!CR18&lt;0,'Indices Auto'!CS18&gt;100),"N",IF(AND('Cambios Auto'!CR18&lt;0,'Indices Auto'!CS18&lt;100),"R","NULL"))))</f>
        <v>N</v>
      </c>
      <c r="CS18" s="2" t="str">
        <f>IF(AND('Cambios Auto'!CS18&gt;0,'Indices Auto'!CT18&gt;100),"V",IF(AND('Cambios Auto'!CS18&gt;0,'Indices Auto'!CT18&lt;100),"A",IF(AND('Cambios Auto'!CS18&lt;0,'Indices Auto'!CT18&gt;100),"N",IF(AND('Cambios Auto'!CS18&lt;0,'Indices Auto'!CT18&lt;100),"R","NULL"))))</f>
        <v>N</v>
      </c>
      <c r="CT18" s="2" t="str">
        <f>IF(AND('Cambios Auto'!CT18&gt;0,'Indices Auto'!CU18&gt;100),"V",IF(AND('Cambios Auto'!CT18&gt;0,'Indices Auto'!CU18&lt;100),"A",IF(AND('Cambios Auto'!CT18&lt;0,'Indices Auto'!CU18&gt;100),"N",IF(AND('Cambios Auto'!CT18&lt;0,'Indices Auto'!CU18&lt;100),"R","NULL"))))</f>
        <v>N</v>
      </c>
      <c r="CU18" s="2" t="str">
        <f>IF(AND('Cambios Auto'!CU18&gt;0,'Indices Auto'!CV18&gt;100),"V",IF(AND('Cambios Auto'!CU18&gt;0,'Indices Auto'!CV18&lt;100),"A",IF(AND('Cambios Auto'!CU18&lt;0,'Indices Auto'!CV18&gt;100),"N",IF(AND('Cambios Auto'!CU18&lt;0,'Indices Auto'!CV18&lt;100),"R","NULL"))))</f>
        <v>N</v>
      </c>
      <c r="CV18" s="2" t="str">
        <f>IF(AND('Cambios Auto'!CV18&gt;0,'Indices Auto'!CW18&gt;100),"V",IF(AND('Cambios Auto'!CV18&gt;0,'Indices Auto'!CW18&lt;100),"A",IF(AND('Cambios Auto'!CV18&lt;0,'Indices Auto'!CW18&gt;100),"N",IF(AND('Cambios Auto'!CV18&lt;0,'Indices Auto'!CW18&lt;100),"R","NULL"))))</f>
        <v>N</v>
      </c>
      <c r="CW18" s="2" t="str">
        <f>IF(AND('Cambios Auto'!CW18&gt;0,'Indices Auto'!CX18&gt;100),"V",IF(AND('Cambios Auto'!CW18&gt;0,'Indices Auto'!CX18&lt;100),"A",IF(AND('Cambios Auto'!CW18&lt;0,'Indices Auto'!CX18&gt;100),"N",IF(AND('Cambios Auto'!CW18&lt;0,'Indices Auto'!CX18&lt;100),"R","NULL"))))</f>
        <v>R</v>
      </c>
      <c r="CX18" s="2" t="str">
        <f>IF(AND('Cambios Auto'!CX18&gt;0,'Indices Auto'!CY18&gt;100),"V",IF(AND('Cambios Auto'!CX18&gt;0,'Indices Auto'!CY18&lt;100),"A",IF(AND('Cambios Auto'!CX18&lt;0,'Indices Auto'!CY18&gt;100),"N",IF(AND('Cambios Auto'!CX18&lt;0,'Indices Auto'!CY18&lt;100),"R","NULL"))))</f>
        <v>R</v>
      </c>
      <c r="CY18" s="2" t="str">
        <f>IF(AND('Cambios Auto'!CY18&gt;0,'Indices Auto'!CZ18&gt;100),"V",IF(AND('Cambios Auto'!CY18&gt;0,'Indices Auto'!CZ18&lt;100),"A",IF(AND('Cambios Auto'!CY18&lt;0,'Indices Auto'!CZ18&gt;100),"N",IF(AND('Cambios Auto'!CY18&lt;0,'Indices Auto'!CZ18&lt;100),"R","NULL"))))</f>
        <v>R</v>
      </c>
      <c r="CZ18" s="2" t="str">
        <f>IF(AND('Cambios Auto'!CZ18&gt;0,'Indices Auto'!DA18&gt;100),"V",IF(AND('Cambios Auto'!CZ18&gt;0,'Indices Auto'!DA18&lt;100),"A",IF(AND('Cambios Auto'!CZ18&lt;0,'Indices Auto'!DA18&gt;100),"N",IF(AND('Cambios Auto'!CZ18&lt;0,'Indices Auto'!DA18&lt;100),"R","NULL"))))</f>
        <v>R</v>
      </c>
      <c r="DA18" s="2" t="str">
        <f>IF(AND('Cambios Auto'!DA18&gt;0,'Indices Auto'!DB18&gt;100),"V",IF(AND('Cambios Auto'!DA18&gt;0,'Indices Auto'!DB18&lt;100),"A",IF(AND('Cambios Auto'!DA18&lt;0,'Indices Auto'!DB18&gt;100),"N",IF(AND('Cambios Auto'!DA18&lt;0,'Indices Auto'!DB18&lt;100),"R","NULL"))))</f>
        <v>R</v>
      </c>
      <c r="DB18" s="2" t="str">
        <f>IF(AND('Cambios Auto'!DB18&gt;0,'Indices Auto'!DC18&gt;100),"V",IF(AND('Cambios Auto'!DB18&gt;0,'Indices Auto'!DC18&lt;100),"A",IF(AND('Cambios Auto'!DB18&lt;0,'Indices Auto'!DC18&gt;100),"N",IF(AND('Cambios Auto'!DB18&lt;0,'Indices Auto'!DC18&lt;100),"R","NULL"))))</f>
        <v>R</v>
      </c>
      <c r="DC18" s="2" t="str">
        <f>IF(AND('Cambios Auto'!DC18&gt;0,'Indices Auto'!DD18&gt;100),"V",IF(AND('Cambios Auto'!DC18&gt;0,'Indices Auto'!DD18&lt;100),"A",IF(AND('Cambios Auto'!DC18&lt;0,'Indices Auto'!DD18&gt;100),"N",IF(AND('Cambios Auto'!DC18&lt;0,'Indices Auto'!DD18&lt;100),"R","NULL"))))</f>
        <v>R</v>
      </c>
      <c r="DD18" s="2" t="str">
        <f>IF(AND('Cambios Auto'!DD18&gt;0,'Indices Auto'!DE18&gt;100),"V",IF(AND('Cambios Auto'!DD18&gt;0,'Indices Auto'!DE18&lt;100),"A",IF(AND('Cambios Auto'!DD18&lt;0,'Indices Auto'!DE18&gt;100),"N",IF(AND('Cambios Auto'!DD18&lt;0,'Indices Auto'!DE18&lt;100),"R","NULL"))))</f>
        <v>R</v>
      </c>
      <c r="DE18" s="2" t="str">
        <f>IF(AND('Cambios Auto'!DE18&gt;0,'Indices Auto'!DF18&gt;100),"V",IF(AND('Cambios Auto'!DE18&gt;0,'Indices Auto'!DF18&lt;100),"A",IF(AND('Cambios Auto'!DE18&lt;0,'Indices Auto'!DF18&gt;100),"N",IF(AND('Cambios Auto'!DE18&lt;0,'Indices Auto'!DF18&lt;100),"R","NULL"))))</f>
        <v>R</v>
      </c>
      <c r="DF18" s="2" t="str">
        <f>IF(AND('Cambios Auto'!DF18&gt;0,'Indices Auto'!DG18&gt;100),"V",IF(AND('Cambios Auto'!DF18&gt;0,'Indices Auto'!DG18&lt;100),"A",IF(AND('Cambios Auto'!DF18&lt;0,'Indices Auto'!DG18&gt;100),"N",IF(AND('Cambios Auto'!DF18&lt;0,'Indices Auto'!DG18&lt;100),"R","NULL"))))</f>
        <v>R</v>
      </c>
      <c r="DG18" s="2" t="str">
        <f>IF(AND('Cambios Auto'!DG18&gt;0,'Indices Auto'!DH18&gt;100),"V",IF(AND('Cambios Auto'!DG18&gt;0,'Indices Auto'!DH18&lt;100),"A",IF(AND('Cambios Auto'!DG18&lt;0,'Indices Auto'!DH18&gt;100),"N",IF(AND('Cambios Auto'!DG18&lt;0,'Indices Auto'!DH18&lt;100),"R","NULL"))))</f>
        <v>R</v>
      </c>
      <c r="DH18" s="2" t="str">
        <f>IF(AND('Cambios Auto'!DH18&gt;0,'Indices Auto'!DI18&gt;100),"V",IF(AND('Cambios Auto'!DH18&gt;0,'Indices Auto'!DI18&lt;100),"A",IF(AND('Cambios Auto'!DH18&lt;0,'Indices Auto'!DI18&gt;100),"N",IF(AND('Cambios Auto'!DH18&lt;0,'Indices Auto'!DI18&lt;100),"R","NULL"))))</f>
        <v>A</v>
      </c>
      <c r="DI18" s="2" t="str">
        <f>IF(AND('Cambios Auto'!DI18&gt;0,'Indices Auto'!DJ18&gt;100),"V",IF(AND('Cambios Auto'!DI18&gt;0,'Indices Auto'!DJ18&lt;100),"A",IF(AND('Cambios Auto'!DI18&lt;0,'Indices Auto'!DJ18&gt;100),"N",IF(AND('Cambios Auto'!DI18&lt;0,'Indices Auto'!DJ18&lt;100),"R","NULL"))))</f>
        <v>A</v>
      </c>
      <c r="DJ18" s="2" t="str">
        <f>IF(AND('Cambios Auto'!DJ18&gt;0,'Indices Auto'!DK18&gt;100),"V",IF(AND('Cambios Auto'!DJ18&gt;0,'Indices Auto'!DK18&lt;100),"A",IF(AND('Cambios Auto'!DJ18&lt;0,'Indices Auto'!DK18&gt;100),"N",IF(AND('Cambios Auto'!DJ18&lt;0,'Indices Auto'!DK18&lt;100),"R","NULL"))))</f>
        <v>A</v>
      </c>
      <c r="DK18" s="2" t="str">
        <f>IF(AND('Cambios Auto'!DK18&gt;0,'Indices Auto'!DL18&gt;100),"V",IF(AND('Cambios Auto'!DK18&gt;0,'Indices Auto'!DL18&lt;100),"A",IF(AND('Cambios Auto'!DK18&lt;0,'Indices Auto'!DL18&gt;100),"N",IF(AND('Cambios Auto'!DK18&lt;0,'Indices Auto'!DL18&lt;100),"R","NULL"))))</f>
        <v>A</v>
      </c>
      <c r="DL18" s="2" t="str">
        <f>IF(AND('Cambios Auto'!DL18&gt;0,'Indices Auto'!DM18&gt;100),"V",IF(AND('Cambios Auto'!DL18&gt;0,'Indices Auto'!DM18&lt;100),"A",IF(AND('Cambios Auto'!DL18&lt;0,'Indices Auto'!DM18&gt;100),"N",IF(AND('Cambios Auto'!DL18&lt;0,'Indices Auto'!DM18&lt;100),"R","NULL"))))</f>
        <v>A</v>
      </c>
      <c r="DM18" s="2" t="str">
        <f>IF(AND('Cambios Auto'!DM18&gt;0,'Indices Auto'!DN18&gt;100),"V",IF(AND('Cambios Auto'!DM18&gt;0,'Indices Auto'!DN18&lt;100),"A",IF(AND('Cambios Auto'!DM18&lt;0,'Indices Auto'!DN18&gt;100),"N",IF(AND('Cambios Auto'!DM18&lt;0,'Indices Auto'!DN18&lt;100),"R","NULL"))))</f>
        <v>A</v>
      </c>
      <c r="DN18" s="2" t="str">
        <f>IF(AND('Cambios Auto'!DN18&gt;0,'Indices Auto'!DO18&gt;100),"V",IF(AND('Cambios Auto'!DN18&gt;0,'Indices Auto'!DO18&lt;100),"A",IF(AND('Cambios Auto'!DN18&lt;0,'Indices Auto'!DO18&gt;100),"N",IF(AND('Cambios Auto'!DN18&lt;0,'Indices Auto'!DO18&lt;100),"R","NULL"))))</f>
        <v>A</v>
      </c>
      <c r="DO18" s="2" t="str">
        <f>IF(AND('Cambios Auto'!DO18&gt;0,'Indices Auto'!DP18&gt;100),"V",IF(AND('Cambios Auto'!DO18&gt;0,'Indices Auto'!DP18&lt;100),"A",IF(AND('Cambios Auto'!DO18&lt;0,'Indices Auto'!DP18&gt;100),"N",IF(AND('Cambios Auto'!DO18&lt;0,'Indices Auto'!DP18&lt;100),"R","NULL"))))</f>
        <v>A</v>
      </c>
      <c r="DP18" s="2" t="str">
        <f>IF(AND('Cambios Auto'!DP18&gt;0,'Indices Auto'!DQ18&gt;100),"V",IF(AND('Cambios Auto'!DP18&gt;0,'Indices Auto'!DQ18&lt;100),"A",IF(AND('Cambios Auto'!DP18&lt;0,'Indices Auto'!DQ18&gt;100),"N",IF(AND('Cambios Auto'!DP18&lt;0,'Indices Auto'!DQ18&lt;100),"R","NULL"))))</f>
        <v>A</v>
      </c>
      <c r="DQ18" s="2" t="str">
        <f>IF(AND('Cambios Auto'!DQ18&gt;0,'Indices Auto'!DR18&gt;100),"V",IF(AND('Cambios Auto'!DQ18&gt;0,'Indices Auto'!DR18&lt;100),"A",IF(AND('Cambios Auto'!DQ18&lt;0,'Indices Auto'!DR18&gt;100),"N",IF(AND('Cambios Auto'!DQ18&lt;0,'Indices Auto'!DR18&lt;100),"R","NULL"))))</f>
        <v>A</v>
      </c>
      <c r="DR18" s="2" t="str">
        <f>IF(AND('Cambios Auto'!DR18&gt;0,'Indices Auto'!DS18&gt;100),"V",IF(AND('Cambios Auto'!DR18&gt;0,'Indices Auto'!DS18&lt;100),"A",IF(AND('Cambios Auto'!DR18&lt;0,'Indices Auto'!DS18&gt;100),"N",IF(AND('Cambios Auto'!DR18&lt;0,'Indices Auto'!DS18&lt;100),"R","NULL"))))</f>
        <v>A</v>
      </c>
      <c r="DS18" s="2" t="str">
        <f>IF(AND('Cambios Auto'!DS18&gt;0,'Indices Auto'!DT18&gt;100),"V",IF(AND('Cambios Auto'!DS18&gt;0,'Indices Auto'!DT18&lt;100),"A",IF(AND('Cambios Auto'!DS18&lt;0,'Indices Auto'!DT18&gt;100),"N",IF(AND('Cambios Auto'!DS18&lt;0,'Indices Auto'!DT18&lt;100),"R","NULL"))))</f>
        <v>A</v>
      </c>
      <c r="DT18" s="2" t="str">
        <f>IF(AND('Cambios Auto'!DT18&gt;0,'Indices Auto'!DU18&gt;100),"V",IF(AND('Cambios Auto'!DT18&gt;0,'Indices Auto'!DU18&lt;100),"A",IF(AND('Cambios Auto'!DT18&lt;0,'Indices Auto'!DU18&gt;100),"N",IF(AND('Cambios Auto'!DT18&lt;0,'Indices Auto'!DU18&lt;100),"R","NULL"))))</f>
        <v>V</v>
      </c>
      <c r="DU18" s="2" t="str">
        <f>IF(AND('Cambios Auto'!DU18&gt;0,'Indices Auto'!DV18&gt;100),"V",IF(AND('Cambios Auto'!DU18&gt;0,'Indices Auto'!DV18&lt;100),"A",IF(AND('Cambios Auto'!DU18&lt;0,'Indices Auto'!DV18&gt;100),"N",IF(AND('Cambios Auto'!DU18&lt;0,'Indices Auto'!DV18&lt;100),"R","NULL"))))</f>
        <v>V</v>
      </c>
      <c r="DV18" s="2" t="str">
        <f>IF(AND('Cambios Auto'!DV18&gt;0,'Indices Auto'!DW18&gt;100),"V",IF(AND('Cambios Auto'!DV18&gt;0,'Indices Auto'!DW18&lt;100),"A",IF(AND('Cambios Auto'!DV18&lt;0,'Indices Auto'!DW18&gt;100),"N",IF(AND('Cambios Auto'!DV18&lt;0,'Indices Auto'!DW18&lt;100),"R","NULL"))))</f>
        <v>V</v>
      </c>
      <c r="DW18" s="2" t="str">
        <f>IF(AND('Cambios Auto'!DW18&gt;0,'Indices Auto'!DX18&gt;100),"V",IF(AND('Cambios Auto'!DW18&gt;0,'Indices Auto'!DX18&lt;100),"A",IF(AND('Cambios Auto'!DW18&lt;0,'Indices Auto'!DX18&gt;100),"N",IF(AND('Cambios Auto'!DW18&lt;0,'Indices Auto'!DX18&lt;100),"R","NULL"))))</f>
        <v>V</v>
      </c>
      <c r="DX18" s="2" t="str">
        <f>IF(AND('Cambios Auto'!DX18&gt;0,'Indices Auto'!DY18&gt;100),"V",IF(AND('Cambios Auto'!DX18&gt;0,'Indices Auto'!DY18&lt;100),"A",IF(AND('Cambios Auto'!DX18&lt;0,'Indices Auto'!DY18&gt;100),"N",IF(AND('Cambios Auto'!DX18&lt;0,'Indices Auto'!DY18&lt;100),"R","NULL"))))</f>
        <v>V</v>
      </c>
      <c r="DY18" s="2" t="str">
        <f>IF(AND('Cambios Auto'!DY18&gt;0,'Indices Auto'!DZ18&gt;100),"V",IF(AND('Cambios Auto'!DY18&gt;0,'Indices Auto'!DZ18&lt;100),"A",IF(AND('Cambios Auto'!DY18&lt;0,'Indices Auto'!DZ18&gt;100),"N",IF(AND('Cambios Auto'!DY18&lt;0,'Indices Auto'!DZ18&lt;100),"R","NULL"))))</f>
        <v>V</v>
      </c>
      <c r="DZ18" s="2" t="str">
        <f>IF(AND('Cambios Auto'!DZ18&gt;0,'Indices Auto'!EA18&gt;100),"V",IF(AND('Cambios Auto'!DZ18&gt;0,'Indices Auto'!EA18&lt;100),"A",IF(AND('Cambios Auto'!DZ18&lt;0,'Indices Auto'!EA18&gt;100),"N",IF(AND('Cambios Auto'!DZ18&lt;0,'Indices Auto'!EA18&lt;100),"R","NULL"))))</f>
        <v>V</v>
      </c>
      <c r="EA18" s="2" t="str">
        <f>IF(AND('Cambios Auto'!EA18&gt;0,'Indices Auto'!EB18&gt;100),"V",IF(AND('Cambios Auto'!EA18&gt;0,'Indices Auto'!EB18&lt;100),"A",IF(AND('Cambios Auto'!EA18&lt;0,'Indices Auto'!EB18&gt;100),"N",IF(AND('Cambios Auto'!EA18&lt;0,'Indices Auto'!EB18&lt;100),"R","NULL"))))</f>
        <v>V</v>
      </c>
      <c r="EB18" s="2" t="str">
        <f>IF(AND('Cambios Auto'!EB18&gt;0,'Indices Auto'!EC18&gt;100),"V",IF(AND('Cambios Auto'!EB18&gt;0,'Indices Auto'!EC18&lt;100),"A",IF(AND('Cambios Auto'!EB18&lt;0,'Indices Auto'!EC18&gt;100),"N",IF(AND('Cambios Auto'!EB18&lt;0,'Indices Auto'!EC18&lt;100),"R","NULL"))))</f>
        <v>V</v>
      </c>
      <c r="EC18" s="2" t="str">
        <f>IF(AND('Cambios Auto'!EC18&gt;0,'Indices Auto'!ED18&gt;100),"V",IF(AND('Cambios Auto'!EC18&gt;0,'Indices Auto'!ED18&lt;100),"A",IF(AND('Cambios Auto'!EC18&lt;0,'Indices Auto'!ED18&gt;100),"N",IF(AND('Cambios Auto'!EC18&lt;0,'Indices Auto'!ED18&lt;100),"R","NULL"))))</f>
        <v>V</v>
      </c>
      <c r="ED18" s="2" t="str">
        <f>IF(AND('Cambios Auto'!ED18&gt;0,'Indices Auto'!EE18&gt;100),"V",IF(AND('Cambios Auto'!ED18&gt;0,'Indices Auto'!EE18&lt;100),"A",IF(AND('Cambios Auto'!ED18&lt;0,'Indices Auto'!EE18&gt;100),"N",IF(AND('Cambios Auto'!ED18&lt;0,'Indices Auto'!EE18&lt;100),"R","NULL"))))</f>
        <v>N</v>
      </c>
      <c r="EE18" s="2" t="str">
        <f>IF(AND('Cambios Auto'!EE18&gt;0,'Indices Auto'!EF18&gt;100),"V",IF(AND('Cambios Auto'!EE18&gt;0,'Indices Auto'!EF18&lt;100),"A",IF(AND('Cambios Auto'!EE18&lt;0,'Indices Auto'!EF18&gt;100),"N",IF(AND('Cambios Auto'!EE18&lt;0,'Indices Auto'!EF18&lt;100),"R","NULL"))))</f>
        <v>N</v>
      </c>
      <c r="EF18" s="2" t="str">
        <f>IF(AND('Cambios Auto'!EF18&gt;0,'Indices Auto'!EG18&gt;100),"V",IF(AND('Cambios Auto'!EF18&gt;0,'Indices Auto'!EG18&lt;100),"A",IF(AND('Cambios Auto'!EF18&lt;0,'Indices Auto'!EG18&gt;100),"N",IF(AND('Cambios Auto'!EF18&lt;0,'Indices Auto'!EG18&lt;100),"R","NULL"))))</f>
        <v>N</v>
      </c>
      <c r="EG18" s="2" t="str">
        <f>IF(AND('Cambios Auto'!EG18&gt;0,'Indices Auto'!EH18&gt;100),"V",IF(AND('Cambios Auto'!EG18&gt;0,'Indices Auto'!EH18&lt;100),"A",IF(AND('Cambios Auto'!EG18&lt;0,'Indices Auto'!EH18&gt;100),"N",IF(AND('Cambios Auto'!EG18&lt;0,'Indices Auto'!EH18&lt;100),"R","NULL"))))</f>
        <v>N</v>
      </c>
      <c r="EH18" s="2" t="str">
        <f>IF(AND('Cambios Auto'!EH18&gt;0,'Indices Auto'!EI18&gt;100),"V",IF(AND('Cambios Auto'!EH18&gt;0,'Indices Auto'!EI18&lt;100),"A",IF(AND('Cambios Auto'!EH18&lt;0,'Indices Auto'!EI18&gt;100),"N",IF(AND('Cambios Auto'!EH18&lt;0,'Indices Auto'!EI18&lt;100),"R","NULL"))))</f>
        <v>N</v>
      </c>
      <c r="EI18" s="2" t="str">
        <f>IF(AND('Cambios Auto'!EI18&gt;0,'Indices Auto'!EJ18&gt;100),"V",IF(AND('Cambios Auto'!EI18&gt;0,'Indices Auto'!EJ18&lt;100),"A",IF(AND('Cambios Auto'!EI18&lt;0,'Indices Auto'!EJ18&gt;100),"N",IF(AND('Cambios Auto'!EI18&lt;0,'Indices Auto'!EJ18&lt;100),"R","NULL"))))</f>
        <v>N</v>
      </c>
      <c r="EJ18" s="2" t="str">
        <f>IF(AND('Cambios Auto'!EJ18&gt;0,'Indices Auto'!EK18&gt;100),"V",IF(AND('Cambios Auto'!EJ18&gt;0,'Indices Auto'!EK18&lt;100),"A",IF(AND('Cambios Auto'!EJ18&lt;0,'Indices Auto'!EK18&gt;100),"N",IF(AND('Cambios Auto'!EJ18&lt;0,'Indices Auto'!EK18&lt;100),"R","NULL"))))</f>
        <v>N</v>
      </c>
      <c r="EK18" s="2" t="str">
        <f>IF(AND('Cambios Auto'!EK18&gt;0,'Indices Auto'!EL18&gt;100),"V",IF(AND('Cambios Auto'!EK18&gt;0,'Indices Auto'!EL18&lt;100),"A",IF(AND('Cambios Auto'!EK18&lt;0,'Indices Auto'!EL18&gt;100),"N",IF(AND('Cambios Auto'!EK18&lt;0,'Indices Auto'!EL18&lt;100),"R","NULL"))))</f>
        <v>N</v>
      </c>
      <c r="EL18" s="2" t="str">
        <f>IF(AND('Cambios Auto'!EL18&gt;0,'Indices Auto'!EM18&gt;100),"V",IF(AND('Cambios Auto'!EL18&gt;0,'Indices Auto'!EM18&lt;100),"A",IF(AND('Cambios Auto'!EL18&lt;0,'Indices Auto'!EM18&gt;100),"N",IF(AND('Cambios Auto'!EL18&lt;0,'Indices Auto'!EM18&lt;100),"R","NULL"))))</f>
        <v>N</v>
      </c>
      <c r="EM18" s="2" t="str">
        <f>IF(AND('Cambios Auto'!EM18&gt;0,'Indices Auto'!EN18&gt;100),"V",IF(AND('Cambios Auto'!EM18&gt;0,'Indices Auto'!EN18&lt;100),"A",IF(AND('Cambios Auto'!EM18&lt;0,'Indices Auto'!EN18&gt;100),"N",IF(AND('Cambios Auto'!EM18&lt;0,'Indices Auto'!EN18&lt;100),"R","NULL"))))</f>
        <v>N</v>
      </c>
      <c r="EN18" s="2" t="str">
        <f>IF(AND('Cambios Auto'!EN18&gt;0,'Indices Auto'!EO18&gt;100),"V",IF(AND('Cambios Auto'!EN18&gt;0,'Indices Auto'!EO18&lt;100),"A",IF(AND('Cambios Auto'!EN18&lt;0,'Indices Auto'!EO18&gt;100),"N",IF(AND('Cambios Auto'!EN18&lt;0,'Indices Auto'!EO18&lt;100),"R","NULL"))))</f>
        <v>N</v>
      </c>
      <c r="EO18" s="2" t="str">
        <f>IF(AND('Cambios Auto'!EO18&gt;0,'Indices Auto'!EP18&gt;100),"V",IF(AND('Cambios Auto'!EO18&gt;0,'Indices Auto'!EP18&lt;100),"A",IF(AND('Cambios Auto'!EO18&lt;0,'Indices Auto'!EP18&gt;100),"N",IF(AND('Cambios Auto'!EO18&lt;0,'Indices Auto'!EP18&lt;100),"R","NULL"))))</f>
        <v>N</v>
      </c>
      <c r="EP18" s="2" t="str">
        <f>IF(AND('Cambios Auto'!EP18&gt;0,'Indices Auto'!EQ18&gt;100),"V",IF(AND('Cambios Auto'!EP18&gt;0,'Indices Auto'!EQ18&lt;100),"A",IF(AND('Cambios Auto'!EP18&lt;0,'Indices Auto'!EQ18&gt;100),"N",IF(AND('Cambios Auto'!EP18&lt;0,'Indices Auto'!EQ18&lt;100),"R","NULL"))))</f>
        <v>N</v>
      </c>
      <c r="EQ18" s="2" t="str">
        <f>IF(AND('Cambios Auto'!EQ18&gt;0,'Indices Auto'!ER18&gt;100),"V",IF(AND('Cambios Auto'!EQ18&gt;0,'Indices Auto'!ER18&lt;100),"A",IF(AND('Cambios Auto'!EQ18&lt;0,'Indices Auto'!ER18&gt;100),"N",IF(AND('Cambios Auto'!EQ18&lt;0,'Indices Auto'!ER18&lt;100),"R","NULL"))))</f>
        <v>N</v>
      </c>
      <c r="ER18" s="2" t="str">
        <f>IF(AND('Cambios Auto'!ER18&gt;0,'Indices Auto'!ES18&gt;100),"V",IF(AND('Cambios Auto'!ER18&gt;0,'Indices Auto'!ES18&lt;100),"A",IF(AND('Cambios Auto'!ER18&lt;0,'Indices Auto'!ES18&gt;100),"N",IF(AND('Cambios Auto'!ER18&lt;0,'Indices Auto'!ES18&lt;100),"R","NULL"))))</f>
        <v>N</v>
      </c>
      <c r="ES18" s="2" t="str">
        <f>IF(AND('Cambios Auto'!ES18&gt;0,'Indices Auto'!ET18&gt;100),"V",IF(AND('Cambios Auto'!ES18&gt;0,'Indices Auto'!ET18&lt;100),"A",IF(AND('Cambios Auto'!ES18&lt;0,'Indices Auto'!ET18&gt;100),"N",IF(AND('Cambios Auto'!ES18&lt;0,'Indices Auto'!ET18&lt;100),"R","NULL"))))</f>
        <v>N</v>
      </c>
      <c r="ET18" s="2" t="str">
        <f>IF(AND('Cambios Auto'!ET18&gt;0,'Indices Auto'!EU18&gt;100),"V",IF(AND('Cambios Auto'!ET18&gt;0,'Indices Auto'!EU18&lt;100),"A",IF(AND('Cambios Auto'!ET18&lt;0,'Indices Auto'!EU18&gt;100),"N",IF(AND('Cambios Auto'!ET18&lt;0,'Indices Auto'!EU18&lt;100),"R","NULL"))))</f>
        <v>N</v>
      </c>
      <c r="EU18" s="2" t="str">
        <f>IF(AND('Cambios Auto'!EU18&gt;0,'Indices Auto'!EV18&gt;100),"V",IF(AND('Cambios Auto'!EU18&gt;0,'Indices Auto'!EV18&lt;100),"A",IF(AND('Cambios Auto'!EU18&lt;0,'Indices Auto'!EV18&gt;100),"N",IF(AND('Cambios Auto'!EU18&lt;0,'Indices Auto'!EV18&lt;100),"R","NULL"))))</f>
        <v>V</v>
      </c>
      <c r="EV18" s="2" t="str">
        <f>IF(AND('Cambios Auto'!EV18&gt;0,'Indices Auto'!EW18&gt;100),"V",IF(AND('Cambios Auto'!EV18&gt;0,'Indices Auto'!EW18&lt;100),"A",IF(AND('Cambios Auto'!EV18&lt;0,'Indices Auto'!EW18&gt;100),"N",IF(AND('Cambios Auto'!EV18&lt;0,'Indices Auto'!EW18&lt;100),"R","NULL"))))</f>
        <v>V</v>
      </c>
      <c r="EW18" s="2" t="str">
        <f>IF(AND('Cambios Auto'!EW18&gt;0,'Indices Auto'!EX18&gt;100),"V",IF(AND('Cambios Auto'!EW18&gt;0,'Indices Auto'!EX18&lt;100),"A",IF(AND('Cambios Auto'!EW18&lt;0,'Indices Auto'!EX18&gt;100),"N",IF(AND('Cambios Auto'!EW18&lt;0,'Indices Auto'!EX18&lt;100),"R","NULL"))))</f>
        <v>V</v>
      </c>
      <c r="EX18" s="2" t="str">
        <f>IF(AND('Cambios Auto'!EX18&gt;0,'Indices Auto'!EY18&gt;100),"V",IF(AND('Cambios Auto'!EX18&gt;0,'Indices Auto'!EY18&lt;100),"A",IF(AND('Cambios Auto'!EX18&lt;0,'Indices Auto'!EY18&gt;100),"N",IF(AND('Cambios Auto'!EX18&lt;0,'Indices Auto'!EY18&lt;100),"R","NULL"))))</f>
        <v>V</v>
      </c>
      <c r="EY18" s="2" t="str">
        <f>IF(AND('Cambios Auto'!EY18&gt;0,'Indices Auto'!EZ18&gt;100),"V",IF(AND('Cambios Auto'!EY18&gt;0,'Indices Auto'!EZ18&lt;100),"A",IF(AND('Cambios Auto'!EY18&lt;0,'Indices Auto'!EZ18&gt;100),"N",IF(AND('Cambios Auto'!EY18&lt;0,'Indices Auto'!EZ18&lt;100),"R","NULL"))))</f>
        <v>V</v>
      </c>
      <c r="EZ18" s="2" t="str">
        <f>IF(AND('Cambios Auto'!EZ18&gt;0,'Indices Auto'!FA18&gt;100),"V",IF(AND('Cambios Auto'!EZ18&gt;0,'Indices Auto'!FA18&lt;100),"A",IF(AND('Cambios Auto'!EZ18&lt;0,'Indices Auto'!FA18&gt;100),"N",IF(AND('Cambios Auto'!EZ18&lt;0,'Indices Auto'!FA18&lt;100),"R","NULL"))))</f>
        <v>V</v>
      </c>
      <c r="FA18" s="2" t="str">
        <f>IF(AND('Cambios Auto'!FA18&gt;0,'Indices Auto'!FB18&gt;100),"V",IF(AND('Cambios Auto'!FA18&gt;0,'Indices Auto'!FB18&lt;100),"A",IF(AND('Cambios Auto'!FA18&lt;0,'Indices Auto'!FB18&gt;100),"N",IF(AND('Cambios Auto'!FA18&lt;0,'Indices Auto'!FB18&lt;100),"R","NULL"))))</f>
        <v>V</v>
      </c>
      <c r="FB18" s="2" t="str">
        <f>IF(AND('Cambios Auto'!FB18&gt;0,'Indices Auto'!FC18&gt;100),"V",IF(AND('Cambios Auto'!FB18&gt;0,'Indices Auto'!FC18&lt;100),"A",IF(AND('Cambios Auto'!FB18&lt;0,'Indices Auto'!FC18&gt;100),"N",IF(AND('Cambios Auto'!FB18&lt;0,'Indices Auto'!FC18&lt;100),"R","NULL"))))</f>
        <v>V</v>
      </c>
      <c r="FC18" s="2" t="str">
        <f>IF(AND('Cambios Auto'!FC18&gt;0,'Indices Auto'!FD18&gt;100),"V",IF(AND('Cambios Auto'!FC18&gt;0,'Indices Auto'!FD18&lt;100),"A",IF(AND('Cambios Auto'!FC18&lt;0,'Indices Auto'!FD18&gt;100),"N",IF(AND('Cambios Auto'!FC18&lt;0,'Indices Auto'!FD18&lt;100),"R","NULL"))))</f>
        <v>V</v>
      </c>
      <c r="FD18" s="2" t="str">
        <f>IF(AND('Cambios Auto'!FD18&gt;0,'Indices Auto'!FE18&gt;100),"V",IF(AND('Cambios Auto'!FD18&gt;0,'Indices Auto'!FE18&lt;100),"A",IF(AND('Cambios Auto'!FD18&lt;0,'Indices Auto'!FE18&gt;100),"N",IF(AND('Cambios Auto'!FD18&lt;0,'Indices Auto'!FE18&lt;100),"R","NULL"))))</f>
        <v>N</v>
      </c>
      <c r="FE18" s="2" t="str">
        <f>IF(AND('Cambios Auto'!FE18&gt;0,'Indices Auto'!FF18&gt;100),"V",IF(AND('Cambios Auto'!FE18&gt;0,'Indices Auto'!FF18&lt;100),"A",IF(AND('Cambios Auto'!FE18&lt;0,'Indices Auto'!FF18&gt;100),"N",IF(AND('Cambios Auto'!FE18&lt;0,'Indices Auto'!FF18&lt;100),"R","NULL"))))</f>
        <v>N</v>
      </c>
      <c r="FF18" s="2" t="str">
        <f>IF(AND('Cambios Auto'!FF18&gt;0,'Indices Auto'!FG18&gt;100),"V",IF(AND('Cambios Auto'!FF18&gt;0,'Indices Auto'!FG18&lt;100),"A",IF(AND('Cambios Auto'!FF18&lt;0,'Indices Auto'!FG18&gt;100),"N",IF(AND('Cambios Auto'!FF18&lt;0,'Indices Auto'!FG18&lt;100),"R","NULL"))))</f>
        <v>N</v>
      </c>
      <c r="FG18" s="2" t="str">
        <f>IF(AND('Cambios Auto'!FG18&gt;0,'Indices Auto'!FH18&gt;100),"V",IF(AND('Cambios Auto'!FG18&gt;0,'Indices Auto'!FH18&lt;100),"A",IF(AND('Cambios Auto'!FG18&lt;0,'Indices Auto'!FH18&gt;100),"N",IF(AND('Cambios Auto'!FG18&lt;0,'Indices Auto'!FH18&lt;100),"R","NULL"))))</f>
        <v>N</v>
      </c>
      <c r="FH18" s="2" t="str">
        <f>IF(AND('Cambios Auto'!FH18&gt;0,'Indices Auto'!FI18&gt;100),"V",IF(AND('Cambios Auto'!FH18&gt;0,'Indices Auto'!FI18&lt;100),"A",IF(AND('Cambios Auto'!FH18&lt;0,'Indices Auto'!FI18&gt;100),"N",IF(AND('Cambios Auto'!FH18&lt;0,'Indices Auto'!FI18&lt;100),"R","NULL"))))</f>
        <v>N</v>
      </c>
      <c r="FI18" s="2" t="str">
        <f>IF(AND('Cambios Auto'!FI18&gt;0,'Indices Auto'!FJ18&gt;100),"V",IF(AND('Cambios Auto'!FI18&gt;0,'Indices Auto'!FJ18&lt;100),"A",IF(AND('Cambios Auto'!FI18&lt;0,'Indices Auto'!FJ18&gt;100),"N",IF(AND('Cambios Auto'!FI18&lt;0,'Indices Auto'!FJ18&lt;100),"R","NULL"))))</f>
        <v>N</v>
      </c>
      <c r="FJ18" s="2" t="str">
        <f>IF(AND('Cambios Auto'!FJ18&gt;0,'Indices Auto'!FK18&gt;100),"V",IF(AND('Cambios Auto'!FJ18&gt;0,'Indices Auto'!FK18&lt;100),"A",IF(AND('Cambios Auto'!FJ18&lt;0,'Indices Auto'!FK18&gt;100),"N",IF(AND('Cambios Auto'!FJ18&lt;0,'Indices Auto'!FK18&lt;100),"R","NULL"))))</f>
        <v>R</v>
      </c>
      <c r="FK18" s="2" t="str">
        <f>IF(AND('Cambios Auto'!FK18&gt;0,'Indices Auto'!FL18&gt;100),"V",IF(AND('Cambios Auto'!FK18&gt;0,'Indices Auto'!FL18&lt;100),"A",IF(AND('Cambios Auto'!FK18&lt;0,'Indices Auto'!FL18&gt;100),"N",IF(AND('Cambios Auto'!FK18&lt;0,'Indices Auto'!FL18&lt;100),"R","NULL"))))</f>
        <v>R</v>
      </c>
      <c r="FL18" s="2" t="str">
        <f>IF(AND('Cambios Auto'!FL18&gt;0,'Indices Auto'!FM18&gt;100),"V",IF(AND('Cambios Auto'!FL18&gt;0,'Indices Auto'!FM18&lt;100),"A",IF(AND('Cambios Auto'!FL18&lt;0,'Indices Auto'!FM18&gt;100),"N",IF(AND('Cambios Auto'!FL18&lt;0,'Indices Auto'!FM18&lt;100),"R","NULL"))))</f>
        <v>R</v>
      </c>
      <c r="FM18" s="2" t="str">
        <f>IF(AND('Cambios Auto'!FM18&gt;0,'Indices Auto'!FN18&gt;100),"V",IF(AND('Cambios Auto'!FM18&gt;0,'Indices Auto'!FN18&lt;100),"A",IF(AND('Cambios Auto'!FM18&lt;0,'Indices Auto'!FN18&gt;100),"N",IF(AND('Cambios Auto'!FM18&lt;0,'Indices Auto'!FN18&lt;100),"R","NULL"))))</f>
        <v>R</v>
      </c>
      <c r="FN18" s="2" t="str">
        <f>IF(AND('Cambios Auto'!FN18&gt;0,'Indices Auto'!FO18&gt;100),"V",IF(AND('Cambios Auto'!FN18&gt;0,'Indices Auto'!FO18&lt;100),"A",IF(AND('Cambios Auto'!FN18&lt;0,'Indices Auto'!FO18&gt;100),"N",IF(AND('Cambios Auto'!FN18&lt;0,'Indices Auto'!FO18&lt;100),"R","NULL"))))</f>
        <v>R</v>
      </c>
      <c r="FO18" s="2" t="str">
        <f>IF(AND('Cambios Auto'!FO18&gt;0,'Indices Auto'!FP18&gt;100),"V",IF(AND('Cambios Auto'!FO18&gt;0,'Indices Auto'!FP18&lt;100),"A",IF(AND('Cambios Auto'!FO18&lt;0,'Indices Auto'!FP18&gt;100),"N",IF(AND('Cambios Auto'!FO18&lt;0,'Indices Auto'!FP18&lt;100),"R","NULL"))))</f>
        <v>A</v>
      </c>
      <c r="FP18" s="2" t="str">
        <f>IF(AND('Cambios Auto'!FP18&gt;0,'Indices Auto'!FQ18&gt;100),"V",IF(AND('Cambios Auto'!FP18&gt;0,'Indices Auto'!FQ18&lt;100),"A",IF(AND('Cambios Auto'!FP18&lt;0,'Indices Auto'!FQ18&gt;100),"N",IF(AND('Cambios Auto'!FP18&lt;0,'Indices Auto'!FQ18&lt;100),"R","NULL"))))</f>
        <v>A</v>
      </c>
      <c r="FQ18" s="2" t="str">
        <f>IF(AND('Cambios Auto'!FQ18&gt;0,'Indices Auto'!FR18&gt;100),"V",IF(AND('Cambios Auto'!FQ18&gt;0,'Indices Auto'!FR18&lt;100),"A",IF(AND('Cambios Auto'!FQ18&lt;0,'Indices Auto'!FR18&gt;100),"N",IF(AND('Cambios Auto'!FQ18&lt;0,'Indices Auto'!FR18&lt;100),"R","NULL"))))</f>
        <v>A</v>
      </c>
      <c r="FR18" s="2" t="str">
        <f>IF(AND('Cambios Auto'!FR18&gt;0,'Indices Auto'!FS18&gt;100),"V",IF(AND('Cambios Auto'!FR18&gt;0,'Indices Auto'!FS18&lt;100),"A",IF(AND('Cambios Auto'!FR18&lt;0,'Indices Auto'!FS18&gt;100),"N",IF(AND('Cambios Auto'!FR18&lt;0,'Indices Auto'!FS18&lt;100),"R","NULL"))))</f>
        <v>V</v>
      </c>
      <c r="FS18" s="2" t="str">
        <f>IF(AND('Cambios Auto'!FS18&gt;0,'Indices Auto'!FT18&gt;100),"V",IF(AND('Cambios Auto'!FS18&gt;0,'Indices Auto'!FT18&lt;100),"A",IF(AND('Cambios Auto'!FS18&lt;0,'Indices Auto'!FT18&gt;100),"N",IF(AND('Cambios Auto'!FS18&lt;0,'Indices Auto'!FT18&lt;100),"R","NULL"))))</f>
        <v>V</v>
      </c>
      <c r="FT18" s="2" t="str">
        <f>IF(AND('Cambios Auto'!FT18&gt;0,'Indices Auto'!FU18&gt;100),"V",IF(AND('Cambios Auto'!FT18&gt;0,'Indices Auto'!FU18&lt;100),"A",IF(AND('Cambios Auto'!FT18&lt;0,'Indices Auto'!FU18&gt;100),"N",IF(AND('Cambios Auto'!FT18&lt;0,'Indices Auto'!FU18&lt;100),"R","NULL"))))</f>
        <v>V</v>
      </c>
      <c r="FU18" s="2" t="str">
        <f>IF(AND('Cambios Auto'!FU18&gt;0,'Indices Auto'!FV18&gt;100),"V",IF(AND('Cambios Auto'!FU18&gt;0,'Indices Auto'!FV18&lt;100),"A",IF(AND('Cambios Auto'!FU18&lt;0,'Indices Auto'!FV18&gt;100),"N",IF(AND('Cambios Auto'!FU18&lt;0,'Indices Auto'!FV18&lt;100),"R","NULL"))))</f>
        <v>V</v>
      </c>
      <c r="FV18" s="2" t="str">
        <f>IF(AND('Cambios Auto'!FV18&gt;0,'Indices Auto'!FW18&gt;100),"V",IF(AND('Cambios Auto'!FV18&gt;0,'Indices Auto'!FW18&lt;100),"A",IF(AND('Cambios Auto'!FV18&lt;0,'Indices Auto'!FW18&gt;100),"N",IF(AND('Cambios Auto'!FV18&lt;0,'Indices Auto'!FW18&lt;100),"R","NULL"))))</f>
        <v>V</v>
      </c>
      <c r="FW18" s="2" t="str">
        <f>IF(AND('Cambios Auto'!FW18&gt;0,'Indices Auto'!FX18&gt;100),"V",IF(AND('Cambios Auto'!FW18&gt;0,'Indices Auto'!FX18&lt;100),"A",IF(AND('Cambios Auto'!FW18&lt;0,'Indices Auto'!FX18&gt;100),"N",IF(AND('Cambios Auto'!FW18&lt;0,'Indices Auto'!FX18&lt;100),"R","NULL"))))</f>
        <v>N</v>
      </c>
      <c r="FX18" s="2" t="str">
        <f>IF(AND('Cambios Auto'!FX18&gt;0,'Indices Auto'!FY18&gt;100),"V",IF(AND('Cambios Auto'!FX18&gt;0,'Indices Auto'!FY18&lt;100),"A",IF(AND('Cambios Auto'!FX18&lt;0,'Indices Auto'!FY18&gt;100),"N",IF(AND('Cambios Auto'!FX18&lt;0,'Indices Auto'!FY18&lt;100),"R","NULL"))))</f>
        <v>R</v>
      </c>
      <c r="FY18" s="2" t="str">
        <f>IF(AND('Cambios Auto'!FY18&gt;0,'Indices Auto'!FZ18&gt;100),"V",IF(AND('Cambios Auto'!FY18&gt;0,'Indices Auto'!FZ18&lt;100),"A",IF(AND('Cambios Auto'!FY18&lt;0,'Indices Auto'!FZ18&gt;100),"N",IF(AND('Cambios Auto'!FY18&lt;0,'Indices Auto'!FZ18&lt;100),"R","NULL"))))</f>
        <v>R</v>
      </c>
      <c r="FZ18" s="2" t="str">
        <f>IF(AND('Cambios Auto'!FZ18&gt;0,'Indices Auto'!GA18&gt;100),"V",IF(AND('Cambios Auto'!FZ18&gt;0,'Indices Auto'!GA18&lt;100),"A",IF(AND('Cambios Auto'!FZ18&lt;0,'Indices Auto'!GA18&gt;100),"N",IF(AND('Cambios Auto'!FZ18&lt;0,'Indices Auto'!GA18&lt;100),"R","NULL"))))</f>
        <v>R</v>
      </c>
      <c r="GA18" s="2" t="str">
        <f>IF(AND('Cambios Auto'!GA18&gt;0,'Indices Auto'!GB18&gt;100),"V",IF(AND('Cambios Auto'!GA18&gt;0,'Indices Auto'!GB18&lt;100),"A",IF(AND('Cambios Auto'!GA18&lt;0,'Indices Auto'!GB18&gt;100),"N",IF(AND('Cambios Auto'!GA18&lt;0,'Indices Auto'!GB18&lt;100),"R","NULL"))))</f>
        <v>R</v>
      </c>
      <c r="GB18" s="2" t="str">
        <f>IF(AND('Cambios Auto'!GB18&gt;0,'Indices Auto'!GC18&gt;100),"V",IF(AND('Cambios Auto'!GB18&gt;0,'Indices Auto'!GC18&lt;100),"A",IF(AND('Cambios Auto'!GB18&lt;0,'Indices Auto'!GC18&gt;100),"N",IF(AND('Cambios Auto'!GB18&lt;0,'Indices Auto'!GC18&lt;100),"R","NULL"))))</f>
        <v>R</v>
      </c>
      <c r="GC18" s="2" t="str">
        <f>IF(AND('Cambios Auto'!GC18&gt;0,'Indices Auto'!GD18&gt;100),"V",IF(AND('Cambios Auto'!GC18&gt;0,'Indices Auto'!GD18&lt;100),"A",IF(AND('Cambios Auto'!GC18&lt;0,'Indices Auto'!GD18&gt;100),"N",IF(AND('Cambios Auto'!GC18&lt;0,'Indices Auto'!GD18&lt;100),"R","NULL"))))</f>
        <v>R</v>
      </c>
      <c r="GD18" s="2" t="str">
        <f>IF(AND('Cambios Auto'!GD18&gt;0,'Indices Auto'!GE18&gt;100),"V",IF(AND('Cambios Auto'!GD18&gt;0,'Indices Auto'!GE18&lt;100),"A",IF(AND('Cambios Auto'!GD18&lt;0,'Indices Auto'!GE18&gt;100),"N",IF(AND('Cambios Auto'!GD18&lt;0,'Indices Auto'!GE18&lt;100),"R","NULL"))))</f>
        <v>R</v>
      </c>
      <c r="GE18" s="2" t="str">
        <f>IF(AND('Cambios Auto'!GE18&gt;0,'Indices Auto'!GF18&gt;100),"V",IF(AND('Cambios Auto'!GE18&gt;0,'Indices Auto'!GF18&lt;100),"A",IF(AND('Cambios Auto'!GE18&lt;0,'Indices Auto'!GF18&gt;100),"N",IF(AND('Cambios Auto'!GE18&lt;0,'Indices Auto'!GF18&lt;100),"R","NULL"))))</f>
        <v>A</v>
      </c>
      <c r="GF18" s="2" t="str">
        <f>IF(AND('Cambios Auto'!GF18&gt;0,'Indices Auto'!GG18&gt;100),"V",IF(AND('Cambios Auto'!GF18&gt;0,'Indices Auto'!GG18&lt;100),"A",IF(AND('Cambios Auto'!GF18&lt;0,'Indices Auto'!GG18&gt;100),"N",IF(AND('Cambios Auto'!GF18&lt;0,'Indices Auto'!GG18&lt;100),"R","NULL"))))</f>
        <v>A</v>
      </c>
      <c r="GG18" s="2" t="str">
        <f>IF(AND('Cambios Auto'!GG18&gt;0,'Indices Auto'!GH18&gt;100),"V",IF(AND('Cambios Auto'!GG18&gt;0,'Indices Auto'!GH18&lt;100),"A",IF(AND('Cambios Auto'!GG18&lt;0,'Indices Auto'!GH18&gt;100),"N",IF(AND('Cambios Auto'!GG18&lt;0,'Indices Auto'!GH18&lt;100),"R","NULL"))))</f>
        <v>A</v>
      </c>
      <c r="GH18" s="2" t="str">
        <f>IF(AND('Cambios Auto'!GH18&gt;0,'Indices Auto'!GR18&gt;100),"V",IF(AND('Cambios Auto'!GH18&gt;0,'Indices Auto'!GR18&lt;100),"A",IF(AND('Cambios Auto'!GH18&lt;0,'Indices Auto'!GR18&gt;100),"N",IF(AND('Cambios Auto'!GH18&lt;0,'Indices Auto'!GR18&lt;100),"R","NULL"))))</f>
        <v>A</v>
      </c>
      <c r="GI18" s="2" t="str">
        <f>IF(AND('Cambios Auto'!GI18&gt;0,'Indices Auto'!GS18&gt;100),"V",IF(AND('Cambios Auto'!GI18&gt;0,'Indices Auto'!GS18&lt;100),"A",IF(AND('Cambios Auto'!GI18&lt;0,'Indices Auto'!GS18&gt;100),"N",IF(AND('Cambios Auto'!GI18&lt;0,'Indices Auto'!GS18&lt;100),"R","NULL"))))</f>
        <v>A</v>
      </c>
      <c r="GJ18" s="2" t="str">
        <f>IF(AND('Cambios Auto'!GJ18&gt;0,'Indices Auto'!GT18&gt;100),"V",IF(AND('Cambios Auto'!GJ18&gt;0,'Indices Auto'!GT18&lt;100),"A",IF(AND('Cambios Auto'!GJ18&lt;0,'Indices Auto'!GT18&gt;100),"N",IF(AND('Cambios Auto'!GJ18&lt;0,'Indices Auto'!GT18&lt;100),"R","NULL"))))</f>
        <v>A</v>
      </c>
      <c r="GK18" s="2" t="str">
        <f>IF(AND('Cambios Auto'!GK18&gt;0,'Indices Auto'!GU18&gt;100),"V",IF(AND('Cambios Auto'!GK18&gt;0,'Indices Auto'!GU18&lt;100),"A",IF(AND('Cambios Auto'!GK18&lt;0,'Indices Auto'!GU18&gt;100),"N",IF(AND('Cambios Auto'!GK18&lt;0,'Indices Auto'!GU18&lt;100),"R","NULL"))))</f>
        <v>R</v>
      </c>
      <c r="GL18" s="2" t="str">
        <f>IF(AND('Cambios Auto'!GL18&gt;0,'Indices Auto'!GV18&gt;100),"V",IF(AND('Cambios Auto'!GL18&gt;0,'Indices Auto'!GV18&lt;100),"A",IF(AND('Cambios Auto'!GL18&lt;0,'Indices Auto'!GV18&gt;100),"N",IF(AND('Cambios Auto'!GL18&lt;0,'Indices Auto'!GV18&lt;100),"R","NULL"))))</f>
        <v>R</v>
      </c>
      <c r="GM18" s="2" t="str">
        <f>IF(AND('Cambios Auto'!GM18&gt;0,'Indices Auto'!GW18&gt;100),"V",IF(AND('Cambios Auto'!GM18&gt;0,'Indices Auto'!GW18&lt;100),"A",IF(AND('Cambios Auto'!GM18&lt;0,'Indices Auto'!GW18&gt;100),"N",IF(AND('Cambios Auto'!GM18&lt;0,'Indices Auto'!GW18&lt;100),"R","NULL"))))</f>
        <v>R</v>
      </c>
      <c r="GN18" s="2" t="str">
        <f>IF(AND('Cambios Auto'!GN18&gt;0,'Indices Auto'!GX18&gt;100),"V",IF(AND('Cambios Auto'!GN18&gt;0,'Indices Auto'!GX18&lt;100),"A",IF(AND('Cambios Auto'!GN18&lt;0,'Indices Auto'!GX18&gt;100),"N",IF(AND('Cambios Auto'!GN18&lt;0,'Indices Auto'!GX18&lt;100),"R","NULL"))))</f>
        <v>R</v>
      </c>
      <c r="GO18" s="2" t="str">
        <f>IF(AND('Cambios Auto'!GO18&gt;0,'Indices Auto'!GY18&gt;100),"V",IF(AND('Cambios Auto'!GO18&gt;0,'Indices Auto'!GY18&lt;100),"A",IF(AND('Cambios Auto'!GO18&lt;0,'Indices Auto'!GY18&gt;100),"N",IF(AND('Cambios Auto'!GO18&lt;0,'Indices Auto'!GY18&lt;100),"R","NULL"))))</f>
        <v>A</v>
      </c>
      <c r="GP18" s="2" t="str">
        <f>IF(AND('Cambios Auto'!GP18&gt;0,'Indices Auto'!GZ18&gt;100),"V",IF(AND('Cambios Auto'!GP18&gt;0,'Indices Auto'!GZ18&lt;100),"A",IF(AND('Cambios Auto'!GP18&lt;0,'Indices Auto'!GZ18&gt;100),"N",IF(AND('Cambios Auto'!GP18&lt;0,'Indices Auto'!GZ18&lt;100),"R","NULL"))))</f>
        <v>A</v>
      </c>
      <c r="GQ18" s="2" t="str">
        <f>IF(AND('Cambios Auto'!GQ18&gt;0,'Indices Auto'!HA18&gt;100),"V",IF(AND('Cambios Auto'!GQ18&gt;0,'Indices Auto'!HA18&lt;100),"A",IF(AND('Cambios Auto'!GQ18&lt;0,'Indices Auto'!HA18&gt;100),"N",IF(AND('Cambios Auto'!GQ18&lt;0,'Indices Auto'!HA18&lt;100),"R","NULL"))))</f>
        <v>A</v>
      </c>
      <c r="GR18" s="2" t="str">
        <f>IF(AND('Cambios Auto'!GR18&gt;0,'Indices Auto'!HB18&gt;100),"V",IF(AND('Cambios Auto'!GR18&gt;0,'Indices Auto'!HB18&lt;100),"A",IF(AND('Cambios Auto'!GR18&lt;0,'Indices Auto'!HB18&gt;100),"N",IF(AND('Cambios Auto'!GR18&lt;0,'Indices Auto'!HB18&lt;100),"R","NULL"))))</f>
        <v>NULL</v>
      </c>
      <c r="GS18" s="2" t="str">
        <f>IF(AND('Cambios Auto'!GS18&gt;0,'Indices Auto'!HC18&gt;100),"V",IF(AND('Cambios Auto'!GS18&gt;0,'Indices Auto'!HC18&lt;100),"A",IF(AND('Cambios Auto'!GS18&lt;0,'Indices Auto'!HC18&gt;100),"N",IF(AND('Cambios Auto'!GS18&lt;0,'Indices Auto'!HC18&lt;100),"R","NULL"))))</f>
        <v>NULL</v>
      </c>
      <c r="GT18" s="2" t="str">
        <f>IF(AND('Cambios Auto'!GT18&gt;0,'Indices Auto'!HD18&gt;100),"V",IF(AND('Cambios Auto'!GT18&gt;0,'Indices Auto'!HD18&lt;100),"A",IF(AND('Cambios Auto'!GT18&lt;0,'Indices Auto'!HD18&gt;100),"N",IF(AND('Cambios Auto'!GT18&lt;0,'Indices Auto'!HD18&lt;100),"R","NULL"))))</f>
        <v>NULL</v>
      </c>
      <c r="GU18" s="2" t="str">
        <f>IF(AND('Cambios Auto'!GU18&gt;0,'Indices Auto'!HE18&gt;100),"V",IF(AND('Cambios Auto'!GU18&gt;0,'Indices Auto'!HE18&lt;100),"A",IF(AND('Cambios Auto'!GU18&lt;0,'Indices Auto'!HE18&gt;100),"N",IF(AND('Cambios Auto'!GU18&lt;0,'Indices Auto'!HE18&lt;100),"R","NULL"))))</f>
        <v>NULL</v>
      </c>
      <c r="GV18" s="2" t="str">
        <f>IF(AND('Cambios Auto'!GV18&gt;0,'Indices Auto'!HF18&gt;100),"V",IF(AND('Cambios Auto'!GV18&gt;0,'Indices Auto'!HF18&lt;100),"A",IF(AND('Cambios Auto'!GV18&lt;0,'Indices Auto'!HF18&gt;100),"N",IF(AND('Cambios Auto'!GV18&lt;0,'Indices Auto'!HF18&lt;100),"R","NULL"))))</f>
        <v>NULL</v>
      </c>
      <c r="GW18" s="2" t="str">
        <f>IF(AND('Cambios Auto'!GW18&gt;0,'Indices Auto'!HG18&gt;100),"V",IF(AND('Cambios Auto'!GW18&gt;0,'Indices Auto'!HG18&lt;100),"A",IF(AND('Cambios Auto'!GW18&lt;0,'Indices Auto'!HG18&gt;100),"N",IF(AND('Cambios Auto'!GW18&lt;0,'Indices Auto'!HG18&lt;100),"R","NULL"))))</f>
        <v>NULL</v>
      </c>
      <c r="GX18" s="2" t="str">
        <f>IF(AND('Cambios Auto'!GX18&gt;0,'Indices Auto'!HH18&gt;100),"V",IF(AND('Cambios Auto'!GX18&gt;0,'Indices Auto'!HH18&lt;100),"A",IF(AND('Cambios Auto'!GX18&lt;0,'Indices Auto'!HH18&gt;100),"N",IF(AND('Cambios Auto'!GX18&lt;0,'Indices Auto'!HH18&lt;100),"R","NULL"))))</f>
        <v>NULL</v>
      </c>
      <c r="GY18" s="2" t="str">
        <f>IF(AND('Cambios Auto'!GY18&gt;0,'Indices Auto'!HI18&gt;100),"V",IF(AND('Cambios Auto'!GY18&gt;0,'Indices Auto'!HI18&lt;100),"A",IF(AND('Cambios Auto'!GY18&lt;0,'Indices Auto'!HI18&gt;100),"N",IF(AND('Cambios Auto'!GY18&lt;0,'Indices Auto'!HI18&lt;100),"R","NULL"))))</f>
        <v>NULL</v>
      </c>
      <c r="GZ18" s="2" t="str">
        <f>IF(AND('Cambios Auto'!GZ18&gt;0,'Indices Auto'!HJ18&gt;100),"V",IF(AND('Cambios Auto'!GZ18&gt;0,'Indices Auto'!HJ18&lt;100),"A",IF(AND('Cambios Auto'!GZ18&lt;0,'Indices Auto'!HJ18&gt;100),"N",IF(AND('Cambios Auto'!GZ18&lt;0,'Indices Auto'!HJ18&lt;100),"R","NULL"))))</f>
        <v>NULL</v>
      </c>
      <c r="HA18" s="2" t="str">
        <f>IF(AND('Cambios Auto'!HA18&gt;0,'Indices Auto'!HK18&gt;100),"V",IF(AND('Cambios Auto'!HA18&gt;0,'Indices Auto'!HK18&lt;100),"A",IF(AND('Cambios Auto'!HA18&lt;0,'Indices Auto'!HK18&gt;100),"N",IF(AND('Cambios Auto'!HA18&lt;0,'Indices Auto'!HK18&lt;100),"R","NULL"))))</f>
        <v>NULL</v>
      </c>
      <c r="HB18" s="2" t="str">
        <f>IF(AND('Cambios Auto'!HB18&gt;0,'Indices Auto'!HL18&gt;100),"V",IF(AND('Cambios Auto'!HB18&gt;0,'Indices Auto'!HL18&lt;100),"A",IF(AND('Cambios Auto'!HB18&lt;0,'Indices Auto'!HL18&gt;100),"N",IF(AND('Cambios Auto'!HB18&lt;0,'Indices Auto'!HL18&lt;100),"R","NULL"))))</f>
        <v>NULL</v>
      </c>
      <c r="HC18" s="2" t="str">
        <f>IF(AND('Cambios Auto'!HC18&gt;0,'Indices Auto'!HM18&gt;100),"V",IF(AND('Cambios Auto'!HC18&gt;0,'Indices Auto'!HM18&lt;100),"A",IF(AND('Cambios Auto'!HC18&lt;0,'Indices Auto'!HM18&gt;100),"N",IF(AND('Cambios Auto'!HC18&lt;0,'Indices Auto'!HM18&lt;100),"R","NULL"))))</f>
        <v>NULL</v>
      </c>
      <c r="HD18" s="2" t="str">
        <f>IF(AND('Cambios Auto'!HD18&gt;0,'Indices Auto'!HN18&gt;100),"V",IF(AND('Cambios Auto'!HD18&gt;0,'Indices Auto'!HN18&lt;100),"A",IF(AND('Cambios Auto'!HD18&lt;0,'Indices Auto'!HN18&gt;100),"N",IF(AND('Cambios Auto'!HD18&lt;0,'Indices Auto'!HN18&lt;100),"R","NULL"))))</f>
        <v>NULL</v>
      </c>
      <c r="HE18" s="2" t="str">
        <f>IF(AND('Cambios Auto'!HE18&gt;0,'Indices Auto'!HO18&gt;100),"V",IF(AND('Cambios Auto'!HE18&gt;0,'Indices Auto'!HO18&lt;100),"A",IF(AND('Cambios Auto'!HE18&lt;0,'Indices Auto'!HO18&gt;100),"N",IF(AND('Cambios Auto'!HE18&lt;0,'Indices Auto'!HO18&lt;100),"R","NULL"))))</f>
        <v>NULL</v>
      </c>
      <c r="HF18" s="2" t="str">
        <f>IF(AND('Cambios Auto'!HF18&gt;0,'Indices Auto'!HP18&gt;100),"V",IF(AND('Cambios Auto'!HF18&gt;0,'Indices Auto'!HP18&lt;100),"A",IF(AND('Cambios Auto'!HF18&lt;0,'Indices Auto'!HP18&gt;100),"N",IF(AND('Cambios Auto'!HF18&lt;0,'Indices Auto'!HP18&lt;100),"R","NULL"))))</f>
        <v>NULL</v>
      </c>
      <c r="HG18" s="2" t="str">
        <f>IF(AND('Cambios Auto'!HG18&gt;0,'Indices Auto'!HQ18&gt;100),"V",IF(AND('Cambios Auto'!HG18&gt;0,'Indices Auto'!HQ18&lt;100),"A",IF(AND('Cambios Auto'!HG18&lt;0,'Indices Auto'!HQ18&gt;100),"N",IF(AND('Cambios Auto'!HG18&lt;0,'Indices Auto'!HQ18&lt;100),"R","NULL"))))</f>
        <v>NULL</v>
      </c>
      <c r="HH18" s="2" t="str">
        <f>IF(AND('Cambios Auto'!HH18&gt;0,'Indices Auto'!HR18&gt;100),"V",IF(AND('Cambios Auto'!HH18&gt;0,'Indices Auto'!HR18&lt;100),"A",IF(AND('Cambios Auto'!HH18&lt;0,'Indices Auto'!HR18&gt;100),"N",IF(AND('Cambios Auto'!HH18&lt;0,'Indices Auto'!HR18&lt;100),"R","NULL"))))</f>
        <v>NULL</v>
      </c>
      <c r="HI18" s="2" t="str">
        <f>IF(AND('Cambios Auto'!HI18&gt;0,'Indices Auto'!HS18&gt;100),"V",IF(AND('Cambios Auto'!HI18&gt;0,'Indices Auto'!HS18&lt;100),"A",IF(AND('Cambios Auto'!HI18&lt;0,'Indices Auto'!HS18&gt;100),"N",IF(AND('Cambios Auto'!HI18&lt;0,'Indices Auto'!HS18&lt;100),"R","NULL"))))</f>
        <v>NULL</v>
      </c>
      <c r="HJ18" s="2" t="str">
        <f>IF(AND('Cambios Auto'!HJ18&gt;0,'Indices Auto'!HT18&gt;100),"V",IF(AND('Cambios Auto'!HJ18&gt;0,'Indices Auto'!HT18&lt;100),"A",IF(AND('Cambios Auto'!HJ18&lt;0,'Indices Auto'!HT18&gt;100),"N",IF(AND('Cambios Auto'!HJ18&lt;0,'Indices Auto'!HT18&lt;100),"R","NULL"))))</f>
        <v>NULL</v>
      </c>
      <c r="HK18" s="2" t="str">
        <f>IF(AND('Cambios Auto'!HK18&gt;0,'Indices Auto'!HU18&gt;100),"V",IF(AND('Cambios Auto'!HK18&gt;0,'Indices Auto'!HU18&lt;100),"A",IF(AND('Cambios Auto'!HK18&lt;0,'Indices Auto'!HU18&gt;100),"N",IF(AND('Cambios Auto'!HK18&lt;0,'Indices Auto'!HU18&lt;100),"R","NULL"))))</f>
        <v>NULL</v>
      </c>
      <c r="HL18" s="2" t="str">
        <f>IF(AND('Cambios Auto'!HL18&gt;0,'Indices Auto'!HV18&gt;100),"V",IF(AND('Cambios Auto'!HL18&gt;0,'Indices Auto'!HV18&lt;100),"A",IF(AND('Cambios Auto'!HL18&lt;0,'Indices Auto'!HV18&gt;100),"N",IF(AND('Cambios Auto'!HL18&lt;0,'Indices Auto'!HV18&lt;100),"R","NULL"))))</f>
        <v>NULL</v>
      </c>
      <c r="HM18" s="2" t="str">
        <f>IF(AND('Cambios Auto'!HM18&gt;0,'Indices Auto'!HW18&gt;100),"V",IF(AND('Cambios Auto'!HM18&gt;0,'Indices Auto'!HW18&lt;100),"A",IF(AND('Cambios Auto'!HM18&lt;0,'Indices Auto'!HW18&gt;100),"N",IF(AND('Cambios Auto'!HM18&lt;0,'Indices Auto'!HW18&lt;100),"R","NULL"))))</f>
        <v>NULL</v>
      </c>
      <c r="HN18" s="2" t="str">
        <f>IF(AND('Cambios Auto'!HN18&gt;0,'Indices Auto'!HX18&gt;100),"V",IF(AND('Cambios Auto'!HN18&gt;0,'Indices Auto'!HX18&lt;100),"A",IF(AND('Cambios Auto'!HN18&lt;0,'Indices Auto'!HX18&gt;100),"N",IF(AND('Cambios Auto'!HN18&lt;0,'Indices Auto'!HX18&lt;100),"R","NULL"))))</f>
        <v>NULL</v>
      </c>
      <c r="HO18" s="2" t="str">
        <f>IF(AND('Cambios Auto'!HO18&gt;0,'Indices Auto'!HY18&gt;100),"V",IF(AND('Cambios Auto'!HO18&gt;0,'Indices Auto'!HY18&lt;100),"A",IF(AND('Cambios Auto'!HO18&lt;0,'Indices Auto'!HY18&gt;100),"N",IF(AND('Cambios Auto'!HO18&lt;0,'Indices Auto'!HY18&lt;100),"R","NULL"))))</f>
        <v>NULL</v>
      </c>
      <c r="HP18" s="2" t="str">
        <f>IF(AND('Cambios Auto'!HP18&gt;0,'Indices Auto'!HZ18&gt;100),"V",IF(AND('Cambios Auto'!HP18&gt;0,'Indices Auto'!HZ18&lt;100),"A",IF(AND('Cambios Auto'!HP18&lt;0,'Indices Auto'!HZ18&gt;100),"N",IF(AND('Cambios Auto'!HP18&lt;0,'Indices Auto'!HZ18&lt;100),"R","NULL"))))</f>
        <v>NULL</v>
      </c>
      <c r="HQ18" s="2" t="str">
        <f>IF(AND('Cambios Auto'!HQ18&gt;0,'Indices Auto'!IA18&gt;100),"V",IF(AND('Cambios Auto'!HQ18&gt;0,'Indices Auto'!IA18&lt;100),"A",IF(AND('Cambios Auto'!HQ18&lt;0,'Indices Auto'!IA18&gt;100),"N",IF(AND('Cambios Auto'!HQ18&lt;0,'Indices Auto'!IA18&lt;100),"R","NULL"))))</f>
        <v>NULL</v>
      </c>
      <c r="HR18" s="2" t="str">
        <f>IF(AND('Cambios Auto'!HR18&gt;0,'Indices Auto'!IB18&gt;100),"V",IF(AND('Cambios Auto'!HR18&gt;0,'Indices Auto'!IB18&lt;100),"A",IF(AND('Cambios Auto'!HR18&lt;0,'Indices Auto'!IB18&gt;100),"N",IF(AND('Cambios Auto'!HR18&lt;0,'Indices Auto'!IB18&lt;100),"R","NULL"))))</f>
        <v>NULL</v>
      </c>
      <c r="HS18" s="2" t="str">
        <f>IF(AND('Cambios Auto'!HS18&gt;0,'Indices Auto'!IC18&gt;100),"V",IF(AND('Cambios Auto'!HS18&gt;0,'Indices Auto'!IC18&lt;100),"A",IF(AND('Cambios Auto'!HS18&lt;0,'Indices Auto'!IC18&gt;100),"N",IF(AND('Cambios Auto'!HS18&lt;0,'Indices Auto'!IC18&lt;100),"R","NULL"))))</f>
        <v>NULL</v>
      </c>
      <c r="HT18" s="2" t="str">
        <f>IF(AND('Cambios Auto'!HT18&gt;0,'Indices Auto'!ID18&gt;100),"V",IF(AND('Cambios Auto'!HT18&gt;0,'Indices Auto'!ID18&lt;100),"A",IF(AND('Cambios Auto'!HT18&lt;0,'Indices Auto'!ID18&gt;100),"N",IF(AND('Cambios Auto'!HT18&lt;0,'Indices Auto'!ID18&lt;100),"R","NULL"))))</f>
        <v>NULL</v>
      </c>
      <c r="HU18" s="2" t="str">
        <f>IF(AND('Cambios Auto'!HU18&gt;0,'Indices Auto'!IE18&gt;100),"V",IF(AND('Cambios Auto'!HU18&gt;0,'Indices Auto'!IE18&lt;100),"A",IF(AND('Cambios Auto'!HU18&lt;0,'Indices Auto'!IE18&gt;100),"N",IF(AND('Cambios Auto'!HU18&lt;0,'Indices Auto'!IE18&lt;100),"R","NULL"))))</f>
        <v>NULL</v>
      </c>
      <c r="HV18" s="2" t="str">
        <f>IF(AND('Cambios Auto'!HV18&gt;0,'Indices Auto'!IF18&gt;100),"V",IF(AND('Cambios Auto'!HV18&gt;0,'Indices Auto'!IF18&lt;100),"A",IF(AND('Cambios Auto'!HV18&lt;0,'Indices Auto'!IF18&gt;100),"N",IF(AND('Cambios Auto'!HV18&lt;0,'Indices Auto'!IF18&lt;100),"R","NULL"))))</f>
        <v>NULL</v>
      </c>
      <c r="HW18" s="2" t="str">
        <f>IF(AND('Cambios Auto'!HW18&gt;0,'Indices Auto'!IG18&gt;100),"V",IF(AND('Cambios Auto'!HW18&gt;0,'Indices Auto'!IG18&lt;100),"A",IF(AND('Cambios Auto'!HW18&lt;0,'Indices Auto'!IG18&gt;100),"N",IF(AND('Cambios Auto'!HW18&lt;0,'Indices Auto'!IG18&lt;100),"R","NULL"))))</f>
        <v>NULL</v>
      </c>
      <c r="HX18" s="2" t="str">
        <f>IF(AND('Cambios Auto'!HX18&gt;0,'Indices Auto'!IH18&gt;100),"V",IF(AND('Cambios Auto'!HX18&gt;0,'Indices Auto'!IH18&lt;100),"A",IF(AND('Cambios Auto'!HX18&lt;0,'Indices Auto'!IH18&gt;100),"N",IF(AND('Cambios Auto'!HX18&lt;0,'Indices Auto'!IH18&lt;100),"R","NULL"))))</f>
        <v>NULL</v>
      </c>
      <c r="HY18" s="2" t="str">
        <f>IF(AND('Cambios Auto'!HY18&gt;0,'Indices Auto'!II18&gt;100),"V",IF(AND('Cambios Auto'!HY18&gt;0,'Indices Auto'!II18&lt;100),"A",IF(AND('Cambios Auto'!HY18&lt;0,'Indices Auto'!II18&gt;100),"N",IF(AND('Cambios Auto'!HY18&lt;0,'Indices Auto'!II18&lt;100),"R","NULL"))))</f>
        <v>NULL</v>
      </c>
      <c r="HZ18" s="2" t="str">
        <f>IF(AND('Cambios Auto'!HZ18&gt;0,'Indices Auto'!IJ18&gt;100),"V",IF(AND('Cambios Auto'!HZ18&gt;0,'Indices Auto'!IJ18&lt;100),"A",IF(AND('Cambios Auto'!HZ18&lt;0,'Indices Auto'!IJ18&gt;100),"N",IF(AND('Cambios Auto'!HZ18&lt;0,'Indices Auto'!IJ18&lt;100),"R","NULL"))))</f>
        <v>NULL</v>
      </c>
      <c r="IA18" s="2" t="str">
        <f>IF(AND('Cambios Auto'!IA18&gt;0,'Indices Auto'!IK18&gt;100),"V",IF(AND('Cambios Auto'!IA18&gt;0,'Indices Auto'!IK18&lt;100),"A",IF(AND('Cambios Auto'!IA18&lt;0,'Indices Auto'!IK18&gt;100),"N",IF(AND('Cambios Auto'!IA18&lt;0,'Indices Auto'!IK18&lt;100),"R","NULL"))))</f>
        <v>NULL</v>
      </c>
      <c r="IB18" s="2" t="str">
        <f>IF(AND('Cambios Auto'!IB18&gt;0,'Indices Auto'!IL18&gt;100),"V",IF(AND('Cambios Auto'!IB18&gt;0,'Indices Auto'!IL18&lt;100),"A",IF(AND('Cambios Auto'!IB18&lt;0,'Indices Auto'!IL18&gt;100),"N",IF(AND('Cambios Auto'!IB18&lt;0,'Indices Auto'!IL18&lt;100),"R","NULL"))))</f>
        <v>NULL</v>
      </c>
      <c r="IC18" s="2" t="str">
        <f>IF(AND('Cambios Auto'!IC18&gt;0,'Indices Auto'!IM18&gt;100),"V",IF(AND('Cambios Auto'!IC18&gt;0,'Indices Auto'!IM18&lt;100),"A",IF(AND('Cambios Auto'!IC18&lt;0,'Indices Auto'!IM18&gt;100),"N",IF(AND('Cambios Auto'!IC18&lt;0,'Indices Auto'!IM18&lt;100),"R","NULL"))))</f>
        <v>NULL</v>
      </c>
      <c r="ID18" s="2" t="str">
        <f>IF(AND('Cambios Auto'!ID18&gt;0,'Indices Auto'!IN18&gt;100),"V",IF(AND('Cambios Auto'!ID18&gt;0,'Indices Auto'!IN18&lt;100),"A",IF(AND('Cambios Auto'!ID18&lt;0,'Indices Auto'!IN18&gt;100),"N",IF(AND('Cambios Auto'!ID18&lt;0,'Indices Auto'!IN18&lt;100),"R","NULL"))))</f>
        <v>NULL</v>
      </c>
      <c r="IE18" s="2" t="str">
        <f>IF(AND('Cambios Auto'!IE18&gt;0,'Indices Auto'!IO18&gt;100),"V",IF(AND('Cambios Auto'!IE18&gt;0,'Indices Auto'!IO18&lt;100),"A",IF(AND('Cambios Auto'!IE18&lt;0,'Indices Auto'!IO18&gt;100),"N",IF(AND('Cambios Auto'!IE18&lt;0,'Indices Auto'!IO18&lt;100),"R","NULL"))))</f>
        <v>NULL</v>
      </c>
      <c r="IF18" s="2" t="str">
        <f>IF(AND('Cambios Auto'!IF18&gt;0,'Indices Auto'!IP18&gt;100),"V",IF(AND('Cambios Auto'!IF18&gt;0,'Indices Auto'!IP18&lt;100),"A",IF(AND('Cambios Auto'!IF18&lt;0,'Indices Auto'!IP18&gt;100),"N",IF(AND('Cambios Auto'!IF18&lt;0,'Indices Auto'!IP18&lt;100),"R","NULL"))))</f>
        <v>NULL</v>
      </c>
      <c r="IG18" s="2" t="str">
        <f>IF(AND('Cambios Auto'!IG18&gt;0,'Indices Auto'!IQ18&gt;100),"V",IF(AND('Cambios Auto'!IG18&gt;0,'Indices Auto'!IQ18&lt;100),"A",IF(AND('Cambios Auto'!IG18&lt;0,'Indices Auto'!IQ18&gt;100),"N",IF(AND('Cambios Auto'!IG18&lt;0,'Indices Auto'!IQ18&lt;100),"R","NULL"))))</f>
        <v>NULL</v>
      </c>
      <c r="IH18" s="2" t="str">
        <f>IF(AND('Cambios Auto'!IH18&gt;0,'Indices Auto'!IR18&gt;100),"V",IF(AND('Cambios Auto'!IH18&gt;0,'Indices Auto'!IR18&lt;100),"A",IF(AND('Cambios Auto'!IH18&lt;0,'Indices Auto'!IR18&gt;100),"N",IF(AND('Cambios Auto'!IH18&lt;0,'Indices Auto'!IR18&lt;100),"R","NULL"))))</f>
        <v>NULL</v>
      </c>
      <c r="II18" s="2" t="str">
        <f>IF(AND('Cambios Auto'!II18&gt;0,'Indices Auto'!IS18&gt;100),"V",IF(AND('Cambios Auto'!II18&gt;0,'Indices Auto'!IS18&lt;100),"A",IF(AND('Cambios Auto'!II18&lt;0,'Indices Auto'!IS18&gt;100),"N",IF(AND('Cambios Auto'!II18&lt;0,'Indices Auto'!IS18&lt;100),"R","NULL"))))</f>
        <v>NULL</v>
      </c>
      <c r="IJ18" s="2" t="str">
        <f>IF(AND('Cambios Auto'!IJ18&gt;0,'Indices Auto'!IT18&gt;100),"V",IF(AND('Cambios Auto'!IJ18&gt;0,'Indices Auto'!IT18&lt;100),"A",IF(AND('Cambios Auto'!IJ18&lt;0,'Indices Auto'!IT18&gt;100),"N",IF(AND('Cambios Auto'!IJ18&lt;0,'Indices Auto'!IT18&lt;100),"R","NULL"))))</f>
        <v>NULL</v>
      </c>
      <c r="IK18" s="2" t="str">
        <f>IF(AND('Cambios Auto'!IK18&gt;0,'Indices Auto'!IU18&gt;100),"V",IF(AND('Cambios Auto'!IK18&gt;0,'Indices Auto'!IU18&lt;100),"A",IF(AND('Cambios Auto'!IK18&lt;0,'Indices Auto'!IU18&gt;100),"N",IF(AND('Cambios Auto'!IK18&lt;0,'Indices Auto'!IU18&lt;100),"R","NULL"))))</f>
        <v>NULL</v>
      </c>
      <c r="IL18" s="2" t="str">
        <f>IF(AND('Cambios Auto'!IL18&gt;0,'Indices Auto'!IV18&gt;100),"V",IF(AND('Cambios Auto'!IL18&gt;0,'Indices Auto'!IV18&lt;100),"A",IF(AND('Cambios Auto'!IL18&lt;0,'Indices Auto'!IV18&gt;100),"N",IF(AND('Cambios Auto'!IL18&lt;0,'Indices Auto'!IV18&lt;100),"R","NULL"))))</f>
        <v>NULL</v>
      </c>
      <c r="IM18" s="2" t="str">
        <f>IF(AND('Cambios Auto'!IM18&gt;0,'Indices Auto'!IW18&gt;100),"V",IF(AND('Cambios Auto'!IM18&gt;0,'Indices Auto'!IW18&lt;100),"A",IF(AND('Cambios Auto'!IM18&lt;0,'Indices Auto'!IW18&gt;100),"N",IF(AND('Cambios Auto'!IM18&lt;0,'Indices Auto'!IW18&lt;100),"R","NULL"))))</f>
        <v>NULL</v>
      </c>
      <c r="IN18" s="2" t="str">
        <f>IF(AND('Cambios Auto'!IN18&gt;0,'Indices Auto'!IX18&gt;100),"V",IF(AND('Cambios Auto'!IN18&gt;0,'Indices Auto'!IX18&lt;100),"A",IF(AND('Cambios Auto'!IN18&lt;0,'Indices Auto'!IX18&gt;100),"N",IF(AND('Cambios Auto'!IN18&lt;0,'Indices Auto'!IX18&lt;100),"R","NULL"))))</f>
        <v>NULL</v>
      </c>
      <c r="IO18" s="2" t="str">
        <f>IF(AND('Cambios Auto'!IO18&gt;0,'Indices Auto'!IY18&gt;100),"V",IF(AND('Cambios Auto'!IO18&gt;0,'Indices Auto'!IY18&lt;100),"A",IF(AND('Cambios Auto'!IO18&lt;0,'Indices Auto'!IY18&gt;100),"N",IF(AND('Cambios Auto'!IO18&lt;0,'Indices Auto'!IY18&lt;100),"R","NULL"))))</f>
        <v>NULL</v>
      </c>
      <c r="IP18" s="2" t="str">
        <f>IF(AND('Cambios Auto'!IP18&gt;0,'Indices Auto'!IZ18&gt;100),"V",IF(AND('Cambios Auto'!IP18&gt;0,'Indices Auto'!IZ18&lt;100),"A",IF(AND('Cambios Auto'!IP18&lt;0,'Indices Auto'!IZ18&gt;100),"N",IF(AND('Cambios Auto'!IP18&lt;0,'Indices Auto'!IZ18&lt;100),"R","NULL"))))</f>
        <v>NULL</v>
      </c>
      <c r="IQ18" s="2" t="str">
        <f>IF(AND('Cambios Auto'!IQ18&gt;0,'Indices Auto'!JA18&gt;100),"V",IF(AND('Cambios Auto'!IQ18&gt;0,'Indices Auto'!JA18&lt;100),"A",IF(AND('Cambios Auto'!IQ18&lt;0,'Indices Auto'!JA18&gt;100),"N",IF(AND('Cambios Auto'!IQ18&lt;0,'Indices Auto'!JA18&lt;100),"R","NULL"))))</f>
        <v>NULL</v>
      </c>
      <c r="IR18" s="2" t="str">
        <f>IF(AND('Cambios Auto'!IR18&gt;0,'Indices Auto'!JB18&gt;100),"V",IF(AND('Cambios Auto'!IR18&gt;0,'Indices Auto'!JB18&lt;100),"A",IF(AND('Cambios Auto'!IR18&lt;0,'Indices Auto'!JB18&gt;100),"N",IF(AND('Cambios Auto'!IR18&lt;0,'Indices Auto'!JB18&lt;100),"R","NULL"))))</f>
        <v>NULL</v>
      </c>
      <c r="IS18" s="2" t="str">
        <f>IF(AND('Cambios Auto'!IS18&gt;0,'Indices Auto'!JC18&gt;100),"V",IF(AND('Cambios Auto'!IS18&gt;0,'Indices Auto'!JC18&lt;100),"A",IF(AND('Cambios Auto'!IS18&lt;0,'Indices Auto'!JC18&gt;100),"N",IF(AND('Cambios Auto'!IS18&lt;0,'Indices Auto'!JC18&lt;100),"R","NULL"))))</f>
        <v>NULL</v>
      </c>
      <c r="IT18" s="14"/>
    </row>
    <row r="19" spans="1:254" ht="15.75" thickBot="1" x14ac:dyDescent="0.3">
      <c r="A19" s="12" t="s">
        <v>205</v>
      </c>
      <c r="B19" s="19"/>
      <c r="C19" s="19"/>
      <c r="D19" s="19"/>
      <c r="E19" s="19"/>
      <c r="F19" s="19"/>
      <c r="G19" s="19"/>
      <c r="H19" s="19"/>
      <c r="I19" s="19"/>
      <c r="J19" s="19"/>
      <c r="K19" s="19"/>
      <c r="L19" s="19"/>
      <c r="M19" s="19"/>
      <c r="N19" s="19"/>
      <c r="O19" s="19"/>
      <c r="P19" s="19"/>
      <c r="Q19" s="19"/>
      <c r="R19" s="19" t="str">
        <f>IF(AND('Cambios Auto'!R19&gt;0,'Indices Auto'!S19&gt;100),"V",IF(AND('Cambios Auto'!R19&gt;0,'Indices Auto'!S19&lt;100),"A",IF(AND('Cambios Auto'!R19&lt;0,'Indices Auto'!S19&gt;100),"N",IF(AND('Cambios Auto'!R19&lt;0,'Indices Auto'!S19&lt;100),"R","NULL"))))</f>
        <v>N</v>
      </c>
      <c r="S19" s="19" t="str">
        <f>IF(AND('Cambios Auto'!S19&gt;0,'Indices Auto'!T19&gt;100),"V",IF(AND('Cambios Auto'!S19&gt;0,'Indices Auto'!T19&lt;100),"A",IF(AND('Cambios Auto'!S19&lt;0,'Indices Auto'!T19&gt;100),"N",IF(AND('Cambios Auto'!S19&lt;0,'Indices Auto'!T19&lt;100),"R","NULL"))))</f>
        <v>N</v>
      </c>
      <c r="T19" s="19" t="str">
        <f>IF(AND('Cambios Auto'!T19&gt;0,'Indices Auto'!U19&gt;100),"V",IF(AND('Cambios Auto'!T19&gt;0,'Indices Auto'!U19&lt;100),"A",IF(AND('Cambios Auto'!T19&lt;0,'Indices Auto'!U19&gt;100),"N",IF(AND('Cambios Auto'!T19&lt;0,'Indices Auto'!U19&lt;100),"R","NULL"))))</f>
        <v>N</v>
      </c>
      <c r="U19" s="19" t="str">
        <f>IF(AND('Cambios Auto'!U19&gt;0,'Indices Auto'!V19&gt;100),"V",IF(AND('Cambios Auto'!U19&gt;0,'Indices Auto'!V19&lt;100),"A",IF(AND('Cambios Auto'!U19&lt;0,'Indices Auto'!V19&gt;100),"N",IF(AND('Cambios Auto'!U19&lt;0,'Indices Auto'!V19&lt;100),"R","NULL"))))</f>
        <v>N</v>
      </c>
      <c r="V19" s="19" t="str">
        <f>IF(AND('Cambios Auto'!V19&gt;0,'Indices Auto'!W19&gt;100),"V",IF(AND('Cambios Auto'!V19&gt;0,'Indices Auto'!W19&lt;100),"A",IF(AND('Cambios Auto'!V19&lt;0,'Indices Auto'!W19&gt;100),"N",IF(AND('Cambios Auto'!V19&lt;0,'Indices Auto'!W19&lt;100),"R","NULL"))))</f>
        <v>N</v>
      </c>
      <c r="W19" s="19" t="str">
        <f>IF(AND('Cambios Auto'!W19&gt;0,'Indices Auto'!X19&gt;100),"V",IF(AND('Cambios Auto'!W19&gt;0,'Indices Auto'!X19&lt;100),"A",IF(AND('Cambios Auto'!W19&lt;0,'Indices Auto'!X19&gt;100),"N",IF(AND('Cambios Auto'!W19&lt;0,'Indices Auto'!X19&lt;100),"R","NULL"))))</f>
        <v>N</v>
      </c>
      <c r="X19" s="19" t="str">
        <f>IF(AND('Cambios Auto'!X19&gt;0,'Indices Auto'!Y19&gt;100),"V",IF(AND('Cambios Auto'!X19&gt;0,'Indices Auto'!Y19&lt;100),"A",IF(AND('Cambios Auto'!X19&lt;0,'Indices Auto'!Y19&gt;100),"N",IF(AND('Cambios Auto'!X19&lt;0,'Indices Auto'!Y19&lt;100),"R","NULL"))))</f>
        <v>R</v>
      </c>
      <c r="Y19" s="19" t="str">
        <f>IF(AND('Cambios Auto'!Y19&gt;0,'Indices Auto'!Z19&gt;100),"V",IF(AND('Cambios Auto'!Y19&gt;0,'Indices Auto'!Z19&lt;100),"A",IF(AND('Cambios Auto'!Y19&lt;0,'Indices Auto'!Z19&gt;100),"N",IF(AND('Cambios Auto'!Y19&lt;0,'Indices Auto'!Z19&lt;100),"R","NULL"))))</f>
        <v>R</v>
      </c>
      <c r="Z19" s="19" t="str">
        <f>IF(AND('Cambios Auto'!Z19&gt;0,'Indices Auto'!AA19&gt;100),"V",IF(AND('Cambios Auto'!Z19&gt;0,'Indices Auto'!AA19&lt;100),"A",IF(AND('Cambios Auto'!Z19&lt;0,'Indices Auto'!AA19&gt;100),"N",IF(AND('Cambios Auto'!Z19&lt;0,'Indices Auto'!AA19&lt;100),"R","NULL"))))</f>
        <v>R</v>
      </c>
      <c r="AA19" s="19" t="str">
        <f>IF(AND('Cambios Auto'!AA19&gt;0,'Indices Auto'!AB19&gt;100),"V",IF(AND('Cambios Auto'!AA19&gt;0,'Indices Auto'!AB19&lt;100),"A",IF(AND('Cambios Auto'!AA19&lt;0,'Indices Auto'!AB19&gt;100),"N",IF(AND('Cambios Auto'!AA19&lt;0,'Indices Auto'!AB19&lt;100),"R","NULL"))))</f>
        <v>R</v>
      </c>
      <c r="AB19" s="19" t="str">
        <f>IF(AND('Cambios Auto'!AB19&gt;0,'Indices Auto'!AC19&gt;100),"V",IF(AND('Cambios Auto'!AB19&gt;0,'Indices Auto'!AC19&lt;100),"A",IF(AND('Cambios Auto'!AB19&lt;0,'Indices Auto'!AC19&gt;100),"N",IF(AND('Cambios Auto'!AB19&lt;0,'Indices Auto'!AC19&lt;100),"R","NULL"))))</f>
        <v>R</v>
      </c>
      <c r="AC19" s="19" t="str">
        <f>IF(AND('Cambios Auto'!AC19&gt;0,'Indices Auto'!AD19&gt;100),"V",IF(AND('Cambios Auto'!AC19&gt;0,'Indices Auto'!AD19&lt;100),"A",IF(AND('Cambios Auto'!AC19&lt;0,'Indices Auto'!AD19&gt;100),"N",IF(AND('Cambios Auto'!AC19&lt;0,'Indices Auto'!AD19&lt;100),"R","NULL"))))</f>
        <v>A</v>
      </c>
      <c r="AD19" s="19" t="str">
        <f>IF(AND('Cambios Auto'!AD19&gt;0,'Indices Auto'!AE19&gt;100),"V",IF(AND('Cambios Auto'!AD19&gt;0,'Indices Auto'!AE19&lt;100),"A",IF(AND('Cambios Auto'!AD19&lt;0,'Indices Auto'!AE19&gt;100),"N",IF(AND('Cambios Auto'!AD19&lt;0,'Indices Auto'!AE19&lt;100),"R","NULL"))))</f>
        <v>A</v>
      </c>
      <c r="AE19" s="19" t="str">
        <f>IF(AND('Cambios Auto'!AE19&gt;0,'Indices Auto'!AF19&gt;100),"V",IF(AND('Cambios Auto'!AE19&gt;0,'Indices Auto'!AF19&lt;100),"A",IF(AND('Cambios Auto'!AE19&lt;0,'Indices Auto'!AF19&gt;100),"N",IF(AND('Cambios Auto'!AE19&lt;0,'Indices Auto'!AF19&lt;100),"R","NULL"))))</f>
        <v>A</v>
      </c>
      <c r="AF19" s="19" t="str">
        <f>IF(AND('Cambios Auto'!AF19&gt;0,'Indices Auto'!AG19&gt;100),"V",IF(AND('Cambios Auto'!AF19&gt;0,'Indices Auto'!AG19&lt;100),"A",IF(AND('Cambios Auto'!AF19&lt;0,'Indices Auto'!AG19&gt;100),"N",IF(AND('Cambios Auto'!AF19&lt;0,'Indices Auto'!AG19&lt;100),"R","NULL"))))</f>
        <v>V</v>
      </c>
      <c r="AG19" s="19" t="str">
        <f>IF(AND('Cambios Auto'!AG19&gt;0,'Indices Auto'!AH19&gt;100),"V",IF(AND('Cambios Auto'!AG19&gt;0,'Indices Auto'!AH19&lt;100),"A",IF(AND('Cambios Auto'!AG19&lt;0,'Indices Auto'!AH19&gt;100),"N",IF(AND('Cambios Auto'!AG19&lt;0,'Indices Auto'!AH19&lt;100),"R","NULL"))))</f>
        <v>V</v>
      </c>
      <c r="AH19" s="19" t="str">
        <f>IF(AND('Cambios Auto'!AH19&gt;0,'Indices Auto'!AI19&gt;100),"V",IF(AND('Cambios Auto'!AH19&gt;0,'Indices Auto'!AI19&lt;100),"A",IF(AND('Cambios Auto'!AH19&lt;0,'Indices Auto'!AI19&gt;100),"N",IF(AND('Cambios Auto'!AH19&lt;0,'Indices Auto'!AI19&lt;100),"R","NULL"))))</f>
        <v>V</v>
      </c>
      <c r="AI19" s="19" t="str">
        <f>IF(AND('Cambios Auto'!AI19&gt;0,'Indices Auto'!AJ19&gt;100),"V",IF(AND('Cambios Auto'!AI19&gt;0,'Indices Auto'!AJ19&lt;100),"A",IF(AND('Cambios Auto'!AI19&lt;0,'Indices Auto'!AJ19&gt;100),"N",IF(AND('Cambios Auto'!AI19&lt;0,'Indices Auto'!AJ19&lt;100),"R","NULL"))))</f>
        <v>V</v>
      </c>
      <c r="AJ19" s="19" t="str">
        <f>IF(AND('Cambios Auto'!AJ19&gt;0,'Indices Auto'!AK19&gt;100),"V",IF(AND('Cambios Auto'!AJ19&gt;0,'Indices Auto'!AK19&lt;100),"A",IF(AND('Cambios Auto'!AJ19&lt;0,'Indices Auto'!AK19&gt;100),"N",IF(AND('Cambios Auto'!AJ19&lt;0,'Indices Auto'!AK19&lt;100),"R","NULL"))))</f>
        <v>N</v>
      </c>
      <c r="AK19" s="19" t="str">
        <f>IF(AND('Cambios Auto'!AK19&gt;0,'Indices Auto'!AL19&gt;100),"V",IF(AND('Cambios Auto'!AK19&gt;0,'Indices Auto'!AL19&lt;100),"A",IF(AND('Cambios Auto'!AK19&lt;0,'Indices Auto'!AL19&gt;100),"N",IF(AND('Cambios Auto'!AK19&lt;0,'Indices Auto'!AL19&lt;100),"R","NULL"))))</f>
        <v>R</v>
      </c>
      <c r="AL19" s="19" t="str">
        <f>IF(AND('Cambios Auto'!AL19&gt;0,'Indices Auto'!AM19&gt;100),"V",IF(AND('Cambios Auto'!AL19&gt;0,'Indices Auto'!AM19&lt;100),"A",IF(AND('Cambios Auto'!AL19&lt;0,'Indices Auto'!AM19&gt;100),"N",IF(AND('Cambios Auto'!AL19&lt;0,'Indices Auto'!AM19&lt;100),"R","NULL"))))</f>
        <v>R</v>
      </c>
      <c r="AM19" s="19" t="str">
        <f>IF(AND('Cambios Auto'!AM19&gt;0,'Indices Auto'!AN19&gt;100),"V",IF(AND('Cambios Auto'!AM19&gt;0,'Indices Auto'!AN19&lt;100),"A",IF(AND('Cambios Auto'!AM19&lt;0,'Indices Auto'!AN19&gt;100),"N",IF(AND('Cambios Auto'!AM19&lt;0,'Indices Auto'!AN19&lt;100),"R","NULL"))))</f>
        <v>R</v>
      </c>
      <c r="AN19" s="19" t="str">
        <f>IF(AND('Cambios Auto'!AN19&gt;0,'Indices Auto'!AO19&gt;100),"V",IF(AND('Cambios Auto'!AN19&gt;0,'Indices Auto'!AO19&lt;100),"A",IF(AND('Cambios Auto'!AN19&lt;0,'Indices Auto'!AO19&gt;100),"N",IF(AND('Cambios Auto'!AN19&lt;0,'Indices Auto'!AO19&lt;100),"R","NULL"))))</f>
        <v>R</v>
      </c>
      <c r="AO19" s="19" t="str">
        <f>IF(AND('Cambios Auto'!AO19&gt;0,'Indices Auto'!AP19&gt;100),"V",IF(AND('Cambios Auto'!AO19&gt;0,'Indices Auto'!AP19&lt;100),"A",IF(AND('Cambios Auto'!AO19&lt;0,'Indices Auto'!AP19&gt;100),"N",IF(AND('Cambios Auto'!AO19&lt;0,'Indices Auto'!AP19&lt;100),"R","NULL"))))</f>
        <v>R</v>
      </c>
      <c r="AP19" s="19" t="str">
        <f>IF(AND('Cambios Auto'!AP19&gt;0,'Indices Auto'!AQ19&gt;100),"V",IF(AND('Cambios Auto'!AP19&gt;0,'Indices Auto'!AQ19&lt;100),"A",IF(AND('Cambios Auto'!AP19&lt;0,'Indices Auto'!AQ19&gt;100),"N",IF(AND('Cambios Auto'!AP19&lt;0,'Indices Auto'!AQ19&lt;100),"R","NULL"))))</f>
        <v>R</v>
      </c>
      <c r="AQ19" s="19" t="str">
        <f>IF(AND('Cambios Auto'!AQ19&gt;0,'Indices Auto'!AR19&gt;100),"V",IF(AND('Cambios Auto'!AQ19&gt;0,'Indices Auto'!AR19&lt;100),"A",IF(AND('Cambios Auto'!AQ19&lt;0,'Indices Auto'!AR19&gt;100),"N",IF(AND('Cambios Auto'!AQ19&lt;0,'Indices Auto'!AR19&lt;100),"R","NULL"))))</f>
        <v>A</v>
      </c>
      <c r="AR19" s="19" t="str">
        <f>IF(AND('Cambios Auto'!AR19&gt;0,'Indices Auto'!AS19&gt;100),"V",IF(AND('Cambios Auto'!AR19&gt;0,'Indices Auto'!AS19&lt;100),"A",IF(AND('Cambios Auto'!AR19&lt;0,'Indices Auto'!AS19&gt;100),"N",IF(AND('Cambios Auto'!AR19&lt;0,'Indices Auto'!AS19&lt;100),"R","NULL"))))</f>
        <v>A</v>
      </c>
      <c r="AS19" s="19" t="str">
        <f>IF(AND('Cambios Auto'!AS19&gt;0,'Indices Auto'!AT19&gt;100),"V",IF(AND('Cambios Auto'!AS19&gt;0,'Indices Auto'!AT19&lt;100),"A",IF(AND('Cambios Auto'!AS19&lt;0,'Indices Auto'!AT19&gt;100),"N",IF(AND('Cambios Auto'!AS19&lt;0,'Indices Auto'!AT19&lt;100),"R","NULL"))))</f>
        <v>R</v>
      </c>
      <c r="AT19" s="19" t="str">
        <f>IF(AND('Cambios Auto'!AT19&gt;0,'Indices Auto'!AU19&gt;100),"V",IF(AND('Cambios Auto'!AT19&gt;0,'Indices Auto'!AU19&lt;100),"A",IF(AND('Cambios Auto'!AT19&lt;0,'Indices Auto'!AU19&gt;100),"N",IF(AND('Cambios Auto'!AT19&lt;0,'Indices Auto'!AU19&lt;100),"R","NULL"))))</f>
        <v>R</v>
      </c>
      <c r="AU19" s="19" t="str">
        <f>IF(AND('Cambios Auto'!AU19&gt;0,'Indices Auto'!AV19&gt;100),"V",IF(AND('Cambios Auto'!AU19&gt;0,'Indices Auto'!AV19&lt;100),"A",IF(AND('Cambios Auto'!AU19&lt;0,'Indices Auto'!AV19&gt;100),"N",IF(AND('Cambios Auto'!AU19&lt;0,'Indices Auto'!AV19&lt;100),"R","NULL"))))</f>
        <v>R</v>
      </c>
      <c r="AV19" s="19" t="str">
        <f>IF(AND('Cambios Auto'!AV19&gt;0,'Indices Auto'!AW19&gt;100),"V",IF(AND('Cambios Auto'!AV19&gt;0,'Indices Auto'!AW19&lt;100),"A",IF(AND('Cambios Auto'!AV19&lt;0,'Indices Auto'!AW19&gt;100),"N",IF(AND('Cambios Auto'!AV19&lt;0,'Indices Auto'!AW19&lt;100),"R","NULL"))))</f>
        <v>R</v>
      </c>
      <c r="AW19" s="19" t="str">
        <f>IF(AND('Cambios Auto'!AW19&gt;0,'Indices Auto'!AX19&gt;100),"V",IF(AND('Cambios Auto'!AW19&gt;0,'Indices Auto'!AX19&lt;100),"A",IF(AND('Cambios Auto'!AW19&lt;0,'Indices Auto'!AX19&gt;100),"N",IF(AND('Cambios Auto'!AW19&lt;0,'Indices Auto'!AX19&lt;100),"R","NULL"))))</f>
        <v>R</v>
      </c>
      <c r="AX19" s="19" t="str">
        <f>IF(AND('Cambios Auto'!AX19&gt;0,'Indices Auto'!AY19&gt;100),"V",IF(AND('Cambios Auto'!AX19&gt;0,'Indices Auto'!AY19&lt;100),"A",IF(AND('Cambios Auto'!AX19&lt;0,'Indices Auto'!AY19&gt;100),"N",IF(AND('Cambios Auto'!AX19&lt;0,'Indices Auto'!AY19&lt;100),"R","NULL"))))</f>
        <v>R</v>
      </c>
      <c r="AY19" s="19" t="str">
        <f>IF(AND('Cambios Auto'!AY19&gt;0,'Indices Auto'!AZ19&gt;100),"V",IF(AND('Cambios Auto'!AY19&gt;0,'Indices Auto'!AZ19&lt;100),"A",IF(AND('Cambios Auto'!AY19&lt;0,'Indices Auto'!AZ19&gt;100),"N",IF(AND('Cambios Auto'!AY19&lt;0,'Indices Auto'!AZ19&lt;100),"R","NULL"))))</f>
        <v>A</v>
      </c>
      <c r="AZ19" s="19" t="str">
        <f>IF(AND('Cambios Auto'!AZ19&gt;0,'Indices Auto'!BA19&gt;100),"V",IF(AND('Cambios Auto'!AZ19&gt;0,'Indices Auto'!BA19&lt;100),"A",IF(AND('Cambios Auto'!AZ19&lt;0,'Indices Auto'!BA19&gt;100),"N",IF(AND('Cambios Auto'!AZ19&lt;0,'Indices Auto'!BA19&lt;100),"R","NULL"))))</f>
        <v>A</v>
      </c>
      <c r="BA19" s="19" t="str">
        <f>IF(AND('Cambios Auto'!BA19&gt;0,'Indices Auto'!BB19&gt;100),"V",IF(AND('Cambios Auto'!BA19&gt;0,'Indices Auto'!BB19&lt;100),"A",IF(AND('Cambios Auto'!BA19&lt;0,'Indices Auto'!BB19&gt;100),"N",IF(AND('Cambios Auto'!BA19&lt;0,'Indices Auto'!BB19&lt;100),"R","NULL"))))</f>
        <v>A</v>
      </c>
      <c r="BB19" s="19" t="str">
        <f>IF(AND('Cambios Auto'!BB19&gt;0,'Indices Auto'!BC19&gt;100),"V",IF(AND('Cambios Auto'!BB19&gt;0,'Indices Auto'!BC19&lt;100),"A",IF(AND('Cambios Auto'!BB19&lt;0,'Indices Auto'!BC19&gt;100),"N",IF(AND('Cambios Auto'!BB19&lt;0,'Indices Auto'!BC19&lt;100),"R","NULL"))))</f>
        <v>A</v>
      </c>
      <c r="BC19" s="19" t="str">
        <f>IF(AND('Cambios Auto'!BC19&gt;0,'Indices Auto'!BD19&gt;100),"V",IF(AND('Cambios Auto'!BC19&gt;0,'Indices Auto'!BD19&lt;100),"A",IF(AND('Cambios Auto'!BC19&lt;0,'Indices Auto'!BD19&gt;100),"N",IF(AND('Cambios Auto'!BC19&lt;0,'Indices Auto'!BD19&lt;100),"R","NULL"))))</f>
        <v>A</v>
      </c>
      <c r="BD19" s="19" t="str">
        <f>IF(AND('Cambios Auto'!BD19&gt;0,'Indices Auto'!BE19&gt;100),"V",IF(AND('Cambios Auto'!BD19&gt;0,'Indices Auto'!BE19&lt;100),"A",IF(AND('Cambios Auto'!BD19&lt;0,'Indices Auto'!BE19&gt;100),"N",IF(AND('Cambios Auto'!BD19&lt;0,'Indices Auto'!BE19&lt;100),"R","NULL"))))</f>
        <v>R</v>
      </c>
      <c r="BE19" s="19" t="str">
        <f>IF(AND('Cambios Auto'!BE19&gt;0,'Indices Auto'!BF19&gt;100),"V",IF(AND('Cambios Auto'!BE19&gt;0,'Indices Auto'!BF19&lt;100),"A",IF(AND('Cambios Auto'!BE19&lt;0,'Indices Auto'!BF19&gt;100),"N",IF(AND('Cambios Auto'!BE19&lt;0,'Indices Auto'!BF19&lt;100),"R","NULL"))))</f>
        <v>A</v>
      </c>
      <c r="BF19" s="19" t="str">
        <f>IF(AND('Cambios Auto'!BF19&gt;0,'Indices Auto'!BG19&gt;100),"V",IF(AND('Cambios Auto'!BF19&gt;0,'Indices Auto'!BG19&lt;100),"A",IF(AND('Cambios Auto'!BF19&lt;0,'Indices Auto'!BG19&gt;100),"N",IF(AND('Cambios Auto'!BF19&lt;0,'Indices Auto'!BG19&lt;100),"R","NULL"))))</f>
        <v>A</v>
      </c>
      <c r="BG19" s="19" t="str">
        <f>IF(AND('Cambios Auto'!BG19&gt;0,'Indices Auto'!BH19&gt;100),"V",IF(AND('Cambios Auto'!BG19&gt;0,'Indices Auto'!BH19&lt;100),"A",IF(AND('Cambios Auto'!BG19&lt;0,'Indices Auto'!BH19&gt;100),"N",IF(AND('Cambios Auto'!BG19&lt;0,'Indices Auto'!BH19&lt;100),"R","NULL"))))</f>
        <v>A</v>
      </c>
      <c r="BH19" s="19" t="str">
        <f>IF(AND('Cambios Auto'!BH19&gt;0,'Indices Auto'!BI19&gt;100),"V",IF(AND('Cambios Auto'!BH19&gt;0,'Indices Auto'!BI19&lt;100),"A",IF(AND('Cambios Auto'!BH19&lt;0,'Indices Auto'!BI19&gt;100),"N",IF(AND('Cambios Auto'!BH19&lt;0,'Indices Auto'!BI19&lt;100),"R","NULL"))))</f>
        <v>A</v>
      </c>
      <c r="BI19" s="19" t="str">
        <f>IF(AND('Cambios Auto'!BI19&gt;0,'Indices Auto'!BJ19&gt;100),"V",IF(AND('Cambios Auto'!BI19&gt;0,'Indices Auto'!BJ19&lt;100),"A",IF(AND('Cambios Auto'!BI19&lt;0,'Indices Auto'!BJ19&gt;100),"N",IF(AND('Cambios Auto'!BI19&lt;0,'Indices Auto'!BJ19&lt;100),"R","NULL"))))</f>
        <v>V</v>
      </c>
      <c r="BJ19" s="19" t="str">
        <f>IF(AND('Cambios Auto'!BJ19&gt;0,'Indices Auto'!BK19&gt;100),"V",IF(AND('Cambios Auto'!BJ19&gt;0,'Indices Auto'!BK19&lt;100),"A",IF(AND('Cambios Auto'!BJ19&lt;0,'Indices Auto'!BK19&gt;100),"N",IF(AND('Cambios Auto'!BJ19&lt;0,'Indices Auto'!BK19&lt;100),"R","NULL"))))</f>
        <v>V</v>
      </c>
      <c r="BK19" s="19" t="str">
        <f>IF(AND('Cambios Auto'!BK19&gt;0,'Indices Auto'!BL19&gt;100),"V",IF(AND('Cambios Auto'!BK19&gt;0,'Indices Auto'!BL19&lt;100),"A",IF(AND('Cambios Auto'!BK19&lt;0,'Indices Auto'!BL19&gt;100),"N",IF(AND('Cambios Auto'!BK19&lt;0,'Indices Auto'!BL19&lt;100),"R","NULL"))))</f>
        <v>V</v>
      </c>
      <c r="BL19" s="19" t="str">
        <f>IF(AND('Cambios Auto'!BL19&gt;0,'Indices Auto'!BM19&gt;100),"V",IF(AND('Cambios Auto'!BL19&gt;0,'Indices Auto'!BM19&lt;100),"A",IF(AND('Cambios Auto'!BL19&lt;0,'Indices Auto'!BM19&gt;100),"N",IF(AND('Cambios Auto'!BL19&lt;0,'Indices Auto'!BM19&lt;100),"R","NULL"))))</f>
        <v>N</v>
      </c>
      <c r="BM19" s="19" t="str">
        <f>IF(AND('Cambios Auto'!BM19&gt;0,'Indices Auto'!BN19&gt;100),"V",IF(AND('Cambios Auto'!BM19&gt;0,'Indices Auto'!BN19&lt;100),"A",IF(AND('Cambios Auto'!BM19&lt;0,'Indices Auto'!BN19&gt;100),"N",IF(AND('Cambios Auto'!BM19&lt;0,'Indices Auto'!BN19&lt;100),"R","NULL"))))</f>
        <v>R</v>
      </c>
      <c r="BN19" s="19" t="str">
        <f>IF(AND('Cambios Auto'!BN19&gt;0,'Indices Auto'!BO19&gt;100),"V",IF(AND('Cambios Auto'!BN19&gt;0,'Indices Auto'!BO19&lt;100),"A",IF(AND('Cambios Auto'!BN19&lt;0,'Indices Auto'!BO19&gt;100),"N",IF(AND('Cambios Auto'!BN19&lt;0,'Indices Auto'!BO19&lt;100),"R","NULL"))))</f>
        <v>R</v>
      </c>
      <c r="BO19" s="19" t="str">
        <f>IF(AND('Cambios Auto'!BO19&gt;0,'Indices Auto'!BP19&gt;100),"V",IF(AND('Cambios Auto'!BO19&gt;0,'Indices Auto'!BP19&lt;100),"A",IF(AND('Cambios Auto'!BO19&lt;0,'Indices Auto'!BP19&gt;100),"N",IF(AND('Cambios Auto'!BO19&lt;0,'Indices Auto'!BP19&lt;100),"R","NULL"))))</f>
        <v>R</v>
      </c>
      <c r="BP19" s="19" t="str">
        <f>IF(AND('Cambios Auto'!BP19&gt;0,'Indices Auto'!BQ19&gt;100),"V",IF(AND('Cambios Auto'!BP19&gt;0,'Indices Auto'!BQ19&lt;100),"A",IF(AND('Cambios Auto'!BP19&lt;0,'Indices Auto'!BQ19&gt;100),"N",IF(AND('Cambios Auto'!BP19&lt;0,'Indices Auto'!BQ19&lt;100),"R","NULL"))))</f>
        <v>A</v>
      </c>
      <c r="BQ19" s="19" t="str">
        <f>IF(AND('Cambios Auto'!BQ19&gt;0,'Indices Auto'!BR19&gt;100),"V",IF(AND('Cambios Auto'!BQ19&gt;0,'Indices Auto'!BR19&lt;100),"A",IF(AND('Cambios Auto'!BQ19&lt;0,'Indices Auto'!BR19&gt;100),"N",IF(AND('Cambios Auto'!BQ19&lt;0,'Indices Auto'!BR19&lt;100),"R","NULL"))))</f>
        <v>V</v>
      </c>
      <c r="BR19" s="19" t="str">
        <f>IF(AND('Cambios Auto'!BR19&gt;0,'Indices Auto'!BS19&gt;100),"V",IF(AND('Cambios Auto'!BR19&gt;0,'Indices Auto'!BS19&lt;100),"A",IF(AND('Cambios Auto'!BR19&lt;0,'Indices Auto'!BS19&gt;100),"N",IF(AND('Cambios Auto'!BR19&lt;0,'Indices Auto'!BS19&lt;100),"R","NULL"))))</f>
        <v>V</v>
      </c>
      <c r="BS19" s="19" t="str">
        <f>IF(AND('Cambios Auto'!BS19&gt;0,'Indices Auto'!BT19&gt;100),"V",IF(AND('Cambios Auto'!BS19&gt;0,'Indices Auto'!BT19&lt;100),"A",IF(AND('Cambios Auto'!BS19&lt;0,'Indices Auto'!BT19&gt;100),"N",IF(AND('Cambios Auto'!BS19&lt;0,'Indices Auto'!BT19&lt;100),"R","NULL"))))</f>
        <v>V</v>
      </c>
      <c r="BT19" s="19" t="str">
        <f>IF(AND('Cambios Auto'!BT19&gt;0,'Indices Auto'!BU19&gt;100),"V",IF(AND('Cambios Auto'!BT19&gt;0,'Indices Auto'!BU19&lt;100),"A",IF(AND('Cambios Auto'!BT19&lt;0,'Indices Auto'!BU19&gt;100),"N",IF(AND('Cambios Auto'!BT19&lt;0,'Indices Auto'!BU19&lt;100),"R","NULL"))))</f>
        <v>V</v>
      </c>
      <c r="BU19" s="19" t="str">
        <f>IF(AND('Cambios Auto'!BU19&gt;0,'Indices Auto'!BV19&gt;100),"V",IF(AND('Cambios Auto'!BU19&gt;0,'Indices Auto'!BV19&lt;100),"A",IF(AND('Cambios Auto'!BU19&lt;0,'Indices Auto'!BV19&gt;100),"N",IF(AND('Cambios Auto'!BU19&lt;0,'Indices Auto'!BV19&lt;100),"R","NULL"))))</f>
        <v>V</v>
      </c>
      <c r="BV19" s="19" t="str">
        <f>IF(AND('Cambios Auto'!BV19&gt;0,'Indices Auto'!BW19&gt;100),"V",IF(AND('Cambios Auto'!BV19&gt;0,'Indices Auto'!BW19&lt;100),"A",IF(AND('Cambios Auto'!BV19&lt;0,'Indices Auto'!BW19&gt;100),"N",IF(AND('Cambios Auto'!BV19&lt;0,'Indices Auto'!BW19&lt;100),"R","NULL"))))</f>
        <v>V</v>
      </c>
      <c r="BW19" s="19" t="str">
        <f>IF(AND('Cambios Auto'!BW19&gt;0,'Indices Auto'!BX19&gt;100),"V",IF(AND('Cambios Auto'!BW19&gt;0,'Indices Auto'!BX19&lt;100),"A",IF(AND('Cambios Auto'!BW19&lt;0,'Indices Auto'!BX19&gt;100),"N",IF(AND('Cambios Auto'!BW19&lt;0,'Indices Auto'!BX19&lt;100),"R","NULL"))))</f>
        <v>V</v>
      </c>
      <c r="BX19" s="19" t="str">
        <f>IF(AND('Cambios Auto'!BX19&gt;0,'Indices Auto'!BY19&gt;100),"V",IF(AND('Cambios Auto'!BX19&gt;0,'Indices Auto'!BY19&lt;100),"A",IF(AND('Cambios Auto'!BX19&lt;0,'Indices Auto'!BY19&gt;100),"N",IF(AND('Cambios Auto'!BX19&lt;0,'Indices Auto'!BY19&lt;100),"R","NULL"))))</f>
        <v>V</v>
      </c>
      <c r="BY19" s="19" t="str">
        <f>IF(AND('Cambios Auto'!BY19&gt;0,'Indices Auto'!BZ19&gt;100),"V",IF(AND('Cambios Auto'!BY19&gt;0,'Indices Auto'!BZ19&lt;100),"A",IF(AND('Cambios Auto'!BY19&lt;0,'Indices Auto'!BZ19&gt;100),"N",IF(AND('Cambios Auto'!BY19&lt;0,'Indices Auto'!BZ19&lt;100),"R","NULL"))))</f>
        <v>V</v>
      </c>
      <c r="BZ19" s="19" t="str">
        <f>IF(AND('Cambios Auto'!BZ19&gt;0,'Indices Auto'!CA19&gt;100),"V",IF(AND('Cambios Auto'!BZ19&gt;0,'Indices Auto'!CA19&lt;100),"A",IF(AND('Cambios Auto'!BZ19&lt;0,'Indices Auto'!CA19&gt;100),"N",IF(AND('Cambios Auto'!BZ19&lt;0,'Indices Auto'!CA19&lt;100),"R","NULL"))))</f>
        <v>V</v>
      </c>
      <c r="CA19" s="19" t="str">
        <f>IF(AND('Cambios Auto'!CA19&gt;0,'Indices Auto'!CB19&gt;100),"V",IF(AND('Cambios Auto'!CA19&gt;0,'Indices Auto'!CB19&lt;100),"A",IF(AND('Cambios Auto'!CA19&lt;0,'Indices Auto'!CB19&gt;100),"N",IF(AND('Cambios Auto'!CA19&lt;0,'Indices Auto'!CB19&lt;100),"R","NULL"))))</f>
        <v>V</v>
      </c>
      <c r="CB19" s="19" t="str">
        <f>IF(AND('Cambios Auto'!CB19&gt;0,'Indices Auto'!CC19&gt;100),"V",IF(AND('Cambios Auto'!CB19&gt;0,'Indices Auto'!CC19&lt;100),"A",IF(AND('Cambios Auto'!CB19&lt;0,'Indices Auto'!CC19&gt;100),"N",IF(AND('Cambios Auto'!CB19&lt;0,'Indices Auto'!CC19&lt;100),"R","NULL"))))</f>
        <v>V</v>
      </c>
      <c r="CC19" s="19" t="str">
        <f>IF(AND('Cambios Auto'!CC19&gt;0,'Indices Auto'!CD19&gt;100),"V",IF(AND('Cambios Auto'!CC19&gt;0,'Indices Auto'!CD19&lt;100),"A",IF(AND('Cambios Auto'!CC19&lt;0,'Indices Auto'!CD19&gt;100),"N",IF(AND('Cambios Auto'!CC19&lt;0,'Indices Auto'!CD19&lt;100),"R","NULL"))))</f>
        <v>N</v>
      </c>
      <c r="CD19" s="19" t="str">
        <f>IF(AND('Cambios Auto'!CD19&gt;0,'Indices Auto'!CE19&gt;100),"V",IF(AND('Cambios Auto'!CD19&gt;0,'Indices Auto'!CE19&lt;100),"A",IF(AND('Cambios Auto'!CD19&lt;0,'Indices Auto'!CE19&gt;100),"N",IF(AND('Cambios Auto'!CD19&lt;0,'Indices Auto'!CE19&lt;100),"R","NULL"))))</f>
        <v>N</v>
      </c>
      <c r="CE19" s="19" t="str">
        <f>IF(AND('Cambios Auto'!CE19&gt;0,'Indices Auto'!CF19&gt;100),"V",IF(AND('Cambios Auto'!CE19&gt;0,'Indices Auto'!CF19&lt;100),"A",IF(AND('Cambios Auto'!CE19&lt;0,'Indices Auto'!CF19&gt;100),"N",IF(AND('Cambios Auto'!CE19&lt;0,'Indices Auto'!CF19&lt;100),"R","NULL"))))</f>
        <v>N</v>
      </c>
      <c r="CF19" s="19" t="str">
        <f>IF(AND('Cambios Auto'!CF19&gt;0,'Indices Auto'!CG19&gt;100),"V",IF(AND('Cambios Auto'!CF19&gt;0,'Indices Auto'!CG19&lt;100),"A",IF(AND('Cambios Auto'!CF19&lt;0,'Indices Auto'!CG19&gt;100),"N",IF(AND('Cambios Auto'!CF19&lt;0,'Indices Auto'!CG19&lt;100),"R","NULL"))))</f>
        <v>N</v>
      </c>
      <c r="CG19" s="19" t="str">
        <f>IF(AND('Cambios Auto'!CG19&gt;0,'Indices Auto'!CH19&gt;100),"V",IF(AND('Cambios Auto'!CG19&gt;0,'Indices Auto'!CH19&lt;100),"A",IF(AND('Cambios Auto'!CG19&lt;0,'Indices Auto'!CH19&gt;100),"N",IF(AND('Cambios Auto'!CG19&lt;0,'Indices Auto'!CH19&lt;100),"R","NULL"))))</f>
        <v>N</v>
      </c>
      <c r="CH19" s="19" t="str">
        <f>IF(AND('Cambios Auto'!CH19&gt;0,'Indices Auto'!CI19&gt;100),"V",IF(AND('Cambios Auto'!CH19&gt;0,'Indices Auto'!CI19&lt;100),"A",IF(AND('Cambios Auto'!CH19&lt;0,'Indices Auto'!CI19&gt;100),"N",IF(AND('Cambios Auto'!CH19&lt;0,'Indices Auto'!CI19&lt;100),"R","NULL"))))</f>
        <v>N</v>
      </c>
      <c r="CI19" s="19" t="str">
        <f>IF(AND('Cambios Auto'!CI19&gt;0,'Indices Auto'!CJ19&gt;100),"V",IF(AND('Cambios Auto'!CI19&gt;0,'Indices Auto'!CJ19&lt;100),"A",IF(AND('Cambios Auto'!CI19&lt;0,'Indices Auto'!CJ19&gt;100),"N",IF(AND('Cambios Auto'!CI19&lt;0,'Indices Auto'!CJ19&lt;100),"R","NULL"))))</f>
        <v>N</v>
      </c>
      <c r="CJ19" s="19" t="str">
        <f>IF(AND('Cambios Auto'!CJ19&gt;0,'Indices Auto'!CK19&gt;100),"V",IF(AND('Cambios Auto'!CJ19&gt;0,'Indices Auto'!CK19&lt;100),"A",IF(AND('Cambios Auto'!CJ19&lt;0,'Indices Auto'!CK19&gt;100),"N",IF(AND('Cambios Auto'!CJ19&lt;0,'Indices Auto'!CK19&lt;100),"R","NULL"))))</f>
        <v>V</v>
      </c>
      <c r="CK19" s="19" t="str">
        <f>IF(AND('Cambios Auto'!CK19&gt;0,'Indices Auto'!CL19&gt;100),"V",IF(AND('Cambios Auto'!CK19&gt;0,'Indices Auto'!CL19&lt;100),"A",IF(AND('Cambios Auto'!CK19&lt;0,'Indices Auto'!CL19&gt;100),"N",IF(AND('Cambios Auto'!CK19&lt;0,'Indices Auto'!CL19&lt;100),"R","NULL"))))</f>
        <v>V</v>
      </c>
      <c r="CL19" s="19" t="str">
        <f>IF(AND('Cambios Auto'!CL19&gt;0,'Indices Auto'!CM19&gt;100),"V",IF(AND('Cambios Auto'!CL19&gt;0,'Indices Auto'!CM19&lt;100),"A",IF(AND('Cambios Auto'!CL19&lt;0,'Indices Auto'!CM19&gt;100),"N",IF(AND('Cambios Auto'!CL19&lt;0,'Indices Auto'!CM19&lt;100),"R","NULL"))))</f>
        <v>V</v>
      </c>
      <c r="CM19" s="19" t="str">
        <f>IF(AND('Cambios Auto'!CM19&gt;0,'Indices Auto'!CN19&gt;100),"V",IF(AND('Cambios Auto'!CM19&gt;0,'Indices Auto'!CN19&lt;100),"A",IF(AND('Cambios Auto'!CM19&lt;0,'Indices Auto'!CN19&gt;100),"N",IF(AND('Cambios Auto'!CM19&lt;0,'Indices Auto'!CN19&lt;100),"R","NULL"))))</f>
        <v>V</v>
      </c>
      <c r="CN19" s="19" t="str">
        <f>IF(AND('Cambios Auto'!CN19&gt;0,'Indices Auto'!CO19&gt;100),"V",IF(AND('Cambios Auto'!CN19&gt;0,'Indices Auto'!CO19&lt;100),"A",IF(AND('Cambios Auto'!CN19&lt;0,'Indices Auto'!CO19&gt;100),"N",IF(AND('Cambios Auto'!CN19&lt;0,'Indices Auto'!CO19&lt;100),"R","NULL"))))</f>
        <v>V</v>
      </c>
      <c r="CO19" s="19" t="str">
        <f>IF(AND('Cambios Auto'!CO19&gt;0,'Indices Auto'!CP19&gt;100),"V",IF(AND('Cambios Auto'!CO19&gt;0,'Indices Auto'!CP19&lt;100),"A",IF(AND('Cambios Auto'!CO19&lt;0,'Indices Auto'!CP19&gt;100),"N",IF(AND('Cambios Auto'!CO19&lt;0,'Indices Auto'!CP19&lt;100),"R","NULL"))))</f>
        <v>N</v>
      </c>
      <c r="CP19" s="19" t="str">
        <f>IF(AND('Cambios Auto'!CP19&gt;0,'Indices Auto'!CQ19&gt;100),"V",IF(AND('Cambios Auto'!CP19&gt;0,'Indices Auto'!CQ19&lt;100),"A",IF(AND('Cambios Auto'!CP19&lt;0,'Indices Auto'!CQ19&gt;100),"N",IF(AND('Cambios Auto'!CP19&lt;0,'Indices Auto'!CQ19&lt;100),"R","NULL"))))</f>
        <v>N</v>
      </c>
      <c r="CQ19" s="19" t="str">
        <f>IF(AND('Cambios Auto'!CQ19&gt;0,'Indices Auto'!CR19&gt;100),"V",IF(AND('Cambios Auto'!CQ19&gt;0,'Indices Auto'!CR19&lt;100),"A",IF(AND('Cambios Auto'!CQ19&lt;0,'Indices Auto'!CR19&gt;100),"N",IF(AND('Cambios Auto'!CQ19&lt;0,'Indices Auto'!CR19&lt;100),"R","NULL"))))</f>
        <v>N</v>
      </c>
      <c r="CR19" s="19" t="str">
        <f>IF(AND('Cambios Auto'!CR19&gt;0,'Indices Auto'!CS19&gt;100),"V",IF(AND('Cambios Auto'!CR19&gt;0,'Indices Auto'!CS19&lt;100),"A",IF(AND('Cambios Auto'!CR19&lt;0,'Indices Auto'!CS19&gt;100),"N",IF(AND('Cambios Auto'!CR19&lt;0,'Indices Auto'!CS19&lt;100),"R","NULL"))))</f>
        <v>N</v>
      </c>
      <c r="CS19" s="19" t="str">
        <f>IF(AND('Cambios Auto'!CS19&gt;0,'Indices Auto'!CT19&gt;100),"V",IF(AND('Cambios Auto'!CS19&gt;0,'Indices Auto'!CT19&lt;100),"A",IF(AND('Cambios Auto'!CS19&lt;0,'Indices Auto'!CT19&gt;100),"N",IF(AND('Cambios Auto'!CS19&lt;0,'Indices Auto'!CT19&lt;100),"R","NULL"))))</f>
        <v>N</v>
      </c>
      <c r="CT19" s="19" t="str">
        <f>IF(AND('Cambios Auto'!CT19&gt;0,'Indices Auto'!CU19&gt;100),"V",IF(AND('Cambios Auto'!CT19&gt;0,'Indices Auto'!CU19&lt;100),"A",IF(AND('Cambios Auto'!CT19&lt;0,'Indices Auto'!CU19&gt;100),"N",IF(AND('Cambios Auto'!CT19&lt;0,'Indices Auto'!CU19&lt;100),"R","NULL"))))</f>
        <v>N</v>
      </c>
      <c r="CU19" s="19" t="str">
        <f>IF(AND('Cambios Auto'!CU19&gt;0,'Indices Auto'!CV19&gt;100),"V",IF(AND('Cambios Auto'!CU19&gt;0,'Indices Auto'!CV19&lt;100),"A",IF(AND('Cambios Auto'!CU19&lt;0,'Indices Auto'!CV19&gt;100),"N",IF(AND('Cambios Auto'!CU19&lt;0,'Indices Auto'!CV19&lt;100),"R","NULL"))))</f>
        <v>N</v>
      </c>
      <c r="CV19" s="19" t="str">
        <f>IF(AND('Cambios Auto'!CV19&gt;0,'Indices Auto'!CW19&gt;100),"V",IF(AND('Cambios Auto'!CV19&gt;0,'Indices Auto'!CW19&lt;100),"A",IF(AND('Cambios Auto'!CV19&lt;0,'Indices Auto'!CW19&gt;100),"N",IF(AND('Cambios Auto'!CV19&lt;0,'Indices Auto'!CW19&lt;100),"R","NULL"))))</f>
        <v>N</v>
      </c>
      <c r="CW19" s="19" t="str">
        <f>IF(AND('Cambios Auto'!CW19&gt;0,'Indices Auto'!CX19&gt;100),"V",IF(AND('Cambios Auto'!CW19&gt;0,'Indices Auto'!CX19&lt;100),"A",IF(AND('Cambios Auto'!CW19&lt;0,'Indices Auto'!CX19&gt;100),"N",IF(AND('Cambios Auto'!CW19&lt;0,'Indices Auto'!CX19&lt;100),"R","NULL"))))</f>
        <v>N</v>
      </c>
      <c r="CX19" s="19" t="str">
        <f>IF(AND('Cambios Auto'!CX19&gt;0,'Indices Auto'!CY19&gt;100),"V",IF(AND('Cambios Auto'!CX19&gt;0,'Indices Auto'!CY19&lt;100),"A",IF(AND('Cambios Auto'!CX19&lt;0,'Indices Auto'!CY19&gt;100),"N",IF(AND('Cambios Auto'!CX19&lt;0,'Indices Auto'!CY19&lt;100),"R","NULL"))))</f>
        <v>R</v>
      </c>
      <c r="CY19" s="19" t="str">
        <f>IF(AND('Cambios Auto'!CY19&gt;0,'Indices Auto'!CZ19&gt;100),"V",IF(AND('Cambios Auto'!CY19&gt;0,'Indices Auto'!CZ19&lt;100),"A",IF(AND('Cambios Auto'!CY19&lt;0,'Indices Auto'!CZ19&gt;100),"N",IF(AND('Cambios Auto'!CY19&lt;0,'Indices Auto'!CZ19&lt;100),"R","NULL"))))</f>
        <v>R</v>
      </c>
      <c r="CZ19" s="19" t="str">
        <f>IF(AND('Cambios Auto'!CZ19&gt;0,'Indices Auto'!DA19&gt;100),"V",IF(AND('Cambios Auto'!CZ19&gt;0,'Indices Auto'!DA19&lt;100),"A",IF(AND('Cambios Auto'!CZ19&lt;0,'Indices Auto'!DA19&gt;100),"N",IF(AND('Cambios Auto'!CZ19&lt;0,'Indices Auto'!DA19&lt;100),"R","NULL"))))</f>
        <v>R</v>
      </c>
      <c r="DA19" s="19" t="str">
        <f>IF(AND('Cambios Auto'!DA19&gt;0,'Indices Auto'!DB19&gt;100),"V",IF(AND('Cambios Auto'!DA19&gt;0,'Indices Auto'!DB19&lt;100),"A",IF(AND('Cambios Auto'!DA19&lt;0,'Indices Auto'!DB19&gt;100),"N",IF(AND('Cambios Auto'!DA19&lt;0,'Indices Auto'!DB19&lt;100),"R","NULL"))))</f>
        <v>R</v>
      </c>
      <c r="DB19" s="19" t="str">
        <f>IF(AND('Cambios Auto'!DB19&gt;0,'Indices Auto'!DC19&gt;100),"V",IF(AND('Cambios Auto'!DB19&gt;0,'Indices Auto'!DC19&lt;100),"A",IF(AND('Cambios Auto'!DB19&lt;0,'Indices Auto'!DC19&gt;100),"N",IF(AND('Cambios Auto'!DB19&lt;0,'Indices Auto'!DC19&lt;100),"R","NULL"))))</f>
        <v>R</v>
      </c>
      <c r="DC19" s="19" t="str">
        <f>IF(AND('Cambios Auto'!DC19&gt;0,'Indices Auto'!DD19&gt;100),"V",IF(AND('Cambios Auto'!DC19&gt;0,'Indices Auto'!DD19&lt;100),"A",IF(AND('Cambios Auto'!DC19&lt;0,'Indices Auto'!DD19&gt;100),"N",IF(AND('Cambios Auto'!DC19&lt;0,'Indices Auto'!DD19&lt;100),"R","NULL"))))</f>
        <v>R</v>
      </c>
      <c r="DD19" s="19" t="str">
        <f>IF(AND('Cambios Auto'!DD19&gt;0,'Indices Auto'!DE19&gt;100),"V",IF(AND('Cambios Auto'!DD19&gt;0,'Indices Auto'!DE19&lt;100),"A",IF(AND('Cambios Auto'!DD19&lt;0,'Indices Auto'!DE19&gt;100),"N",IF(AND('Cambios Auto'!DD19&lt;0,'Indices Auto'!DE19&lt;100),"R","NULL"))))</f>
        <v>R</v>
      </c>
      <c r="DE19" s="19" t="str">
        <f>IF(AND('Cambios Auto'!DE19&gt;0,'Indices Auto'!DF19&gt;100),"V",IF(AND('Cambios Auto'!DE19&gt;0,'Indices Auto'!DF19&lt;100),"A",IF(AND('Cambios Auto'!DE19&lt;0,'Indices Auto'!DF19&gt;100),"N",IF(AND('Cambios Auto'!DE19&lt;0,'Indices Auto'!DF19&lt;100),"R","NULL"))))</f>
        <v>R</v>
      </c>
      <c r="DF19" s="19" t="str">
        <f>IF(AND('Cambios Auto'!DF19&gt;0,'Indices Auto'!DG19&gt;100),"V",IF(AND('Cambios Auto'!DF19&gt;0,'Indices Auto'!DG19&lt;100),"A",IF(AND('Cambios Auto'!DF19&lt;0,'Indices Auto'!DG19&gt;100),"N",IF(AND('Cambios Auto'!DF19&lt;0,'Indices Auto'!DG19&lt;100),"R","NULL"))))</f>
        <v>R</v>
      </c>
      <c r="DG19" s="19" t="str">
        <f>IF(AND('Cambios Auto'!DG19&gt;0,'Indices Auto'!DH19&gt;100),"V",IF(AND('Cambios Auto'!DG19&gt;0,'Indices Auto'!DH19&lt;100),"A",IF(AND('Cambios Auto'!DG19&lt;0,'Indices Auto'!DH19&gt;100),"N",IF(AND('Cambios Auto'!DG19&lt;0,'Indices Auto'!DH19&lt;100),"R","NULL"))))</f>
        <v>R</v>
      </c>
      <c r="DH19" s="19" t="str">
        <f>IF(AND('Cambios Auto'!DH19&gt;0,'Indices Auto'!DI19&gt;100),"V",IF(AND('Cambios Auto'!DH19&gt;0,'Indices Auto'!DI19&lt;100),"A",IF(AND('Cambios Auto'!DH19&lt;0,'Indices Auto'!DI19&gt;100),"N",IF(AND('Cambios Auto'!DH19&lt;0,'Indices Auto'!DI19&lt;100),"R","NULL"))))</f>
        <v>R</v>
      </c>
      <c r="DI19" s="19" t="str">
        <f>IF(AND('Cambios Auto'!DI19&gt;0,'Indices Auto'!DJ19&gt;100),"V",IF(AND('Cambios Auto'!DI19&gt;0,'Indices Auto'!DJ19&lt;100),"A",IF(AND('Cambios Auto'!DI19&lt;0,'Indices Auto'!DJ19&gt;100),"N",IF(AND('Cambios Auto'!DI19&lt;0,'Indices Auto'!DJ19&lt;100),"R","NULL"))))</f>
        <v>A</v>
      </c>
      <c r="DJ19" s="19" t="str">
        <f>IF(AND('Cambios Auto'!DJ19&gt;0,'Indices Auto'!DK19&gt;100),"V",IF(AND('Cambios Auto'!DJ19&gt;0,'Indices Auto'!DK19&lt;100),"A",IF(AND('Cambios Auto'!DJ19&lt;0,'Indices Auto'!DK19&gt;100),"N",IF(AND('Cambios Auto'!DJ19&lt;0,'Indices Auto'!DK19&lt;100),"R","NULL"))))</f>
        <v>A</v>
      </c>
      <c r="DK19" s="19" t="str">
        <f>IF(AND('Cambios Auto'!DK19&gt;0,'Indices Auto'!DL19&gt;100),"V",IF(AND('Cambios Auto'!DK19&gt;0,'Indices Auto'!DL19&lt;100),"A",IF(AND('Cambios Auto'!DK19&lt;0,'Indices Auto'!DL19&gt;100),"N",IF(AND('Cambios Auto'!DK19&lt;0,'Indices Auto'!DL19&lt;100),"R","NULL"))))</f>
        <v>A</v>
      </c>
      <c r="DL19" s="19" t="str">
        <f>IF(AND('Cambios Auto'!DL19&gt;0,'Indices Auto'!DM19&gt;100),"V",IF(AND('Cambios Auto'!DL19&gt;0,'Indices Auto'!DM19&lt;100),"A",IF(AND('Cambios Auto'!DL19&lt;0,'Indices Auto'!DM19&gt;100),"N",IF(AND('Cambios Auto'!DL19&lt;0,'Indices Auto'!DM19&lt;100),"R","NULL"))))</f>
        <v>A</v>
      </c>
      <c r="DM19" s="19" t="str">
        <f>IF(AND('Cambios Auto'!DM19&gt;0,'Indices Auto'!DN19&gt;100),"V",IF(AND('Cambios Auto'!DM19&gt;0,'Indices Auto'!DN19&lt;100),"A",IF(AND('Cambios Auto'!DM19&lt;0,'Indices Auto'!DN19&gt;100),"N",IF(AND('Cambios Auto'!DM19&lt;0,'Indices Auto'!DN19&lt;100),"R","NULL"))))</f>
        <v>R</v>
      </c>
      <c r="DN19" s="19" t="str">
        <f>IF(AND('Cambios Auto'!DN19&gt;0,'Indices Auto'!DO19&gt;100),"V",IF(AND('Cambios Auto'!DN19&gt;0,'Indices Auto'!DO19&lt;100),"A",IF(AND('Cambios Auto'!DN19&lt;0,'Indices Auto'!DO19&gt;100),"N",IF(AND('Cambios Auto'!DN19&lt;0,'Indices Auto'!DO19&lt;100),"R","NULL"))))</f>
        <v>R</v>
      </c>
      <c r="DO19" s="19" t="str">
        <f>IF(AND('Cambios Auto'!DO19&gt;0,'Indices Auto'!DP19&gt;100),"V",IF(AND('Cambios Auto'!DO19&gt;0,'Indices Auto'!DP19&lt;100),"A",IF(AND('Cambios Auto'!DO19&lt;0,'Indices Auto'!DP19&gt;100),"N",IF(AND('Cambios Auto'!DO19&lt;0,'Indices Auto'!DP19&lt;100),"R","NULL"))))</f>
        <v>R</v>
      </c>
      <c r="DP19" s="19" t="str">
        <f>IF(AND('Cambios Auto'!DP19&gt;0,'Indices Auto'!DQ19&gt;100),"V",IF(AND('Cambios Auto'!DP19&gt;0,'Indices Auto'!DQ19&lt;100),"A",IF(AND('Cambios Auto'!DP19&lt;0,'Indices Auto'!DQ19&gt;100),"N",IF(AND('Cambios Auto'!DP19&lt;0,'Indices Auto'!DQ19&lt;100),"R","NULL"))))</f>
        <v>A</v>
      </c>
      <c r="DQ19" s="19" t="str">
        <f>IF(AND('Cambios Auto'!DQ19&gt;0,'Indices Auto'!DR19&gt;100),"V",IF(AND('Cambios Auto'!DQ19&gt;0,'Indices Auto'!DR19&lt;100),"A",IF(AND('Cambios Auto'!DQ19&lt;0,'Indices Auto'!DR19&gt;100),"N",IF(AND('Cambios Auto'!DQ19&lt;0,'Indices Auto'!DR19&lt;100),"R","NULL"))))</f>
        <v>A</v>
      </c>
      <c r="DR19" s="19" t="str">
        <f>IF(AND('Cambios Auto'!DR19&gt;0,'Indices Auto'!DS19&gt;100),"V",IF(AND('Cambios Auto'!DR19&gt;0,'Indices Auto'!DS19&lt;100),"A",IF(AND('Cambios Auto'!DR19&lt;0,'Indices Auto'!DS19&gt;100),"N",IF(AND('Cambios Auto'!DR19&lt;0,'Indices Auto'!DS19&lt;100),"R","NULL"))))</f>
        <v>A</v>
      </c>
      <c r="DS19" s="19" t="str">
        <f>IF(AND('Cambios Auto'!DS19&gt;0,'Indices Auto'!DT19&gt;100),"V",IF(AND('Cambios Auto'!DS19&gt;0,'Indices Auto'!DT19&lt;100),"A",IF(AND('Cambios Auto'!DS19&lt;0,'Indices Auto'!DT19&gt;100),"N",IF(AND('Cambios Auto'!DS19&lt;0,'Indices Auto'!DT19&lt;100),"R","NULL"))))</f>
        <v>A</v>
      </c>
      <c r="DT19" s="19" t="str">
        <f>IF(AND('Cambios Auto'!DT19&gt;0,'Indices Auto'!DU19&gt;100),"V",IF(AND('Cambios Auto'!DT19&gt;0,'Indices Auto'!DU19&lt;100),"A",IF(AND('Cambios Auto'!DT19&lt;0,'Indices Auto'!DU19&gt;100),"N",IF(AND('Cambios Auto'!DT19&lt;0,'Indices Auto'!DU19&lt;100),"R","NULL"))))</f>
        <v>A</v>
      </c>
      <c r="DU19" s="19" t="str">
        <f>IF(AND('Cambios Auto'!DU19&gt;0,'Indices Auto'!DV19&gt;100),"V",IF(AND('Cambios Auto'!DU19&gt;0,'Indices Auto'!DV19&lt;100),"A",IF(AND('Cambios Auto'!DU19&lt;0,'Indices Auto'!DV19&gt;100),"N",IF(AND('Cambios Auto'!DU19&lt;0,'Indices Auto'!DV19&lt;100),"R","NULL"))))</f>
        <v>A</v>
      </c>
      <c r="DV19" s="19" t="str">
        <f>IF(AND('Cambios Auto'!DV19&gt;0,'Indices Auto'!DW19&gt;100),"V",IF(AND('Cambios Auto'!DV19&gt;0,'Indices Auto'!DW19&lt;100),"A",IF(AND('Cambios Auto'!DV19&lt;0,'Indices Auto'!DW19&gt;100),"N",IF(AND('Cambios Auto'!DV19&lt;0,'Indices Auto'!DW19&lt;100),"R","NULL"))))</f>
        <v>A</v>
      </c>
      <c r="DW19" s="19" t="str">
        <f>IF(AND('Cambios Auto'!DW19&gt;0,'Indices Auto'!DX19&gt;100),"V",IF(AND('Cambios Auto'!DW19&gt;0,'Indices Auto'!DX19&lt;100),"A",IF(AND('Cambios Auto'!DW19&lt;0,'Indices Auto'!DX19&gt;100),"N",IF(AND('Cambios Auto'!DW19&lt;0,'Indices Auto'!DX19&lt;100),"R","NULL"))))</f>
        <v>A</v>
      </c>
      <c r="DX19" s="19" t="str">
        <f>IF(AND('Cambios Auto'!DX19&gt;0,'Indices Auto'!DY19&gt;100),"V",IF(AND('Cambios Auto'!DX19&gt;0,'Indices Auto'!DY19&lt;100),"A",IF(AND('Cambios Auto'!DX19&lt;0,'Indices Auto'!DY19&gt;100),"N",IF(AND('Cambios Auto'!DX19&lt;0,'Indices Auto'!DY19&lt;100),"R","NULL"))))</f>
        <v>A</v>
      </c>
      <c r="DY19" s="19" t="str">
        <f>IF(AND('Cambios Auto'!DY19&gt;0,'Indices Auto'!DZ19&gt;100),"V",IF(AND('Cambios Auto'!DY19&gt;0,'Indices Auto'!DZ19&lt;100),"A",IF(AND('Cambios Auto'!DY19&lt;0,'Indices Auto'!DZ19&gt;100),"N",IF(AND('Cambios Auto'!DY19&lt;0,'Indices Auto'!DZ19&lt;100),"R","NULL"))))</f>
        <v>A</v>
      </c>
      <c r="DZ19" s="19" t="str">
        <f>IF(AND('Cambios Auto'!DZ19&gt;0,'Indices Auto'!EA19&gt;100),"V",IF(AND('Cambios Auto'!DZ19&gt;0,'Indices Auto'!EA19&lt;100),"A",IF(AND('Cambios Auto'!DZ19&lt;0,'Indices Auto'!EA19&gt;100),"N",IF(AND('Cambios Auto'!DZ19&lt;0,'Indices Auto'!EA19&lt;100),"R","NULL"))))</f>
        <v>V</v>
      </c>
      <c r="EA19" s="19" t="str">
        <f>IF(AND('Cambios Auto'!EA19&gt;0,'Indices Auto'!EB19&gt;100),"V",IF(AND('Cambios Auto'!EA19&gt;0,'Indices Auto'!EB19&lt;100),"A",IF(AND('Cambios Auto'!EA19&lt;0,'Indices Auto'!EB19&gt;100),"N",IF(AND('Cambios Auto'!EA19&lt;0,'Indices Auto'!EB19&lt;100),"R","NULL"))))</f>
        <v>V</v>
      </c>
      <c r="EB19" s="19" t="str">
        <f>IF(AND('Cambios Auto'!EB19&gt;0,'Indices Auto'!EC19&gt;100),"V",IF(AND('Cambios Auto'!EB19&gt;0,'Indices Auto'!EC19&lt;100),"A",IF(AND('Cambios Auto'!EB19&lt;0,'Indices Auto'!EC19&gt;100),"N",IF(AND('Cambios Auto'!EB19&lt;0,'Indices Auto'!EC19&lt;100),"R","NULL"))))</f>
        <v>V</v>
      </c>
      <c r="EC19" s="19" t="str">
        <f>IF(AND('Cambios Auto'!EC19&gt;0,'Indices Auto'!ED19&gt;100),"V",IF(AND('Cambios Auto'!EC19&gt;0,'Indices Auto'!ED19&lt;100),"A",IF(AND('Cambios Auto'!EC19&lt;0,'Indices Auto'!ED19&gt;100),"N",IF(AND('Cambios Auto'!EC19&lt;0,'Indices Auto'!ED19&lt;100),"R","NULL"))))</f>
        <v>V</v>
      </c>
      <c r="ED19" s="19" t="str">
        <f>IF(AND('Cambios Auto'!ED19&gt;0,'Indices Auto'!EE19&gt;100),"V",IF(AND('Cambios Auto'!ED19&gt;0,'Indices Auto'!EE19&lt;100),"A",IF(AND('Cambios Auto'!ED19&lt;0,'Indices Auto'!EE19&gt;100),"N",IF(AND('Cambios Auto'!ED19&lt;0,'Indices Auto'!EE19&lt;100),"R","NULL"))))</f>
        <v>V</v>
      </c>
      <c r="EE19" s="19" t="str">
        <f>IF(AND('Cambios Auto'!EE19&gt;0,'Indices Auto'!EF19&gt;100),"V",IF(AND('Cambios Auto'!EE19&gt;0,'Indices Auto'!EF19&lt;100),"A",IF(AND('Cambios Auto'!EE19&lt;0,'Indices Auto'!EF19&gt;100),"N",IF(AND('Cambios Auto'!EE19&lt;0,'Indices Auto'!EF19&lt;100),"R","NULL"))))</f>
        <v>V</v>
      </c>
      <c r="EF19" s="19" t="str">
        <f>IF(AND('Cambios Auto'!EF19&gt;0,'Indices Auto'!EG19&gt;100),"V",IF(AND('Cambios Auto'!EF19&gt;0,'Indices Auto'!EG19&lt;100),"A",IF(AND('Cambios Auto'!EF19&lt;0,'Indices Auto'!EG19&gt;100),"N",IF(AND('Cambios Auto'!EF19&lt;0,'Indices Auto'!EG19&lt;100),"R","NULL"))))</f>
        <v>N</v>
      </c>
      <c r="EG19" s="19" t="str">
        <f>IF(AND('Cambios Auto'!EG19&gt;0,'Indices Auto'!EH19&gt;100),"V",IF(AND('Cambios Auto'!EG19&gt;0,'Indices Auto'!EH19&lt;100),"A",IF(AND('Cambios Auto'!EG19&lt;0,'Indices Auto'!EH19&gt;100),"N",IF(AND('Cambios Auto'!EG19&lt;0,'Indices Auto'!EH19&lt;100),"R","NULL"))))</f>
        <v>N</v>
      </c>
      <c r="EH19" s="19" t="str">
        <f>IF(AND('Cambios Auto'!EH19&gt;0,'Indices Auto'!EI19&gt;100),"V",IF(AND('Cambios Auto'!EH19&gt;0,'Indices Auto'!EI19&lt;100),"A",IF(AND('Cambios Auto'!EH19&lt;0,'Indices Auto'!EI19&gt;100),"N",IF(AND('Cambios Auto'!EH19&lt;0,'Indices Auto'!EI19&lt;100),"R","NULL"))))</f>
        <v>N</v>
      </c>
      <c r="EI19" s="19" t="str">
        <f>IF(AND('Cambios Auto'!EI19&gt;0,'Indices Auto'!EJ19&gt;100),"V",IF(AND('Cambios Auto'!EI19&gt;0,'Indices Auto'!EJ19&lt;100),"A",IF(AND('Cambios Auto'!EI19&lt;0,'Indices Auto'!EJ19&gt;100),"N",IF(AND('Cambios Auto'!EI19&lt;0,'Indices Auto'!EJ19&lt;100),"R","NULL"))))</f>
        <v>V</v>
      </c>
      <c r="EJ19" s="19" t="str">
        <f>IF(AND('Cambios Auto'!EJ19&gt;0,'Indices Auto'!EK19&gt;100),"V",IF(AND('Cambios Auto'!EJ19&gt;0,'Indices Auto'!EK19&lt;100),"A",IF(AND('Cambios Auto'!EJ19&lt;0,'Indices Auto'!EK19&gt;100),"N",IF(AND('Cambios Auto'!EJ19&lt;0,'Indices Auto'!EK19&lt;100),"R","NULL"))))</f>
        <v>N</v>
      </c>
      <c r="EK19" s="19" t="str">
        <f>IF(AND('Cambios Auto'!EK19&gt;0,'Indices Auto'!EL19&gt;100),"V",IF(AND('Cambios Auto'!EK19&gt;0,'Indices Auto'!EL19&lt;100),"A",IF(AND('Cambios Auto'!EK19&lt;0,'Indices Auto'!EL19&gt;100),"N",IF(AND('Cambios Auto'!EK19&lt;0,'Indices Auto'!EL19&lt;100),"R","NULL"))))</f>
        <v>N</v>
      </c>
      <c r="EL19" s="19" t="str">
        <f>IF(AND('Cambios Auto'!EL19&gt;0,'Indices Auto'!EM19&gt;100),"V",IF(AND('Cambios Auto'!EL19&gt;0,'Indices Auto'!EM19&lt;100),"A",IF(AND('Cambios Auto'!EL19&lt;0,'Indices Auto'!EM19&gt;100),"N",IF(AND('Cambios Auto'!EL19&lt;0,'Indices Auto'!EM19&lt;100),"R","NULL"))))</f>
        <v>N</v>
      </c>
      <c r="EM19" s="19" t="str">
        <f>IF(AND('Cambios Auto'!EM19&gt;0,'Indices Auto'!EN19&gt;100),"V",IF(AND('Cambios Auto'!EM19&gt;0,'Indices Auto'!EN19&lt;100),"A",IF(AND('Cambios Auto'!EM19&lt;0,'Indices Auto'!EN19&gt;100),"N",IF(AND('Cambios Auto'!EM19&lt;0,'Indices Auto'!EN19&lt;100),"R","NULL"))))</f>
        <v>V</v>
      </c>
      <c r="EN19" s="19" t="str">
        <f>IF(AND('Cambios Auto'!EN19&gt;0,'Indices Auto'!EO19&gt;100),"V",IF(AND('Cambios Auto'!EN19&gt;0,'Indices Auto'!EO19&lt;100),"A",IF(AND('Cambios Auto'!EN19&lt;0,'Indices Auto'!EO19&gt;100),"N",IF(AND('Cambios Auto'!EN19&lt;0,'Indices Auto'!EO19&lt;100),"R","NULL"))))</f>
        <v>V</v>
      </c>
      <c r="EO19" s="19" t="str">
        <f>IF(AND('Cambios Auto'!EO19&gt;0,'Indices Auto'!EP19&gt;100),"V",IF(AND('Cambios Auto'!EO19&gt;0,'Indices Auto'!EP19&lt;100),"A",IF(AND('Cambios Auto'!EO19&lt;0,'Indices Auto'!EP19&gt;100),"N",IF(AND('Cambios Auto'!EO19&lt;0,'Indices Auto'!EP19&lt;100),"R","NULL"))))</f>
        <v>V</v>
      </c>
      <c r="EP19" s="19" t="str">
        <f>IF(AND('Cambios Auto'!EP19&gt;0,'Indices Auto'!EQ19&gt;100),"V",IF(AND('Cambios Auto'!EP19&gt;0,'Indices Auto'!EQ19&lt;100),"A",IF(AND('Cambios Auto'!EP19&lt;0,'Indices Auto'!EQ19&gt;100),"N",IF(AND('Cambios Auto'!EP19&lt;0,'Indices Auto'!EQ19&lt;100),"R","NULL"))))</f>
        <v>V</v>
      </c>
      <c r="EQ19" s="19" t="str">
        <f>IF(AND('Cambios Auto'!EQ19&gt;0,'Indices Auto'!ER19&gt;100),"V",IF(AND('Cambios Auto'!EQ19&gt;0,'Indices Auto'!ER19&lt;100),"A",IF(AND('Cambios Auto'!EQ19&lt;0,'Indices Auto'!ER19&gt;100),"N",IF(AND('Cambios Auto'!EQ19&lt;0,'Indices Auto'!ER19&lt;100),"R","NULL"))))</f>
        <v>V</v>
      </c>
      <c r="ER19" s="19" t="str">
        <f>IF(AND('Cambios Auto'!ER19&gt;0,'Indices Auto'!ES19&gt;100),"V",IF(AND('Cambios Auto'!ER19&gt;0,'Indices Auto'!ES19&lt;100),"A",IF(AND('Cambios Auto'!ER19&lt;0,'Indices Auto'!ES19&gt;100),"N",IF(AND('Cambios Auto'!ER19&lt;0,'Indices Auto'!ES19&lt;100),"R","NULL"))))</f>
        <v>V</v>
      </c>
      <c r="ES19" s="19" t="str">
        <f>IF(AND('Cambios Auto'!ES19&gt;0,'Indices Auto'!ET19&gt;100),"V",IF(AND('Cambios Auto'!ES19&gt;0,'Indices Auto'!ET19&lt;100),"A",IF(AND('Cambios Auto'!ES19&lt;0,'Indices Auto'!ET19&gt;100),"N",IF(AND('Cambios Auto'!ES19&lt;0,'Indices Auto'!ET19&lt;100),"R","NULL"))))</f>
        <v>V</v>
      </c>
      <c r="ET19" s="19" t="str">
        <f>IF(AND('Cambios Auto'!ET19&gt;0,'Indices Auto'!EU19&gt;100),"V",IF(AND('Cambios Auto'!ET19&gt;0,'Indices Auto'!EU19&lt;100),"A",IF(AND('Cambios Auto'!ET19&lt;0,'Indices Auto'!EU19&gt;100),"N",IF(AND('Cambios Auto'!ET19&lt;0,'Indices Auto'!EU19&lt;100),"R","NULL"))))</f>
        <v>V</v>
      </c>
      <c r="EU19" s="19" t="str">
        <f>IF(AND('Cambios Auto'!EU19&gt;0,'Indices Auto'!EV19&gt;100),"V",IF(AND('Cambios Auto'!EU19&gt;0,'Indices Auto'!EV19&lt;100),"A",IF(AND('Cambios Auto'!EU19&lt;0,'Indices Auto'!EV19&gt;100),"N",IF(AND('Cambios Auto'!EU19&lt;0,'Indices Auto'!EV19&lt;100),"R","NULL"))))</f>
        <v>V</v>
      </c>
      <c r="EV19" s="19" t="str">
        <f>IF(AND('Cambios Auto'!EV19&gt;0,'Indices Auto'!EW19&gt;100),"V",IF(AND('Cambios Auto'!EV19&gt;0,'Indices Auto'!EW19&lt;100),"A",IF(AND('Cambios Auto'!EV19&lt;0,'Indices Auto'!EW19&gt;100),"N",IF(AND('Cambios Auto'!EV19&lt;0,'Indices Auto'!EW19&lt;100),"R","NULL"))))</f>
        <v>V</v>
      </c>
      <c r="EW19" s="19" t="str">
        <f>IF(AND('Cambios Auto'!EW19&gt;0,'Indices Auto'!EX19&gt;100),"V",IF(AND('Cambios Auto'!EW19&gt;0,'Indices Auto'!EX19&lt;100),"A",IF(AND('Cambios Auto'!EW19&lt;0,'Indices Auto'!EX19&gt;100),"N",IF(AND('Cambios Auto'!EW19&lt;0,'Indices Auto'!EX19&lt;100),"R","NULL"))))</f>
        <v>N</v>
      </c>
      <c r="EX19" s="19" t="str">
        <f>IF(AND('Cambios Auto'!EX19&gt;0,'Indices Auto'!EY19&gt;100),"V",IF(AND('Cambios Auto'!EX19&gt;0,'Indices Auto'!EY19&lt;100),"A",IF(AND('Cambios Auto'!EX19&lt;0,'Indices Auto'!EY19&gt;100),"N",IF(AND('Cambios Auto'!EX19&lt;0,'Indices Auto'!EY19&lt;100),"R","NULL"))))</f>
        <v>V</v>
      </c>
      <c r="EY19" s="19" t="str">
        <f>IF(AND('Cambios Auto'!EY19&gt;0,'Indices Auto'!EZ19&gt;100),"V",IF(AND('Cambios Auto'!EY19&gt;0,'Indices Auto'!EZ19&lt;100),"A",IF(AND('Cambios Auto'!EY19&lt;0,'Indices Auto'!EZ19&gt;100),"N",IF(AND('Cambios Auto'!EY19&lt;0,'Indices Auto'!EZ19&lt;100),"R","NULL"))))</f>
        <v>V</v>
      </c>
      <c r="EZ19" s="19" t="str">
        <f>IF(AND('Cambios Auto'!EZ19&gt;0,'Indices Auto'!FA19&gt;100),"V",IF(AND('Cambios Auto'!EZ19&gt;0,'Indices Auto'!FA19&lt;100),"A",IF(AND('Cambios Auto'!EZ19&lt;0,'Indices Auto'!FA19&gt;100),"N",IF(AND('Cambios Auto'!EZ19&lt;0,'Indices Auto'!FA19&lt;100),"R","NULL"))))</f>
        <v>V</v>
      </c>
      <c r="FA19" s="19" t="str">
        <f>IF(AND('Cambios Auto'!FA19&gt;0,'Indices Auto'!FB19&gt;100),"V",IF(AND('Cambios Auto'!FA19&gt;0,'Indices Auto'!FB19&lt;100),"A",IF(AND('Cambios Auto'!FA19&lt;0,'Indices Auto'!FB19&gt;100),"N",IF(AND('Cambios Auto'!FA19&lt;0,'Indices Auto'!FB19&lt;100),"R","NULL"))))</f>
        <v>V</v>
      </c>
      <c r="FB19" s="19" t="str">
        <f>IF(AND('Cambios Auto'!FB19&gt;0,'Indices Auto'!FC19&gt;100),"V",IF(AND('Cambios Auto'!FB19&gt;0,'Indices Auto'!FC19&lt;100),"A",IF(AND('Cambios Auto'!FB19&lt;0,'Indices Auto'!FC19&gt;100),"N",IF(AND('Cambios Auto'!FB19&lt;0,'Indices Auto'!FC19&lt;100),"R","NULL"))))</f>
        <v>V</v>
      </c>
      <c r="FC19" s="19" t="str">
        <f>IF(AND('Cambios Auto'!FC19&gt;0,'Indices Auto'!FD19&gt;100),"V",IF(AND('Cambios Auto'!FC19&gt;0,'Indices Auto'!FD19&lt;100),"A",IF(AND('Cambios Auto'!FC19&lt;0,'Indices Auto'!FD19&gt;100),"N",IF(AND('Cambios Auto'!FC19&lt;0,'Indices Auto'!FD19&lt;100),"R","NULL"))))</f>
        <v>N</v>
      </c>
      <c r="FD19" s="19" t="str">
        <f>IF(AND('Cambios Auto'!FD19&gt;0,'Indices Auto'!FE19&gt;100),"V",IF(AND('Cambios Auto'!FD19&gt;0,'Indices Auto'!FE19&lt;100),"A",IF(AND('Cambios Auto'!FD19&lt;0,'Indices Auto'!FE19&gt;100),"N",IF(AND('Cambios Auto'!FD19&lt;0,'Indices Auto'!FE19&lt;100),"R","NULL"))))</f>
        <v>N</v>
      </c>
      <c r="FE19" s="19" t="str">
        <f>IF(AND('Cambios Auto'!FE19&gt;0,'Indices Auto'!FF19&gt;100),"V",IF(AND('Cambios Auto'!FE19&gt;0,'Indices Auto'!FF19&lt;100),"A",IF(AND('Cambios Auto'!FE19&lt;0,'Indices Auto'!FF19&gt;100),"N",IF(AND('Cambios Auto'!FE19&lt;0,'Indices Auto'!FF19&lt;100),"R","NULL"))))</f>
        <v>N</v>
      </c>
      <c r="FF19" s="19" t="str">
        <f>IF(AND('Cambios Auto'!FF19&gt;0,'Indices Auto'!FG19&gt;100),"V",IF(AND('Cambios Auto'!FF19&gt;0,'Indices Auto'!FG19&lt;100),"A",IF(AND('Cambios Auto'!FF19&lt;0,'Indices Auto'!FG19&gt;100),"N",IF(AND('Cambios Auto'!FF19&lt;0,'Indices Auto'!FG19&lt;100),"R","NULL"))))</f>
        <v>N</v>
      </c>
      <c r="FG19" s="19" t="str">
        <f>IF(AND('Cambios Auto'!FG19&gt;0,'Indices Auto'!FH19&gt;100),"V",IF(AND('Cambios Auto'!FG19&gt;0,'Indices Auto'!FH19&lt;100),"A",IF(AND('Cambios Auto'!FG19&lt;0,'Indices Auto'!FH19&gt;100),"N",IF(AND('Cambios Auto'!FG19&lt;0,'Indices Auto'!FH19&lt;100),"R","NULL"))))</f>
        <v>N</v>
      </c>
      <c r="FH19" s="19" t="str">
        <f>IF(AND('Cambios Auto'!FH19&gt;0,'Indices Auto'!FI19&gt;100),"V",IF(AND('Cambios Auto'!FH19&gt;0,'Indices Auto'!FI19&lt;100),"A",IF(AND('Cambios Auto'!FH19&lt;0,'Indices Auto'!FI19&gt;100),"N",IF(AND('Cambios Auto'!FH19&lt;0,'Indices Auto'!FI19&lt;100),"R","NULL"))))</f>
        <v>N</v>
      </c>
      <c r="FI19" s="19" t="str">
        <f>IF(AND('Cambios Auto'!FI19&gt;0,'Indices Auto'!FJ19&gt;100),"V",IF(AND('Cambios Auto'!FI19&gt;0,'Indices Auto'!FJ19&lt;100),"A",IF(AND('Cambios Auto'!FI19&lt;0,'Indices Auto'!FJ19&gt;100),"N",IF(AND('Cambios Auto'!FI19&lt;0,'Indices Auto'!FJ19&lt;100),"R","NULL"))))</f>
        <v>N</v>
      </c>
      <c r="FJ19" s="19" t="str">
        <f>IF(AND('Cambios Auto'!FJ19&gt;0,'Indices Auto'!FK19&gt;100),"V",IF(AND('Cambios Auto'!FJ19&gt;0,'Indices Auto'!FK19&lt;100),"A",IF(AND('Cambios Auto'!FJ19&lt;0,'Indices Auto'!FK19&gt;100),"N",IF(AND('Cambios Auto'!FJ19&lt;0,'Indices Auto'!FK19&lt;100),"R","NULL"))))</f>
        <v>R</v>
      </c>
      <c r="FK19" s="19" t="str">
        <f>IF(AND('Cambios Auto'!FK19&gt;0,'Indices Auto'!FL19&gt;100),"V",IF(AND('Cambios Auto'!FK19&gt;0,'Indices Auto'!FL19&lt;100),"A",IF(AND('Cambios Auto'!FK19&lt;0,'Indices Auto'!FL19&gt;100),"N",IF(AND('Cambios Auto'!FK19&lt;0,'Indices Auto'!FL19&lt;100),"R","NULL"))))</f>
        <v>R</v>
      </c>
      <c r="FL19" s="19" t="str">
        <f>IF(AND('Cambios Auto'!FL19&gt;0,'Indices Auto'!FM19&gt;100),"V",IF(AND('Cambios Auto'!FL19&gt;0,'Indices Auto'!FM19&lt;100),"A",IF(AND('Cambios Auto'!FL19&lt;0,'Indices Auto'!FM19&gt;100),"N",IF(AND('Cambios Auto'!FL19&lt;0,'Indices Auto'!FM19&lt;100),"R","NULL"))))</f>
        <v>R</v>
      </c>
      <c r="FM19" s="19" t="str">
        <f>IF(AND('Cambios Auto'!FM19&gt;0,'Indices Auto'!FN19&gt;100),"V",IF(AND('Cambios Auto'!FM19&gt;0,'Indices Auto'!FN19&lt;100),"A",IF(AND('Cambios Auto'!FM19&lt;0,'Indices Auto'!FN19&gt;100),"N",IF(AND('Cambios Auto'!FM19&lt;0,'Indices Auto'!FN19&lt;100),"R","NULL"))))</f>
        <v>R</v>
      </c>
      <c r="FN19" s="19" t="str">
        <f>IF(AND('Cambios Auto'!FN19&gt;0,'Indices Auto'!FO19&gt;100),"V",IF(AND('Cambios Auto'!FN19&gt;0,'Indices Auto'!FO19&lt;100),"A",IF(AND('Cambios Auto'!FN19&lt;0,'Indices Auto'!FO19&gt;100),"N",IF(AND('Cambios Auto'!FN19&lt;0,'Indices Auto'!FO19&lt;100),"R","NULL"))))</f>
        <v>R</v>
      </c>
      <c r="FO19" s="19" t="str">
        <f>IF(AND('Cambios Auto'!FO19&gt;0,'Indices Auto'!FP19&gt;100),"V",IF(AND('Cambios Auto'!FO19&gt;0,'Indices Auto'!FP19&lt;100),"A",IF(AND('Cambios Auto'!FO19&lt;0,'Indices Auto'!FP19&gt;100),"N",IF(AND('Cambios Auto'!FO19&lt;0,'Indices Auto'!FP19&lt;100),"R","NULL"))))</f>
        <v>R</v>
      </c>
      <c r="FP19" s="19" t="str">
        <f>IF(AND('Cambios Auto'!FP19&gt;0,'Indices Auto'!FQ19&gt;100),"V",IF(AND('Cambios Auto'!FP19&gt;0,'Indices Auto'!FQ19&lt;100),"A",IF(AND('Cambios Auto'!FP19&lt;0,'Indices Auto'!FQ19&gt;100),"N",IF(AND('Cambios Auto'!FP19&lt;0,'Indices Auto'!FQ19&lt;100),"R","NULL"))))</f>
        <v>A</v>
      </c>
      <c r="FQ19" s="19" t="str">
        <f>IF(AND('Cambios Auto'!FQ19&gt;0,'Indices Auto'!FR19&gt;100),"V",IF(AND('Cambios Auto'!FQ19&gt;0,'Indices Auto'!FR19&lt;100),"A",IF(AND('Cambios Auto'!FQ19&lt;0,'Indices Auto'!FR19&gt;100),"N",IF(AND('Cambios Auto'!FQ19&lt;0,'Indices Auto'!FR19&lt;100),"R","NULL"))))</f>
        <v>A</v>
      </c>
      <c r="FR19" s="19" t="str">
        <f>IF(AND('Cambios Auto'!FR19&gt;0,'Indices Auto'!FS19&gt;100),"V",IF(AND('Cambios Auto'!FR19&gt;0,'Indices Auto'!FS19&lt;100),"A",IF(AND('Cambios Auto'!FR19&lt;0,'Indices Auto'!FS19&gt;100),"N",IF(AND('Cambios Auto'!FR19&lt;0,'Indices Auto'!FS19&lt;100),"R","NULL"))))</f>
        <v>A</v>
      </c>
      <c r="FS19" s="19" t="str">
        <f>IF(AND('Cambios Auto'!FS19&gt;0,'Indices Auto'!FT19&gt;100),"V",IF(AND('Cambios Auto'!FS19&gt;0,'Indices Auto'!FT19&lt;100),"A",IF(AND('Cambios Auto'!FS19&lt;0,'Indices Auto'!FT19&gt;100),"N",IF(AND('Cambios Auto'!FS19&lt;0,'Indices Auto'!FT19&lt;100),"R","NULL"))))</f>
        <v>A</v>
      </c>
      <c r="FT19" s="19" t="str">
        <f>IF(AND('Cambios Auto'!FT19&gt;0,'Indices Auto'!FU19&gt;100),"V",IF(AND('Cambios Auto'!FT19&gt;0,'Indices Auto'!FU19&lt;100),"A",IF(AND('Cambios Auto'!FT19&lt;0,'Indices Auto'!FU19&gt;100),"N",IF(AND('Cambios Auto'!FT19&lt;0,'Indices Auto'!FU19&lt;100),"R","NULL"))))</f>
        <v>A</v>
      </c>
      <c r="FU19" s="19" t="str">
        <f>IF(AND('Cambios Auto'!FU19&gt;0,'Indices Auto'!FV19&gt;100),"V",IF(AND('Cambios Auto'!FU19&gt;0,'Indices Auto'!FV19&lt;100),"A",IF(AND('Cambios Auto'!FU19&lt;0,'Indices Auto'!FV19&gt;100),"N",IF(AND('Cambios Auto'!FU19&lt;0,'Indices Auto'!FV19&lt;100),"R","NULL"))))</f>
        <v>A</v>
      </c>
      <c r="FV19" s="19" t="str">
        <f>IF(AND('Cambios Auto'!FV19&gt;0,'Indices Auto'!FW19&gt;100),"V",IF(AND('Cambios Auto'!FV19&gt;0,'Indices Auto'!FW19&lt;100),"A",IF(AND('Cambios Auto'!FV19&lt;0,'Indices Auto'!FW19&gt;100),"N",IF(AND('Cambios Auto'!FV19&lt;0,'Indices Auto'!FW19&lt;100),"R","NULL"))))</f>
        <v>A</v>
      </c>
      <c r="FW19" s="19" t="str">
        <f>IF(AND('Cambios Auto'!FW19&gt;0,'Indices Auto'!FX19&gt;100),"V",IF(AND('Cambios Auto'!FW19&gt;0,'Indices Auto'!FX19&lt;100),"A",IF(AND('Cambios Auto'!FW19&lt;0,'Indices Auto'!FX19&gt;100),"N",IF(AND('Cambios Auto'!FW19&lt;0,'Indices Auto'!FX19&lt;100),"R","NULL"))))</f>
        <v>V</v>
      </c>
      <c r="FX19" s="19" t="str">
        <f>IF(AND('Cambios Auto'!FX19&gt;0,'Indices Auto'!FY19&gt;100),"V",IF(AND('Cambios Auto'!FX19&gt;0,'Indices Auto'!FY19&lt;100),"A",IF(AND('Cambios Auto'!FX19&lt;0,'Indices Auto'!FY19&gt;100),"N",IF(AND('Cambios Auto'!FX19&lt;0,'Indices Auto'!FY19&lt;100),"R","NULL"))))</f>
        <v>V</v>
      </c>
      <c r="FY19" s="19" t="str">
        <f>IF(AND('Cambios Auto'!FY19&gt;0,'Indices Auto'!FZ19&gt;100),"V",IF(AND('Cambios Auto'!FY19&gt;0,'Indices Auto'!FZ19&lt;100),"A",IF(AND('Cambios Auto'!FY19&lt;0,'Indices Auto'!FZ19&gt;100),"N",IF(AND('Cambios Auto'!FY19&lt;0,'Indices Auto'!FZ19&lt;100),"R","NULL"))))</f>
        <v>V</v>
      </c>
      <c r="FZ19" s="19" t="str">
        <f>IF(AND('Cambios Auto'!FZ19&gt;0,'Indices Auto'!GA19&gt;100),"V",IF(AND('Cambios Auto'!FZ19&gt;0,'Indices Auto'!GA19&lt;100),"A",IF(AND('Cambios Auto'!FZ19&lt;0,'Indices Auto'!GA19&gt;100),"N",IF(AND('Cambios Auto'!FZ19&lt;0,'Indices Auto'!GA19&lt;100),"R","NULL"))))</f>
        <v>V</v>
      </c>
      <c r="GA19" s="19" t="str">
        <f>IF(AND('Cambios Auto'!GA19&gt;0,'Indices Auto'!GB19&gt;100),"V",IF(AND('Cambios Auto'!GA19&gt;0,'Indices Auto'!GB19&lt;100),"A",IF(AND('Cambios Auto'!GA19&lt;0,'Indices Auto'!GB19&gt;100),"N",IF(AND('Cambios Auto'!GA19&lt;0,'Indices Auto'!GB19&lt;100),"R","NULL"))))</f>
        <v>V</v>
      </c>
      <c r="GB19" s="19" t="str">
        <f>IF(AND('Cambios Auto'!GB19&gt;0,'Indices Auto'!GC19&gt;100),"V",IF(AND('Cambios Auto'!GB19&gt;0,'Indices Auto'!GC19&lt;100),"A",IF(AND('Cambios Auto'!GB19&lt;0,'Indices Auto'!GC19&gt;100),"N",IF(AND('Cambios Auto'!GB19&lt;0,'Indices Auto'!GC19&lt;100),"R","NULL"))))</f>
        <v>N</v>
      </c>
      <c r="GC19" s="19" t="str">
        <f>IF(AND('Cambios Auto'!GC19&gt;0,'Indices Auto'!GD19&gt;100),"V",IF(AND('Cambios Auto'!GC19&gt;0,'Indices Auto'!GD19&lt;100),"A",IF(AND('Cambios Auto'!GC19&lt;0,'Indices Auto'!GD19&gt;100),"N",IF(AND('Cambios Auto'!GC19&lt;0,'Indices Auto'!GD19&lt;100),"R","NULL"))))</f>
        <v>N</v>
      </c>
      <c r="GD19" s="19" t="str">
        <f>IF(AND('Cambios Auto'!GD19&gt;0,'Indices Auto'!GE19&gt;100),"V",IF(AND('Cambios Auto'!GD19&gt;0,'Indices Auto'!GE19&lt;100),"A",IF(AND('Cambios Auto'!GD19&lt;0,'Indices Auto'!GE19&gt;100),"N",IF(AND('Cambios Auto'!GD19&lt;0,'Indices Auto'!GE19&lt;100),"R","NULL"))))</f>
        <v>N</v>
      </c>
      <c r="GE19" s="19" t="str">
        <f>IF(AND('Cambios Auto'!GE19&gt;0,'Indices Auto'!GF19&gt;100),"V",IF(AND('Cambios Auto'!GE19&gt;0,'Indices Auto'!GF19&lt;100),"A",IF(AND('Cambios Auto'!GE19&lt;0,'Indices Auto'!GF19&gt;100),"N",IF(AND('Cambios Auto'!GE19&lt;0,'Indices Auto'!GF19&lt;100),"R","NULL"))))</f>
        <v>R</v>
      </c>
      <c r="GF19" s="19" t="str">
        <f>IF(AND('Cambios Auto'!GF19&gt;0,'Indices Auto'!GG19&gt;100),"V",IF(AND('Cambios Auto'!GF19&gt;0,'Indices Auto'!GG19&lt;100),"A",IF(AND('Cambios Auto'!GF19&lt;0,'Indices Auto'!GG19&gt;100),"N",IF(AND('Cambios Auto'!GF19&lt;0,'Indices Auto'!GG19&lt;100),"R","NULL"))))</f>
        <v>R</v>
      </c>
      <c r="GG19" s="19" t="str">
        <f>IF(AND('Cambios Auto'!GG19&gt;0,'Indices Auto'!GH19&gt;100),"V",IF(AND('Cambios Auto'!GG19&gt;0,'Indices Auto'!GH19&lt;100),"A",IF(AND('Cambios Auto'!GG19&lt;0,'Indices Auto'!GH19&gt;100),"N",IF(AND('Cambios Auto'!GG19&lt;0,'Indices Auto'!GH19&lt;100),"R","NULL"))))</f>
        <v>R</v>
      </c>
      <c r="GH19" s="19" t="str">
        <f>IF(AND('Cambios Auto'!GH19&gt;0,'Indices Auto'!GR19&gt;100),"V",IF(AND('Cambios Auto'!GH19&gt;0,'Indices Auto'!GR19&lt;100),"A",IF(AND('Cambios Auto'!GH19&lt;0,'Indices Auto'!GR19&gt;100),"N",IF(AND('Cambios Auto'!GH19&lt;0,'Indices Auto'!GR19&lt;100),"R","NULL"))))</f>
        <v>A</v>
      </c>
      <c r="GI19" s="19" t="str">
        <f>IF(AND('Cambios Auto'!GI19&gt;0,'Indices Auto'!GS19&gt;100),"V",IF(AND('Cambios Auto'!GI19&gt;0,'Indices Auto'!GS19&lt;100),"A",IF(AND('Cambios Auto'!GI19&lt;0,'Indices Auto'!GS19&gt;100),"N",IF(AND('Cambios Auto'!GI19&lt;0,'Indices Auto'!GS19&lt;100),"R","NULL"))))</f>
        <v>A</v>
      </c>
      <c r="GJ19" s="19" t="str">
        <f>IF(AND('Cambios Auto'!GJ19&gt;0,'Indices Auto'!GT19&gt;100),"V",IF(AND('Cambios Auto'!GJ19&gt;0,'Indices Auto'!GT19&lt;100),"A",IF(AND('Cambios Auto'!GJ19&lt;0,'Indices Auto'!GT19&gt;100),"N",IF(AND('Cambios Auto'!GJ19&lt;0,'Indices Auto'!GT19&lt;100),"R","NULL"))))</f>
        <v>V</v>
      </c>
      <c r="GK19" s="19" t="str">
        <f>IF(AND('Cambios Auto'!GK19&gt;0,'Indices Auto'!GU19&gt;100),"V",IF(AND('Cambios Auto'!GK19&gt;0,'Indices Auto'!GU19&lt;100),"A",IF(AND('Cambios Auto'!GK19&lt;0,'Indices Auto'!GU19&gt;100),"N",IF(AND('Cambios Auto'!GK19&lt;0,'Indices Auto'!GU19&lt;100),"R","NULL"))))</f>
        <v>R</v>
      </c>
      <c r="GL19" s="19" t="str">
        <f>IF(AND('Cambios Auto'!GL19&gt;0,'Indices Auto'!GV19&gt;100),"V",IF(AND('Cambios Auto'!GL19&gt;0,'Indices Auto'!GV19&lt;100),"A",IF(AND('Cambios Auto'!GL19&lt;0,'Indices Auto'!GV19&gt;100),"N",IF(AND('Cambios Auto'!GL19&lt;0,'Indices Auto'!GV19&lt;100),"R","NULL"))))</f>
        <v>R</v>
      </c>
      <c r="GM19" s="19" t="str">
        <f>IF(AND('Cambios Auto'!GM19&gt;0,'Indices Auto'!GW19&gt;100),"V",IF(AND('Cambios Auto'!GM19&gt;0,'Indices Auto'!GW19&lt;100),"A",IF(AND('Cambios Auto'!GM19&lt;0,'Indices Auto'!GW19&gt;100),"N",IF(AND('Cambios Auto'!GM19&lt;0,'Indices Auto'!GW19&lt;100),"R","NULL"))))</f>
        <v>R</v>
      </c>
      <c r="GN19" s="19" t="str">
        <f>IF(AND('Cambios Auto'!GN19&gt;0,'Indices Auto'!GX19&gt;100),"V",IF(AND('Cambios Auto'!GN19&gt;0,'Indices Auto'!GX19&lt;100),"A",IF(AND('Cambios Auto'!GN19&lt;0,'Indices Auto'!GX19&gt;100),"N",IF(AND('Cambios Auto'!GN19&lt;0,'Indices Auto'!GX19&lt;100),"R","NULL"))))</f>
        <v>R</v>
      </c>
      <c r="GO19" s="19" t="str">
        <f>IF(AND('Cambios Auto'!GO19&gt;0,'Indices Auto'!GY19&gt;100),"V",IF(AND('Cambios Auto'!GO19&gt;0,'Indices Auto'!GY19&lt;100),"A",IF(AND('Cambios Auto'!GO19&lt;0,'Indices Auto'!GY19&gt;100),"N",IF(AND('Cambios Auto'!GO19&lt;0,'Indices Auto'!GY19&lt;100),"R","NULL"))))</f>
        <v>R</v>
      </c>
      <c r="GP19" s="19" t="str">
        <f>IF(AND('Cambios Auto'!GP19&gt;0,'Indices Auto'!GZ19&gt;100),"V",IF(AND('Cambios Auto'!GP19&gt;0,'Indices Auto'!GZ19&lt;100),"A",IF(AND('Cambios Auto'!GP19&lt;0,'Indices Auto'!GZ19&gt;100),"N",IF(AND('Cambios Auto'!GP19&lt;0,'Indices Auto'!GZ19&lt;100),"R","NULL"))))</f>
        <v>R</v>
      </c>
      <c r="GQ19" s="19" t="str">
        <f>IF(AND('Cambios Auto'!GQ19&gt;0,'Indices Auto'!HA19&gt;100),"V",IF(AND('Cambios Auto'!GQ19&gt;0,'Indices Auto'!HA19&lt;100),"A",IF(AND('Cambios Auto'!GQ19&lt;0,'Indices Auto'!HA19&gt;100),"N",IF(AND('Cambios Auto'!GQ19&lt;0,'Indices Auto'!HA19&lt;100),"R","NULL"))))</f>
        <v>NULL</v>
      </c>
      <c r="GR19" s="19" t="str">
        <f>IF(AND('Cambios Auto'!GR19&gt;0,'Indices Auto'!HB19&gt;100),"V",IF(AND('Cambios Auto'!GR19&gt;0,'Indices Auto'!HB19&lt;100),"A",IF(AND('Cambios Auto'!GR19&lt;0,'Indices Auto'!HB19&gt;100),"N",IF(AND('Cambios Auto'!GR19&lt;0,'Indices Auto'!HB19&lt;100),"R","NULL"))))</f>
        <v>NULL</v>
      </c>
      <c r="GS19" s="19" t="str">
        <f>IF(AND('Cambios Auto'!GS19&gt;0,'Indices Auto'!HC19&gt;100),"V",IF(AND('Cambios Auto'!GS19&gt;0,'Indices Auto'!HC19&lt;100),"A",IF(AND('Cambios Auto'!GS19&lt;0,'Indices Auto'!HC19&gt;100),"N",IF(AND('Cambios Auto'!GS19&lt;0,'Indices Auto'!HC19&lt;100),"R","NULL"))))</f>
        <v>NULL</v>
      </c>
      <c r="GT19" s="19" t="str">
        <f>IF(AND('Cambios Auto'!GT19&gt;0,'Indices Auto'!HD19&gt;100),"V",IF(AND('Cambios Auto'!GT19&gt;0,'Indices Auto'!HD19&lt;100),"A",IF(AND('Cambios Auto'!GT19&lt;0,'Indices Auto'!HD19&gt;100),"N",IF(AND('Cambios Auto'!GT19&lt;0,'Indices Auto'!HD19&lt;100),"R","NULL"))))</f>
        <v>NULL</v>
      </c>
      <c r="GU19" s="19" t="str">
        <f>IF(AND('Cambios Auto'!GU19&gt;0,'Indices Auto'!HE19&gt;100),"V",IF(AND('Cambios Auto'!GU19&gt;0,'Indices Auto'!HE19&lt;100),"A",IF(AND('Cambios Auto'!GU19&lt;0,'Indices Auto'!HE19&gt;100),"N",IF(AND('Cambios Auto'!GU19&lt;0,'Indices Auto'!HE19&lt;100),"R","NULL"))))</f>
        <v>NULL</v>
      </c>
      <c r="GV19" s="19" t="str">
        <f>IF(AND('Cambios Auto'!GV19&gt;0,'Indices Auto'!HF19&gt;100),"V",IF(AND('Cambios Auto'!GV19&gt;0,'Indices Auto'!HF19&lt;100),"A",IF(AND('Cambios Auto'!GV19&lt;0,'Indices Auto'!HF19&gt;100),"N",IF(AND('Cambios Auto'!GV19&lt;0,'Indices Auto'!HF19&lt;100),"R","NULL"))))</f>
        <v>NULL</v>
      </c>
      <c r="GW19" s="19" t="str">
        <f>IF(AND('Cambios Auto'!GW19&gt;0,'Indices Auto'!HG19&gt;100),"V",IF(AND('Cambios Auto'!GW19&gt;0,'Indices Auto'!HG19&lt;100),"A",IF(AND('Cambios Auto'!GW19&lt;0,'Indices Auto'!HG19&gt;100),"N",IF(AND('Cambios Auto'!GW19&lt;0,'Indices Auto'!HG19&lt;100),"R","NULL"))))</f>
        <v>NULL</v>
      </c>
      <c r="GX19" s="19" t="str">
        <f>IF(AND('Cambios Auto'!GX19&gt;0,'Indices Auto'!HH19&gt;100),"V",IF(AND('Cambios Auto'!GX19&gt;0,'Indices Auto'!HH19&lt;100),"A",IF(AND('Cambios Auto'!GX19&lt;0,'Indices Auto'!HH19&gt;100),"N",IF(AND('Cambios Auto'!GX19&lt;0,'Indices Auto'!HH19&lt;100),"R","NULL"))))</f>
        <v>NULL</v>
      </c>
      <c r="GY19" s="19" t="str">
        <f>IF(AND('Cambios Auto'!GY19&gt;0,'Indices Auto'!HI19&gt;100),"V",IF(AND('Cambios Auto'!GY19&gt;0,'Indices Auto'!HI19&lt;100),"A",IF(AND('Cambios Auto'!GY19&lt;0,'Indices Auto'!HI19&gt;100),"N",IF(AND('Cambios Auto'!GY19&lt;0,'Indices Auto'!HI19&lt;100),"R","NULL"))))</f>
        <v>NULL</v>
      </c>
      <c r="GZ19" s="19" t="str">
        <f>IF(AND('Cambios Auto'!GZ19&gt;0,'Indices Auto'!HJ19&gt;100),"V",IF(AND('Cambios Auto'!GZ19&gt;0,'Indices Auto'!HJ19&lt;100),"A",IF(AND('Cambios Auto'!GZ19&lt;0,'Indices Auto'!HJ19&gt;100),"N",IF(AND('Cambios Auto'!GZ19&lt;0,'Indices Auto'!HJ19&lt;100),"R","NULL"))))</f>
        <v>NULL</v>
      </c>
      <c r="HA19" s="19" t="str">
        <f>IF(AND('Cambios Auto'!HA19&gt;0,'Indices Auto'!HK19&gt;100),"V",IF(AND('Cambios Auto'!HA19&gt;0,'Indices Auto'!HK19&lt;100),"A",IF(AND('Cambios Auto'!HA19&lt;0,'Indices Auto'!HK19&gt;100),"N",IF(AND('Cambios Auto'!HA19&lt;0,'Indices Auto'!HK19&lt;100),"R","NULL"))))</f>
        <v>NULL</v>
      </c>
      <c r="HB19" s="19" t="str">
        <f>IF(AND('Cambios Auto'!HB19&gt;0,'Indices Auto'!HL19&gt;100),"V",IF(AND('Cambios Auto'!HB19&gt;0,'Indices Auto'!HL19&lt;100),"A",IF(AND('Cambios Auto'!HB19&lt;0,'Indices Auto'!HL19&gt;100),"N",IF(AND('Cambios Auto'!HB19&lt;0,'Indices Auto'!HL19&lt;100),"R","NULL"))))</f>
        <v>NULL</v>
      </c>
      <c r="HC19" s="19" t="str">
        <f>IF(AND('Cambios Auto'!HC19&gt;0,'Indices Auto'!HM19&gt;100),"V",IF(AND('Cambios Auto'!HC19&gt;0,'Indices Auto'!HM19&lt;100),"A",IF(AND('Cambios Auto'!HC19&lt;0,'Indices Auto'!HM19&gt;100),"N",IF(AND('Cambios Auto'!HC19&lt;0,'Indices Auto'!HM19&lt;100),"R","NULL"))))</f>
        <v>NULL</v>
      </c>
      <c r="HD19" s="19" t="str">
        <f>IF(AND('Cambios Auto'!HD19&gt;0,'Indices Auto'!HN19&gt;100),"V",IF(AND('Cambios Auto'!HD19&gt;0,'Indices Auto'!HN19&lt;100),"A",IF(AND('Cambios Auto'!HD19&lt;0,'Indices Auto'!HN19&gt;100),"N",IF(AND('Cambios Auto'!HD19&lt;0,'Indices Auto'!HN19&lt;100),"R","NULL"))))</f>
        <v>NULL</v>
      </c>
      <c r="HE19" s="19" t="str">
        <f>IF(AND('Cambios Auto'!HE19&gt;0,'Indices Auto'!HO19&gt;100),"V",IF(AND('Cambios Auto'!HE19&gt;0,'Indices Auto'!HO19&lt;100),"A",IF(AND('Cambios Auto'!HE19&lt;0,'Indices Auto'!HO19&gt;100),"N",IF(AND('Cambios Auto'!HE19&lt;0,'Indices Auto'!HO19&lt;100),"R","NULL"))))</f>
        <v>NULL</v>
      </c>
      <c r="HF19" s="19" t="str">
        <f>IF(AND('Cambios Auto'!HF19&gt;0,'Indices Auto'!HP19&gt;100),"V",IF(AND('Cambios Auto'!HF19&gt;0,'Indices Auto'!HP19&lt;100),"A",IF(AND('Cambios Auto'!HF19&lt;0,'Indices Auto'!HP19&gt;100),"N",IF(AND('Cambios Auto'!HF19&lt;0,'Indices Auto'!HP19&lt;100),"R","NULL"))))</f>
        <v>NULL</v>
      </c>
      <c r="HG19" s="19" t="str">
        <f>IF(AND('Cambios Auto'!HG19&gt;0,'Indices Auto'!HQ19&gt;100),"V",IF(AND('Cambios Auto'!HG19&gt;0,'Indices Auto'!HQ19&lt;100),"A",IF(AND('Cambios Auto'!HG19&lt;0,'Indices Auto'!HQ19&gt;100),"N",IF(AND('Cambios Auto'!HG19&lt;0,'Indices Auto'!HQ19&lt;100),"R","NULL"))))</f>
        <v>NULL</v>
      </c>
      <c r="HH19" s="19" t="str">
        <f>IF(AND('Cambios Auto'!HH19&gt;0,'Indices Auto'!HR19&gt;100),"V",IF(AND('Cambios Auto'!HH19&gt;0,'Indices Auto'!HR19&lt;100),"A",IF(AND('Cambios Auto'!HH19&lt;0,'Indices Auto'!HR19&gt;100),"N",IF(AND('Cambios Auto'!HH19&lt;0,'Indices Auto'!HR19&lt;100),"R","NULL"))))</f>
        <v>NULL</v>
      </c>
      <c r="HI19" s="19" t="str">
        <f>IF(AND('Cambios Auto'!HI19&gt;0,'Indices Auto'!HS19&gt;100),"V",IF(AND('Cambios Auto'!HI19&gt;0,'Indices Auto'!HS19&lt;100),"A",IF(AND('Cambios Auto'!HI19&lt;0,'Indices Auto'!HS19&gt;100),"N",IF(AND('Cambios Auto'!HI19&lt;0,'Indices Auto'!HS19&lt;100),"R","NULL"))))</f>
        <v>NULL</v>
      </c>
      <c r="HJ19" s="19" t="str">
        <f>IF(AND('Cambios Auto'!HJ19&gt;0,'Indices Auto'!HT19&gt;100),"V",IF(AND('Cambios Auto'!HJ19&gt;0,'Indices Auto'!HT19&lt;100),"A",IF(AND('Cambios Auto'!HJ19&lt;0,'Indices Auto'!HT19&gt;100),"N",IF(AND('Cambios Auto'!HJ19&lt;0,'Indices Auto'!HT19&lt;100),"R","NULL"))))</f>
        <v>NULL</v>
      </c>
      <c r="HK19" s="19" t="str">
        <f>IF(AND('Cambios Auto'!HK19&gt;0,'Indices Auto'!HU19&gt;100),"V",IF(AND('Cambios Auto'!HK19&gt;0,'Indices Auto'!HU19&lt;100),"A",IF(AND('Cambios Auto'!HK19&lt;0,'Indices Auto'!HU19&gt;100),"N",IF(AND('Cambios Auto'!HK19&lt;0,'Indices Auto'!HU19&lt;100),"R","NULL"))))</f>
        <v>NULL</v>
      </c>
      <c r="HL19" s="19" t="str">
        <f>IF(AND('Cambios Auto'!HL19&gt;0,'Indices Auto'!HV19&gt;100),"V",IF(AND('Cambios Auto'!HL19&gt;0,'Indices Auto'!HV19&lt;100),"A",IF(AND('Cambios Auto'!HL19&lt;0,'Indices Auto'!HV19&gt;100),"N",IF(AND('Cambios Auto'!HL19&lt;0,'Indices Auto'!HV19&lt;100),"R","NULL"))))</f>
        <v>NULL</v>
      </c>
      <c r="HM19" s="19" t="str">
        <f>IF(AND('Cambios Auto'!HM19&gt;0,'Indices Auto'!HW19&gt;100),"V",IF(AND('Cambios Auto'!HM19&gt;0,'Indices Auto'!HW19&lt;100),"A",IF(AND('Cambios Auto'!HM19&lt;0,'Indices Auto'!HW19&gt;100),"N",IF(AND('Cambios Auto'!HM19&lt;0,'Indices Auto'!HW19&lt;100),"R","NULL"))))</f>
        <v>NULL</v>
      </c>
      <c r="HN19" s="19" t="str">
        <f>IF(AND('Cambios Auto'!HN19&gt;0,'Indices Auto'!HX19&gt;100),"V",IF(AND('Cambios Auto'!HN19&gt;0,'Indices Auto'!HX19&lt;100),"A",IF(AND('Cambios Auto'!HN19&lt;0,'Indices Auto'!HX19&gt;100),"N",IF(AND('Cambios Auto'!HN19&lt;0,'Indices Auto'!HX19&lt;100),"R","NULL"))))</f>
        <v>NULL</v>
      </c>
      <c r="HO19" s="19" t="str">
        <f>IF(AND('Cambios Auto'!HO19&gt;0,'Indices Auto'!HY19&gt;100),"V",IF(AND('Cambios Auto'!HO19&gt;0,'Indices Auto'!HY19&lt;100),"A",IF(AND('Cambios Auto'!HO19&lt;0,'Indices Auto'!HY19&gt;100),"N",IF(AND('Cambios Auto'!HO19&lt;0,'Indices Auto'!HY19&lt;100),"R","NULL"))))</f>
        <v>NULL</v>
      </c>
      <c r="HP19" s="19" t="str">
        <f>IF(AND('Cambios Auto'!HP19&gt;0,'Indices Auto'!HZ19&gt;100),"V",IF(AND('Cambios Auto'!HP19&gt;0,'Indices Auto'!HZ19&lt;100),"A",IF(AND('Cambios Auto'!HP19&lt;0,'Indices Auto'!HZ19&gt;100),"N",IF(AND('Cambios Auto'!HP19&lt;0,'Indices Auto'!HZ19&lt;100),"R","NULL"))))</f>
        <v>NULL</v>
      </c>
      <c r="HQ19" s="19" t="str">
        <f>IF(AND('Cambios Auto'!HQ19&gt;0,'Indices Auto'!IA19&gt;100),"V",IF(AND('Cambios Auto'!HQ19&gt;0,'Indices Auto'!IA19&lt;100),"A",IF(AND('Cambios Auto'!HQ19&lt;0,'Indices Auto'!IA19&gt;100),"N",IF(AND('Cambios Auto'!HQ19&lt;0,'Indices Auto'!IA19&lt;100),"R","NULL"))))</f>
        <v>NULL</v>
      </c>
      <c r="HR19" s="19" t="str">
        <f>IF(AND('Cambios Auto'!HR19&gt;0,'Indices Auto'!IB19&gt;100),"V",IF(AND('Cambios Auto'!HR19&gt;0,'Indices Auto'!IB19&lt;100),"A",IF(AND('Cambios Auto'!HR19&lt;0,'Indices Auto'!IB19&gt;100),"N",IF(AND('Cambios Auto'!HR19&lt;0,'Indices Auto'!IB19&lt;100),"R","NULL"))))</f>
        <v>NULL</v>
      </c>
      <c r="HS19" s="19" t="str">
        <f>IF(AND('Cambios Auto'!HS19&gt;0,'Indices Auto'!IC19&gt;100),"V",IF(AND('Cambios Auto'!HS19&gt;0,'Indices Auto'!IC19&lt;100),"A",IF(AND('Cambios Auto'!HS19&lt;0,'Indices Auto'!IC19&gt;100),"N",IF(AND('Cambios Auto'!HS19&lt;0,'Indices Auto'!IC19&lt;100),"R","NULL"))))</f>
        <v>NULL</v>
      </c>
      <c r="HT19" s="19" t="str">
        <f>IF(AND('Cambios Auto'!HT19&gt;0,'Indices Auto'!ID19&gt;100),"V",IF(AND('Cambios Auto'!HT19&gt;0,'Indices Auto'!ID19&lt;100),"A",IF(AND('Cambios Auto'!HT19&lt;0,'Indices Auto'!ID19&gt;100),"N",IF(AND('Cambios Auto'!HT19&lt;0,'Indices Auto'!ID19&lt;100),"R","NULL"))))</f>
        <v>NULL</v>
      </c>
      <c r="HU19" s="19" t="str">
        <f>IF(AND('Cambios Auto'!HU19&gt;0,'Indices Auto'!IE19&gt;100),"V",IF(AND('Cambios Auto'!HU19&gt;0,'Indices Auto'!IE19&lt;100),"A",IF(AND('Cambios Auto'!HU19&lt;0,'Indices Auto'!IE19&gt;100),"N",IF(AND('Cambios Auto'!HU19&lt;0,'Indices Auto'!IE19&lt;100),"R","NULL"))))</f>
        <v>NULL</v>
      </c>
      <c r="HV19" s="19" t="str">
        <f>IF(AND('Cambios Auto'!HV19&gt;0,'Indices Auto'!IF19&gt;100),"V",IF(AND('Cambios Auto'!HV19&gt;0,'Indices Auto'!IF19&lt;100),"A",IF(AND('Cambios Auto'!HV19&lt;0,'Indices Auto'!IF19&gt;100),"N",IF(AND('Cambios Auto'!HV19&lt;0,'Indices Auto'!IF19&lt;100),"R","NULL"))))</f>
        <v>NULL</v>
      </c>
      <c r="HW19" s="19" t="str">
        <f>IF(AND('Cambios Auto'!HW19&gt;0,'Indices Auto'!IG19&gt;100),"V",IF(AND('Cambios Auto'!HW19&gt;0,'Indices Auto'!IG19&lt;100),"A",IF(AND('Cambios Auto'!HW19&lt;0,'Indices Auto'!IG19&gt;100),"N",IF(AND('Cambios Auto'!HW19&lt;0,'Indices Auto'!IG19&lt;100),"R","NULL"))))</f>
        <v>NULL</v>
      </c>
      <c r="HX19" s="19" t="str">
        <f>IF(AND('Cambios Auto'!HX19&gt;0,'Indices Auto'!IH19&gt;100),"V",IF(AND('Cambios Auto'!HX19&gt;0,'Indices Auto'!IH19&lt;100),"A",IF(AND('Cambios Auto'!HX19&lt;0,'Indices Auto'!IH19&gt;100),"N",IF(AND('Cambios Auto'!HX19&lt;0,'Indices Auto'!IH19&lt;100),"R","NULL"))))</f>
        <v>NULL</v>
      </c>
      <c r="HY19" s="19" t="str">
        <f>IF(AND('Cambios Auto'!HY19&gt;0,'Indices Auto'!II19&gt;100),"V",IF(AND('Cambios Auto'!HY19&gt;0,'Indices Auto'!II19&lt;100),"A",IF(AND('Cambios Auto'!HY19&lt;0,'Indices Auto'!II19&gt;100),"N",IF(AND('Cambios Auto'!HY19&lt;0,'Indices Auto'!II19&lt;100),"R","NULL"))))</f>
        <v>NULL</v>
      </c>
      <c r="HZ19" s="19" t="str">
        <f>IF(AND('Cambios Auto'!HZ19&gt;0,'Indices Auto'!IJ19&gt;100),"V",IF(AND('Cambios Auto'!HZ19&gt;0,'Indices Auto'!IJ19&lt;100),"A",IF(AND('Cambios Auto'!HZ19&lt;0,'Indices Auto'!IJ19&gt;100),"N",IF(AND('Cambios Auto'!HZ19&lt;0,'Indices Auto'!IJ19&lt;100),"R","NULL"))))</f>
        <v>NULL</v>
      </c>
      <c r="IA19" s="19" t="str">
        <f>IF(AND('Cambios Auto'!IA19&gt;0,'Indices Auto'!IK19&gt;100),"V",IF(AND('Cambios Auto'!IA19&gt;0,'Indices Auto'!IK19&lt;100),"A",IF(AND('Cambios Auto'!IA19&lt;0,'Indices Auto'!IK19&gt;100),"N",IF(AND('Cambios Auto'!IA19&lt;0,'Indices Auto'!IK19&lt;100),"R","NULL"))))</f>
        <v>NULL</v>
      </c>
      <c r="IB19" s="19" t="str">
        <f>IF(AND('Cambios Auto'!IB19&gt;0,'Indices Auto'!IL19&gt;100),"V",IF(AND('Cambios Auto'!IB19&gt;0,'Indices Auto'!IL19&lt;100),"A",IF(AND('Cambios Auto'!IB19&lt;0,'Indices Auto'!IL19&gt;100),"N",IF(AND('Cambios Auto'!IB19&lt;0,'Indices Auto'!IL19&lt;100),"R","NULL"))))</f>
        <v>NULL</v>
      </c>
      <c r="IC19" s="19" t="str">
        <f>IF(AND('Cambios Auto'!IC19&gt;0,'Indices Auto'!IM19&gt;100),"V",IF(AND('Cambios Auto'!IC19&gt;0,'Indices Auto'!IM19&lt;100),"A",IF(AND('Cambios Auto'!IC19&lt;0,'Indices Auto'!IM19&gt;100),"N",IF(AND('Cambios Auto'!IC19&lt;0,'Indices Auto'!IM19&lt;100),"R","NULL"))))</f>
        <v>NULL</v>
      </c>
      <c r="ID19" s="19" t="str">
        <f>IF(AND('Cambios Auto'!ID19&gt;0,'Indices Auto'!IN19&gt;100),"V",IF(AND('Cambios Auto'!ID19&gt;0,'Indices Auto'!IN19&lt;100),"A",IF(AND('Cambios Auto'!ID19&lt;0,'Indices Auto'!IN19&gt;100),"N",IF(AND('Cambios Auto'!ID19&lt;0,'Indices Auto'!IN19&lt;100),"R","NULL"))))</f>
        <v>NULL</v>
      </c>
      <c r="IE19" s="19" t="str">
        <f>IF(AND('Cambios Auto'!IE19&gt;0,'Indices Auto'!IO19&gt;100),"V",IF(AND('Cambios Auto'!IE19&gt;0,'Indices Auto'!IO19&lt;100),"A",IF(AND('Cambios Auto'!IE19&lt;0,'Indices Auto'!IO19&gt;100),"N",IF(AND('Cambios Auto'!IE19&lt;0,'Indices Auto'!IO19&lt;100),"R","NULL"))))</f>
        <v>NULL</v>
      </c>
      <c r="IF19" s="19" t="str">
        <f>IF(AND('Cambios Auto'!IF19&gt;0,'Indices Auto'!IP19&gt;100),"V",IF(AND('Cambios Auto'!IF19&gt;0,'Indices Auto'!IP19&lt;100),"A",IF(AND('Cambios Auto'!IF19&lt;0,'Indices Auto'!IP19&gt;100),"N",IF(AND('Cambios Auto'!IF19&lt;0,'Indices Auto'!IP19&lt;100),"R","NULL"))))</f>
        <v>NULL</v>
      </c>
      <c r="IG19" s="19" t="str">
        <f>IF(AND('Cambios Auto'!IG19&gt;0,'Indices Auto'!IQ19&gt;100),"V",IF(AND('Cambios Auto'!IG19&gt;0,'Indices Auto'!IQ19&lt;100),"A",IF(AND('Cambios Auto'!IG19&lt;0,'Indices Auto'!IQ19&gt;100),"N",IF(AND('Cambios Auto'!IG19&lt;0,'Indices Auto'!IQ19&lt;100),"R","NULL"))))</f>
        <v>NULL</v>
      </c>
      <c r="IH19" s="19" t="str">
        <f>IF(AND('Cambios Auto'!IH19&gt;0,'Indices Auto'!IR19&gt;100),"V",IF(AND('Cambios Auto'!IH19&gt;0,'Indices Auto'!IR19&lt;100),"A",IF(AND('Cambios Auto'!IH19&lt;0,'Indices Auto'!IR19&gt;100),"N",IF(AND('Cambios Auto'!IH19&lt;0,'Indices Auto'!IR19&lt;100),"R","NULL"))))</f>
        <v>NULL</v>
      </c>
      <c r="II19" s="19" t="str">
        <f>IF(AND('Cambios Auto'!II19&gt;0,'Indices Auto'!IS19&gt;100),"V",IF(AND('Cambios Auto'!II19&gt;0,'Indices Auto'!IS19&lt;100),"A",IF(AND('Cambios Auto'!II19&lt;0,'Indices Auto'!IS19&gt;100),"N",IF(AND('Cambios Auto'!II19&lt;0,'Indices Auto'!IS19&lt;100),"R","NULL"))))</f>
        <v>NULL</v>
      </c>
      <c r="IJ19" s="19" t="str">
        <f>IF(AND('Cambios Auto'!IJ19&gt;0,'Indices Auto'!IT19&gt;100),"V",IF(AND('Cambios Auto'!IJ19&gt;0,'Indices Auto'!IT19&lt;100),"A",IF(AND('Cambios Auto'!IJ19&lt;0,'Indices Auto'!IT19&gt;100),"N",IF(AND('Cambios Auto'!IJ19&lt;0,'Indices Auto'!IT19&lt;100),"R","NULL"))))</f>
        <v>NULL</v>
      </c>
      <c r="IK19" s="19" t="str">
        <f>IF(AND('Cambios Auto'!IK19&gt;0,'Indices Auto'!IU19&gt;100),"V",IF(AND('Cambios Auto'!IK19&gt;0,'Indices Auto'!IU19&lt;100),"A",IF(AND('Cambios Auto'!IK19&lt;0,'Indices Auto'!IU19&gt;100),"N",IF(AND('Cambios Auto'!IK19&lt;0,'Indices Auto'!IU19&lt;100),"R","NULL"))))</f>
        <v>NULL</v>
      </c>
      <c r="IL19" s="19" t="str">
        <f>IF(AND('Cambios Auto'!IL19&gt;0,'Indices Auto'!IV19&gt;100),"V",IF(AND('Cambios Auto'!IL19&gt;0,'Indices Auto'!IV19&lt;100),"A",IF(AND('Cambios Auto'!IL19&lt;0,'Indices Auto'!IV19&gt;100),"N",IF(AND('Cambios Auto'!IL19&lt;0,'Indices Auto'!IV19&lt;100),"R","NULL"))))</f>
        <v>NULL</v>
      </c>
      <c r="IM19" s="19" t="str">
        <f>IF(AND('Cambios Auto'!IM19&gt;0,'Indices Auto'!IW19&gt;100),"V",IF(AND('Cambios Auto'!IM19&gt;0,'Indices Auto'!IW19&lt;100),"A",IF(AND('Cambios Auto'!IM19&lt;0,'Indices Auto'!IW19&gt;100),"N",IF(AND('Cambios Auto'!IM19&lt;0,'Indices Auto'!IW19&lt;100),"R","NULL"))))</f>
        <v>NULL</v>
      </c>
      <c r="IN19" s="19" t="str">
        <f>IF(AND('Cambios Auto'!IN19&gt;0,'Indices Auto'!IX19&gt;100),"V",IF(AND('Cambios Auto'!IN19&gt;0,'Indices Auto'!IX19&lt;100),"A",IF(AND('Cambios Auto'!IN19&lt;0,'Indices Auto'!IX19&gt;100),"N",IF(AND('Cambios Auto'!IN19&lt;0,'Indices Auto'!IX19&lt;100),"R","NULL"))))</f>
        <v>NULL</v>
      </c>
      <c r="IO19" s="19" t="str">
        <f>IF(AND('Cambios Auto'!IO19&gt;0,'Indices Auto'!IY19&gt;100),"V",IF(AND('Cambios Auto'!IO19&gt;0,'Indices Auto'!IY19&lt;100),"A",IF(AND('Cambios Auto'!IO19&lt;0,'Indices Auto'!IY19&gt;100),"N",IF(AND('Cambios Auto'!IO19&lt;0,'Indices Auto'!IY19&lt;100),"R","NULL"))))</f>
        <v>NULL</v>
      </c>
      <c r="IP19" s="19" t="str">
        <f>IF(AND('Cambios Auto'!IP19&gt;0,'Indices Auto'!IZ19&gt;100),"V",IF(AND('Cambios Auto'!IP19&gt;0,'Indices Auto'!IZ19&lt;100),"A",IF(AND('Cambios Auto'!IP19&lt;0,'Indices Auto'!IZ19&gt;100),"N",IF(AND('Cambios Auto'!IP19&lt;0,'Indices Auto'!IZ19&lt;100),"R","NULL"))))</f>
        <v>NULL</v>
      </c>
      <c r="IQ19" s="19" t="str">
        <f>IF(AND('Cambios Auto'!IQ19&gt;0,'Indices Auto'!JA19&gt;100),"V",IF(AND('Cambios Auto'!IQ19&gt;0,'Indices Auto'!JA19&lt;100),"A",IF(AND('Cambios Auto'!IQ19&lt;0,'Indices Auto'!JA19&gt;100),"N",IF(AND('Cambios Auto'!IQ19&lt;0,'Indices Auto'!JA19&lt;100),"R","NULL"))))</f>
        <v>NULL</v>
      </c>
      <c r="IR19" s="19" t="str">
        <f>IF(AND('Cambios Auto'!IR19&gt;0,'Indices Auto'!JB19&gt;100),"V",IF(AND('Cambios Auto'!IR19&gt;0,'Indices Auto'!JB19&lt;100),"A",IF(AND('Cambios Auto'!IR19&lt;0,'Indices Auto'!JB19&gt;100),"N",IF(AND('Cambios Auto'!IR19&lt;0,'Indices Auto'!JB19&lt;100),"R","NULL"))))</f>
        <v>NULL</v>
      </c>
      <c r="IS19" s="20" t="str">
        <f>IF(AND('Cambios Auto'!IS19&gt;0,'Indices Auto'!JC19&gt;100),"V",IF(AND('Cambios Auto'!IS19&gt;0,'Indices Auto'!JC19&lt;100),"A",IF(AND('Cambios Auto'!IS19&lt;0,'Indices Auto'!JC19&gt;100),"N",IF(AND('Cambios Auto'!IS19&lt;0,'Indices Auto'!JC19&lt;100),"R","NULL"))))</f>
        <v>NULL</v>
      </c>
      <c r="IT19" s="14"/>
    </row>
    <row r="20" spans="1:254" x14ac:dyDescent="0.25">
      <c r="A20" s="32"/>
      <c r="B20" s="32"/>
      <c r="C20" s="32"/>
      <c r="D20" s="32"/>
      <c r="E20" s="32"/>
      <c r="F20" s="32"/>
      <c r="G20" s="32"/>
      <c r="H20" s="32"/>
      <c r="I20" s="32"/>
      <c r="J20" s="32"/>
      <c r="K20" s="32"/>
      <c r="L20" s="32"/>
      <c r="M20" s="32"/>
      <c r="N20" s="32"/>
      <c r="O20" s="32"/>
      <c r="P20" s="32"/>
      <c r="Q20" s="32"/>
    </row>
    <row r="21" spans="1:254" ht="15" customHeight="1" x14ac:dyDescent="0.25">
      <c r="A21" s="30" t="s">
        <v>206</v>
      </c>
      <c r="B21" s="30"/>
      <c r="C21" s="30"/>
      <c r="D21" s="30"/>
      <c r="E21" s="30"/>
      <c r="F21" s="30"/>
      <c r="G21" s="30"/>
      <c r="H21" s="30"/>
      <c r="I21" s="30"/>
      <c r="J21" s="30"/>
      <c r="K21" s="30"/>
      <c r="L21" s="30"/>
      <c r="M21" s="30"/>
      <c r="N21" s="30"/>
      <c r="O21" s="30"/>
      <c r="P21" s="30"/>
      <c r="Q21" s="30"/>
    </row>
    <row r="22" spans="1:254" ht="15" customHeight="1" x14ac:dyDescent="0.25">
      <c r="A22" s="30" t="s">
        <v>207</v>
      </c>
      <c r="B22" s="30"/>
      <c r="C22" s="30"/>
      <c r="D22" s="30"/>
      <c r="E22" s="30"/>
      <c r="F22" s="30"/>
      <c r="G22" s="30"/>
      <c r="H22" s="30"/>
      <c r="I22" s="30"/>
      <c r="J22" s="30"/>
      <c r="K22" s="30"/>
      <c r="L22" s="30"/>
      <c r="M22" s="30"/>
      <c r="N22" s="30"/>
      <c r="O22" s="30"/>
      <c r="P22" s="30"/>
      <c r="Q22" s="30"/>
    </row>
    <row r="23" spans="1:254" ht="15" customHeight="1" x14ac:dyDescent="0.25">
      <c r="A23" s="30" t="s">
        <v>208</v>
      </c>
      <c r="B23" s="30"/>
      <c r="C23" s="30"/>
      <c r="D23" s="30"/>
      <c r="E23" s="30"/>
      <c r="F23" s="30"/>
      <c r="G23" s="30"/>
      <c r="H23" s="30"/>
      <c r="I23" s="30"/>
      <c r="J23" s="30"/>
      <c r="K23" s="30"/>
      <c r="L23" s="30"/>
      <c r="M23" s="30"/>
      <c r="N23" s="30"/>
      <c r="O23" s="30"/>
      <c r="P23" s="30"/>
      <c r="Q23" s="30"/>
    </row>
    <row r="24" spans="1:254" ht="15" customHeight="1" x14ac:dyDescent="0.25">
      <c r="A24" s="1"/>
    </row>
    <row r="25" spans="1:254" ht="15" customHeight="1" x14ac:dyDescent="0.25">
      <c r="A25" s="29" t="s">
        <v>209</v>
      </c>
      <c r="B25" s="29"/>
    </row>
    <row r="26" spans="1:254" ht="15" customHeight="1" x14ac:dyDescent="0.25">
      <c r="A26" s="1"/>
    </row>
    <row r="27" spans="1:254" x14ac:dyDescent="0.25">
      <c r="A27" s="23"/>
      <c r="B27" t="s">
        <v>278</v>
      </c>
    </row>
    <row r="29" spans="1:254" x14ac:dyDescent="0.25">
      <c r="A29" s="15"/>
      <c r="B29" t="s">
        <v>274</v>
      </c>
    </row>
    <row r="30" spans="1:254" x14ac:dyDescent="0.25">
      <c r="A30" s="16"/>
      <c r="B30" t="s">
        <v>275</v>
      </c>
    </row>
    <row r="31" spans="1:254" x14ac:dyDescent="0.25">
      <c r="A31" s="17"/>
      <c r="B31" t="s">
        <v>276</v>
      </c>
    </row>
    <row r="32" spans="1:254" x14ac:dyDescent="0.25">
      <c r="A32" s="18"/>
      <c r="B32" t="s">
        <v>277</v>
      </c>
    </row>
  </sheetData>
  <mergeCells count="7">
    <mergeCell ref="A25:B25"/>
    <mergeCell ref="A1:Q1"/>
    <mergeCell ref="A2:Q2"/>
    <mergeCell ref="A20:Q20"/>
    <mergeCell ref="A21:Q21"/>
    <mergeCell ref="A22:Q22"/>
    <mergeCell ref="A23:Q23"/>
  </mergeCells>
  <conditionalFormatting sqref="B4:IS19">
    <cfRule type="cellIs" dxfId="3" priority="1" operator="equal">
      <formula>"R"</formula>
    </cfRule>
    <cfRule type="cellIs" dxfId="2" priority="2" operator="equal">
      <formula>"A"</formula>
    </cfRule>
    <cfRule type="cellIs" dxfId="1" priority="3" operator="equal">
      <formula>"N"</formula>
    </cfRule>
    <cfRule type="cellIs" dxfId="0" priority="4" operator="equal">
      <formula>"V"</formula>
    </cfRule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5</vt:i4>
      </vt:variant>
      <vt:variant>
        <vt:lpstr>Rangos con nombre</vt:lpstr>
      </vt:variant>
      <vt:variant>
        <vt:i4>5</vt:i4>
      </vt:variant>
    </vt:vector>
  </HeadingPairs>
  <TitlesOfParts>
    <vt:vector size="10" baseType="lpstr">
      <vt:lpstr>BIE_c20150909171933</vt:lpstr>
      <vt:lpstr>BIE_c20150910131257</vt:lpstr>
      <vt:lpstr>Indices Auto</vt:lpstr>
      <vt:lpstr>Cambios Auto</vt:lpstr>
      <vt:lpstr>Semaforo</vt:lpstr>
      <vt:lpstr>BIE_c20150909171933!BIE_c20150909171933</vt:lpstr>
      <vt:lpstr>'Indices Auto'!BIE_c20150909171933</vt:lpstr>
      <vt:lpstr>Semaforo!BIE_c20150909171933</vt:lpstr>
      <vt:lpstr>BIE_c20150910131257!BIE_c20150910131257</vt:lpstr>
      <vt:lpstr>'Cambios Auto'!BIE_c20150910131257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olina Mario Campa</dc:creator>
  <cp:lastModifiedBy>Mario</cp:lastModifiedBy>
  <dcterms:created xsi:type="dcterms:W3CDTF">2015-09-09T22:21:24Z</dcterms:created>
  <dcterms:modified xsi:type="dcterms:W3CDTF">2016-07-06T06:31:38Z</dcterms:modified>
</cp:coreProperties>
</file>